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1393\01企画G\23_統計\厚生労働省\01_介護保険事業状況報告\02_月報HP\"/>
    </mc:Choice>
  </mc:AlternateContent>
  <bookViews>
    <workbookView xWindow="240" yWindow="72" windowWidth="14940" windowHeight="8556" tabRatio="853" firstSheet="11" activeTab="24"/>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refMode="R1C1"/>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i>
    <r>
      <t>８５歳以上９０</t>
    </r>
    <r>
      <rPr>
        <sz val="11"/>
        <rFont val="ＭＳ Ｐゴシック"/>
        <family val="3"/>
        <charset val="128"/>
      </rPr>
      <t>歳未満</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9"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s>
  <fills count="2">
    <fill>
      <patternFill patternType="none"/>
    </fill>
    <fill>
      <patternFill patternType="gray125"/>
    </fill>
  </fills>
  <borders count="102">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style="double">
        <color indexed="64"/>
      </left>
      <right/>
      <top style="medium">
        <color indexed="64"/>
      </top>
      <bottom style="thin">
        <color indexed="64"/>
      </bottom>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left style="double">
        <color indexed="64"/>
      </left>
      <right/>
      <top style="thin">
        <color indexed="64"/>
      </top>
      <bottom style="thin">
        <color indexed="64"/>
      </bottom>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left style="double">
        <color indexed="64"/>
      </left>
      <right/>
      <top style="thin">
        <color indexed="64"/>
      </top>
      <bottom style="medium">
        <color indexed="64"/>
      </bottom>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580">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66" xfId="1" applyNumberFormat="1" applyFont="1" applyBorder="1" applyAlignment="1">
      <alignment vertical="center"/>
    </xf>
    <xf numFmtId="0" fontId="3" fillId="0" borderId="1" xfId="0" applyFont="1" applyBorder="1" applyAlignment="1">
      <alignment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0" xfId="1" applyNumberFormat="1" applyFont="1" applyBorder="1" applyAlignment="1">
      <alignment vertical="center" shrinkToFit="1"/>
    </xf>
    <xf numFmtId="180" fontId="0" fillId="0" borderId="73"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82" fontId="2" fillId="0" borderId="0" xfId="0" applyNumberFormat="1" applyFont="1" applyAlignment="1">
      <alignment horizontal="center" vertical="center"/>
    </xf>
    <xf numFmtId="0" fontId="0" fillId="0" borderId="10" xfId="0" applyFont="1" applyBorder="1" applyAlignment="1">
      <alignment horizontal="center" vertical="center"/>
    </xf>
    <xf numFmtId="0" fontId="0" fillId="0" borderId="0" xfId="0" applyFont="1" applyBorder="1" applyAlignment="1">
      <alignment vertical="center"/>
    </xf>
    <xf numFmtId="0" fontId="0" fillId="0" borderId="0" xfId="0" applyFont="1" applyAlignment="1">
      <alignment vertical="center"/>
    </xf>
    <xf numFmtId="0" fontId="0" fillId="0" borderId="1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13" xfId="0" applyFont="1" applyBorder="1" applyAlignment="1">
      <alignment horizontal="center" vertical="center"/>
    </xf>
    <xf numFmtId="0" fontId="0" fillId="0" borderId="26" xfId="0" applyFont="1" applyBorder="1" applyAlignment="1">
      <alignment horizontal="center" vertical="center" wrapText="1"/>
    </xf>
    <xf numFmtId="0" fontId="0" fillId="0" borderId="30" xfId="0" applyFont="1" applyBorder="1" applyAlignment="1">
      <alignment horizontal="center" vertical="center"/>
    </xf>
    <xf numFmtId="0" fontId="0" fillId="0" borderId="96" xfId="0" applyFont="1" applyBorder="1" applyAlignment="1">
      <alignment horizontal="center" vertical="center"/>
    </xf>
    <xf numFmtId="0" fontId="0" fillId="0" borderId="68" xfId="0" applyFont="1" applyBorder="1" applyAlignment="1">
      <alignment horizontal="center" vertical="center"/>
    </xf>
    <xf numFmtId="0" fontId="0" fillId="0" borderId="71" xfId="0" applyFont="1" applyBorder="1" applyAlignment="1">
      <alignment horizontal="center" vertical="center"/>
    </xf>
    <xf numFmtId="0" fontId="0" fillId="0" borderId="69" xfId="0" applyFont="1" applyBorder="1" applyAlignment="1">
      <alignment horizontal="center" vertical="center" wrapText="1"/>
    </xf>
    <xf numFmtId="0" fontId="0" fillId="0" borderId="84"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left" vertical="center" shrinkToFit="1"/>
    </xf>
    <xf numFmtId="178" fontId="0" fillId="0" borderId="49" xfId="0" applyNumberFormat="1" applyFont="1" applyBorder="1" applyAlignment="1">
      <alignment vertical="center"/>
    </xf>
    <xf numFmtId="178" fontId="0" fillId="0" borderId="42" xfId="0" applyNumberFormat="1" applyFont="1" applyBorder="1" applyAlignment="1">
      <alignment vertical="center"/>
    </xf>
    <xf numFmtId="178" fontId="0" fillId="0" borderId="43" xfId="0" applyNumberFormat="1" applyFont="1" applyBorder="1" applyAlignment="1">
      <alignment vertical="center"/>
    </xf>
    <xf numFmtId="178" fontId="0" fillId="0" borderId="44" xfId="0" applyNumberFormat="1" applyFont="1" applyBorder="1" applyAlignment="1">
      <alignment vertical="center"/>
    </xf>
    <xf numFmtId="178" fontId="0" fillId="0" borderId="45" xfId="0" applyNumberFormat="1" applyFont="1" applyBorder="1" applyAlignment="1">
      <alignment vertical="center"/>
    </xf>
    <xf numFmtId="178" fontId="0" fillId="0" borderId="34" xfId="1" applyNumberFormat="1" applyFont="1" applyBorder="1" applyAlignment="1">
      <alignment vertical="center"/>
    </xf>
    <xf numFmtId="178" fontId="0" fillId="0" borderId="35" xfId="1" applyNumberFormat="1" applyFont="1" applyBorder="1" applyAlignment="1">
      <alignment vertical="center"/>
    </xf>
    <xf numFmtId="178" fontId="0" fillId="0" borderId="36" xfId="1" applyNumberFormat="1" applyFont="1" applyBorder="1" applyAlignment="1">
      <alignment vertical="center"/>
    </xf>
    <xf numFmtId="178" fontId="0" fillId="0" borderId="37" xfId="1" applyNumberFormat="1" applyFont="1" applyBorder="1" applyAlignment="1">
      <alignment vertical="center"/>
    </xf>
    <xf numFmtId="178" fontId="0" fillId="0" borderId="55" xfId="0" applyNumberFormat="1" applyFont="1" applyBorder="1" applyAlignment="1">
      <alignment vertical="center"/>
    </xf>
    <xf numFmtId="0" fontId="0" fillId="0" borderId="7" xfId="0" applyFont="1" applyBorder="1" applyAlignment="1">
      <alignment horizontal="left" vertical="center" shrinkToFit="1"/>
    </xf>
    <xf numFmtId="178" fontId="0" fillId="0" borderId="8" xfId="0" applyNumberFormat="1" applyFont="1" applyBorder="1" applyAlignment="1">
      <alignment vertical="center"/>
    </xf>
    <xf numFmtId="178" fontId="0" fillId="0" borderId="5" xfId="0" applyNumberFormat="1" applyFont="1" applyBorder="1" applyAlignment="1">
      <alignment vertical="center"/>
    </xf>
    <xf numFmtId="178" fontId="0" fillId="0" borderId="46" xfId="0" applyNumberFormat="1" applyFont="1" applyBorder="1" applyAlignment="1">
      <alignment vertical="center"/>
    </xf>
    <xf numFmtId="178" fontId="0" fillId="0" borderId="47" xfId="0" applyNumberFormat="1" applyFont="1" applyBorder="1" applyAlignment="1">
      <alignment vertical="center"/>
    </xf>
    <xf numFmtId="178" fontId="0" fillId="0" borderId="48" xfId="0" applyNumberFormat="1" applyFont="1" applyBorder="1" applyAlignment="1">
      <alignment vertical="center"/>
    </xf>
    <xf numFmtId="178" fontId="0" fillId="0" borderId="8" xfId="1" applyNumberFormat="1" applyFont="1" applyBorder="1" applyAlignment="1">
      <alignment vertical="center"/>
    </xf>
    <xf numFmtId="178" fontId="0" fillId="0" borderId="5" xfId="1" applyNumberFormat="1" applyFont="1" applyBorder="1" applyAlignment="1">
      <alignment vertical="center"/>
    </xf>
    <xf numFmtId="178" fontId="0" fillId="0" borderId="38" xfId="1" applyNumberFormat="1" applyFont="1" applyBorder="1" applyAlignment="1">
      <alignment vertical="center"/>
    </xf>
    <xf numFmtId="178" fontId="0" fillId="0" borderId="39" xfId="1" applyNumberFormat="1" applyFont="1" applyBorder="1" applyAlignment="1">
      <alignment vertical="center"/>
    </xf>
    <xf numFmtId="178" fontId="0" fillId="0" borderId="54" xfId="0" applyNumberFormat="1" applyFont="1" applyBorder="1" applyAlignment="1">
      <alignment vertical="center"/>
    </xf>
    <xf numFmtId="0" fontId="0" fillId="0" borderId="7" xfId="0" applyFont="1" applyBorder="1" applyAlignment="1">
      <alignment horizontal="left" vertical="center"/>
    </xf>
    <xf numFmtId="178" fontId="0" fillId="0" borderId="49" xfId="1" applyNumberFormat="1" applyFont="1" applyBorder="1" applyAlignment="1">
      <alignment vertical="center"/>
    </xf>
    <xf numFmtId="0" fontId="0" fillId="0" borderId="14" xfId="0" applyFont="1" applyBorder="1" applyAlignment="1">
      <alignment horizontal="left" vertical="center"/>
    </xf>
    <xf numFmtId="178" fontId="0" fillId="0" borderId="9" xfId="0" applyNumberFormat="1" applyFont="1" applyBorder="1" applyAlignment="1">
      <alignment vertical="center"/>
    </xf>
    <xf numFmtId="178" fontId="0" fillId="0" borderId="12" xfId="0" applyNumberFormat="1" applyFont="1" applyBorder="1" applyAlignment="1">
      <alignment vertical="center"/>
    </xf>
    <xf numFmtId="178" fontId="0" fillId="0" borderId="13" xfId="0" applyNumberFormat="1" applyFont="1" applyBorder="1" applyAlignment="1">
      <alignment vertical="center"/>
    </xf>
    <xf numFmtId="178" fontId="0" fillId="0" borderId="50" xfId="0" applyNumberFormat="1" applyFont="1" applyBorder="1" applyAlignment="1">
      <alignment vertical="center"/>
    </xf>
    <xf numFmtId="178" fontId="0" fillId="0" borderId="30" xfId="0" applyNumberFormat="1" applyFont="1" applyBorder="1" applyAlignment="1">
      <alignment vertical="center"/>
    </xf>
    <xf numFmtId="178" fontId="0" fillId="0" borderId="9" xfId="1" applyNumberFormat="1" applyFont="1" applyBorder="1" applyAlignment="1">
      <alignment vertical="center"/>
    </xf>
    <xf numFmtId="178" fontId="0" fillId="0" borderId="12" xfId="1" applyNumberFormat="1" applyFont="1" applyBorder="1" applyAlignment="1">
      <alignment vertical="center"/>
    </xf>
    <xf numFmtId="178" fontId="0" fillId="0" borderId="25" xfId="1" applyNumberFormat="1" applyFont="1" applyBorder="1" applyAlignment="1">
      <alignment vertical="center"/>
    </xf>
    <xf numFmtId="178" fontId="0" fillId="0" borderId="40" xfId="1" applyNumberFormat="1" applyFont="1" applyBorder="1" applyAlignment="1">
      <alignment vertical="center"/>
    </xf>
    <xf numFmtId="178" fontId="0" fillId="0" borderId="33" xfId="0" applyNumberFormat="1" applyFont="1" applyBorder="1" applyAlignment="1">
      <alignment vertical="center"/>
    </xf>
    <xf numFmtId="0" fontId="0" fillId="0" borderId="15"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wrapText="1"/>
    </xf>
    <xf numFmtId="176" fontId="0" fillId="0" borderId="34" xfId="1" applyNumberFormat="1" applyFont="1" applyBorder="1" applyAlignment="1">
      <alignment vertical="center"/>
    </xf>
    <xf numFmtId="176" fontId="0" fillId="0" borderId="35" xfId="1" applyNumberFormat="1" applyFont="1" applyBorder="1" applyAlignment="1">
      <alignment vertical="center"/>
    </xf>
    <xf numFmtId="176" fontId="0" fillId="0" borderId="36" xfId="1" applyNumberFormat="1" applyFont="1" applyBorder="1" applyAlignment="1">
      <alignment vertical="center"/>
    </xf>
    <xf numFmtId="176" fontId="0" fillId="0" borderId="51" xfId="1" applyNumberFormat="1" applyFont="1" applyBorder="1" applyAlignment="1">
      <alignment vertical="center"/>
    </xf>
    <xf numFmtId="176" fontId="0" fillId="0" borderId="37" xfId="1" applyNumberFormat="1" applyFont="1" applyBorder="1" applyAlignment="1">
      <alignment vertical="center"/>
    </xf>
    <xf numFmtId="176" fontId="0" fillId="0" borderId="52" xfId="1" applyNumberFormat="1" applyFont="1" applyBorder="1" applyAlignment="1">
      <alignment vertical="center"/>
    </xf>
    <xf numFmtId="176" fontId="0" fillId="0" borderId="8" xfId="1" applyNumberFormat="1" applyFont="1" applyBorder="1" applyAlignment="1">
      <alignment vertical="center"/>
    </xf>
    <xf numFmtId="176" fontId="0" fillId="0" borderId="5" xfId="1" applyNumberFormat="1" applyFont="1" applyBorder="1" applyAlignment="1">
      <alignment vertical="center"/>
    </xf>
    <xf numFmtId="176" fontId="0" fillId="0" borderId="38" xfId="1" applyNumberFormat="1" applyFont="1" applyBorder="1" applyAlignment="1">
      <alignment vertical="center"/>
    </xf>
    <xf numFmtId="176" fontId="0" fillId="0" borderId="53" xfId="1" applyNumberFormat="1" applyFont="1" applyBorder="1" applyAlignment="1">
      <alignment vertical="center"/>
    </xf>
    <xf numFmtId="176" fontId="0" fillId="0" borderId="39" xfId="1" applyNumberFormat="1" applyFont="1" applyBorder="1" applyAlignment="1">
      <alignment vertical="center"/>
    </xf>
    <xf numFmtId="176" fontId="0" fillId="0" borderId="54" xfId="1" applyNumberFormat="1" applyFont="1" applyBorder="1" applyAlignment="1">
      <alignment vertical="center"/>
    </xf>
    <xf numFmtId="176" fontId="0" fillId="0" borderId="9" xfId="1" applyNumberFormat="1" applyFont="1" applyBorder="1" applyAlignment="1">
      <alignment vertical="center"/>
    </xf>
    <xf numFmtId="176" fontId="0" fillId="0" borderId="12" xfId="1" applyNumberFormat="1" applyFont="1" applyBorder="1" applyAlignment="1">
      <alignment vertical="center"/>
    </xf>
    <xf numFmtId="176" fontId="0" fillId="0" borderId="25" xfId="1" applyNumberFormat="1" applyFont="1" applyBorder="1" applyAlignment="1">
      <alignment vertical="center"/>
    </xf>
    <xf numFmtId="176" fontId="0" fillId="0" borderId="26" xfId="1" applyNumberFormat="1" applyFont="1" applyBorder="1" applyAlignment="1">
      <alignment vertical="center"/>
    </xf>
    <xf numFmtId="176" fontId="0" fillId="0" borderId="40" xfId="1" applyNumberFormat="1" applyFont="1" applyBorder="1" applyAlignment="1">
      <alignment vertical="center"/>
    </xf>
    <xf numFmtId="176" fontId="0" fillId="0" borderId="33" xfId="1" applyNumberFormat="1" applyFont="1" applyBorder="1" applyAlignment="1">
      <alignment vertical="center"/>
    </xf>
    <xf numFmtId="0" fontId="5" fillId="0" borderId="0" xfId="3" applyFont="1">
      <alignment vertical="center"/>
    </xf>
    <xf numFmtId="0" fontId="2" fillId="0" borderId="0" xfId="3" applyFont="1">
      <alignment vertical="center"/>
    </xf>
    <xf numFmtId="0" fontId="2" fillId="0" borderId="9" xfId="3" applyFont="1" applyBorder="1" applyAlignment="1">
      <alignment horizontal="center" vertical="center"/>
    </xf>
    <xf numFmtId="0" fontId="2" fillId="0" borderId="12" xfId="3" applyFont="1" applyBorder="1" applyAlignment="1">
      <alignment horizontal="center" vertical="center"/>
    </xf>
    <xf numFmtId="0" fontId="2" fillId="0" borderId="66" xfId="3" applyFont="1" applyBorder="1" applyAlignment="1">
      <alignment horizontal="center" vertical="center"/>
    </xf>
    <xf numFmtId="0" fontId="2" fillId="0" borderId="26" xfId="3" applyFont="1" applyBorder="1" applyAlignment="1">
      <alignment horizontal="center" vertical="center" wrapText="1"/>
    </xf>
    <xf numFmtId="0" fontId="2" fillId="0" borderId="13" xfId="3" applyFont="1" applyBorder="1" applyAlignment="1">
      <alignment horizontal="center" vertical="center"/>
    </xf>
    <xf numFmtId="0" fontId="2" fillId="0" borderId="25" xfId="3" applyFont="1" applyBorder="1" applyAlignment="1">
      <alignment horizontal="center" vertical="center"/>
    </xf>
    <xf numFmtId="0" fontId="2" fillId="0" borderId="3" xfId="0" applyFont="1" applyBorder="1" applyAlignment="1">
      <alignment horizontal="left" vertical="center" shrinkToFit="1"/>
    </xf>
    <xf numFmtId="38" fontId="2" fillId="0" borderId="49" xfId="1" applyFont="1" applyBorder="1" applyAlignment="1">
      <alignment vertical="center"/>
    </xf>
    <xf numFmtId="38" fontId="2" fillId="0" borderId="42" xfId="1" applyFont="1" applyBorder="1" applyAlignment="1">
      <alignment vertical="center"/>
    </xf>
    <xf numFmtId="38" fontId="2" fillId="0" borderId="57" xfId="1" applyFont="1" applyBorder="1" applyAlignment="1">
      <alignment vertical="center"/>
    </xf>
    <xf numFmtId="38" fontId="2" fillId="0" borderId="90" xfId="1" applyFont="1" applyBorder="1" applyAlignment="1">
      <alignment vertical="center"/>
    </xf>
    <xf numFmtId="38" fontId="2" fillId="0" borderId="73" xfId="1" applyFont="1" applyBorder="1" applyAlignment="1">
      <alignment vertical="center"/>
    </xf>
    <xf numFmtId="38" fontId="2" fillId="0" borderId="89" xfId="1" applyFont="1" applyBorder="1" applyAlignment="1">
      <alignment vertical="center"/>
    </xf>
    <xf numFmtId="38" fontId="2" fillId="0" borderId="4" xfId="1" applyFont="1" applyBorder="1" applyAlignment="1">
      <alignment vertical="center"/>
    </xf>
    <xf numFmtId="0" fontId="2" fillId="0" borderId="7" xfId="0" applyFont="1" applyBorder="1" applyAlignment="1">
      <alignment horizontal="left" vertical="center" shrinkToFit="1"/>
    </xf>
    <xf numFmtId="38" fontId="2" fillId="0" borderId="8" xfId="1" applyFont="1" applyBorder="1" applyAlignment="1">
      <alignment vertical="center"/>
    </xf>
    <xf numFmtId="38" fontId="2" fillId="0" borderId="5" xfId="1" applyFont="1" applyBorder="1" applyAlignment="1">
      <alignment vertical="center"/>
    </xf>
    <xf numFmtId="38" fontId="2" fillId="0" borderId="56" xfId="1" applyFont="1" applyBorder="1" applyAlignment="1">
      <alignment vertical="center"/>
    </xf>
    <xf numFmtId="38" fontId="2" fillId="0" borderId="53" xfId="1" applyFont="1" applyBorder="1" applyAlignment="1">
      <alignment vertical="center"/>
    </xf>
    <xf numFmtId="38" fontId="2" fillId="0" borderId="46" xfId="1" applyFont="1" applyBorder="1" applyAlignment="1">
      <alignment vertical="center"/>
    </xf>
    <xf numFmtId="38" fontId="2" fillId="0" borderId="39" xfId="1" applyFont="1" applyBorder="1" applyAlignment="1">
      <alignment vertical="center"/>
    </xf>
    <xf numFmtId="38" fontId="2" fillId="0" borderId="38" xfId="1" applyFont="1" applyBorder="1" applyAlignment="1">
      <alignment vertical="center"/>
    </xf>
    <xf numFmtId="0" fontId="2" fillId="0" borderId="7" xfId="0" applyFont="1" applyBorder="1" applyAlignment="1">
      <alignment horizontal="left" vertical="center"/>
    </xf>
    <xf numFmtId="0" fontId="2" fillId="0" borderId="14" xfId="0" applyFont="1" applyBorder="1" applyAlignment="1">
      <alignment horizontal="left" vertical="center"/>
    </xf>
    <xf numFmtId="38" fontId="2" fillId="0" borderId="9" xfId="1" applyFont="1" applyBorder="1" applyAlignment="1">
      <alignment vertical="center"/>
    </xf>
    <xf numFmtId="38" fontId="2" fillId="0" borderId="12" xfId="1" applyFont="1" applyBorder="1" applyAlignment="1">
      <alignment vertical="center"/>
    </xf>
    <xf numFmtId="38" fontId="2" fillId="0" borderId="66" xfId="1" applyFont="1" applyBorder="1" applyAlignment="1">
      <alignment vertical="center"/>
    </xf>
    <xf numFmtId="38" fontId="2" fillId="0" borderId="26" xfId="1" applyFont="1" applyBorder="1" applyAlignment="1">
      <alignment vertical="center"/>
    </xf>
    <xf numFmtId="38" fontId="2" fillId="0" borderId="13" xfId="1" applyFont="1" applyBorder="1" applyAlignment="1">
      <alignment vertical="center"/>
    </xf>
    <xf numFmtId="38" fontId="2" fillId="0" borderId="40" xfId="1" applyFont="1" applyBorder="1" applyAlignment="1">
      <alignment vertical="center"/>
    </xf>
    <xf numFmtId="38" fontId="2" fillId="0" borderId="25" xfId="1" applyFont="1" applyBorder="1" applyAlignment="1">
      <alignment vertical="center"/>
    </xf>
    <xf numFmtId="0" fontId="0" fillId="0" borderId="0" xfId="3" applyFont="1">
      <alignment vertical="center"/>
    </xf>
    <xf numFmtId="182" fontId="0" fillId="0" borderId="0" xfId="0" applyNumberFormat="1" applyFont="1" applyAlignment="1">
      <alignment horizontal="center" vertical="center"/>
    </xf>
    <xf numFmtId="0" fontId="0" fillId="0" borderId="9" xfId="3" applyFont="1" applyBorder="1" applyAlignment="1">
      <alignment horizontal="center" vertical="center"/>
    </xf>
    <xf numFmtId="0" fontId="0" fillId="0" borderId="12" xfId="3" applyFont="1" applyBorder="1" applyAlignment="1">
      <alignment horizontal="center" vertical="center"/>
    </xf>
    <xf numFmtId="0" fontId="0" fillId="0" borderId="66" xfId="3" applyFont="1" applyBorder="1" applyAlignment="1">
      <alignment horizontal="center" vertical="center"/>
    </xf>
    <xf numFmtId="0" fontId="0" fillId="0" borderId="26" xfId="3" applyFont="1" applyBorder="1" applyAlignment="1">
      <alignment horizontal="center" vertical="center" wrapText="1"/>
    </xf>
    <xf numFmtId="0" fontId="0" fillId="0" borderId="13" xfId="3" applyFont="1" applyBorder="1" applyAlignment="1">
      <alignment horizontal="center" vertical="center"/>
    </xf>
    <xf numFmtId="0" fontId="0" fillId="0" borderId="25" xfId="3" applyFont="1" applyBorder="1" applyAlignment="1">
      <alignment horizontal="center" vertical="center"/>
    </xf>
    <xf numFmtId="38" fontId="0" fillId="0" borderId="49" xfId="1" applyFont="1" applyBorder="1" applyAlignment="1">
      <alignment vertical="center"/>
    </xf>
    <xf numFmtId="38" fontId="0" fillId="0" borderId="42" xfId="1" applyFont="1" applyBorder="1" applyAlignment="1">
      <alignment vertical="center"/>
    </xf>
    <xf numFmtId="38" fontId="0" fillId="0" borderId="57" xfId="1" applyFont="1" applyBorder="1" applyAlignment="1">
      <alignment vertical="center"/>
    </xf>
    <xf numFmtId="38" fontId="0" fillId="0" borderId="90" xfId="1" applyFont="1" applyBorder="1" applyAlignment="1">
      <alignment vertical="center"/>
    </xf>
    <xf numFmtId="38" fontId="0" fillId="0" borderId="73" xfId="1" applyFont="1" applyBorder="1" applyAlignment="1">
      <alignment vertical="center"/>
    </xf>
    <xf numFmtId="38" fontId="0" fillId="0" borderId="89" xfId="1" applyFont="1" applyBorder="1" applyAlignment="1">
      <alignment vertical="center"/>
    </xf>
    <xf numFmtId="38" fontId="0" fillId="0" borderId="4" xfId="1" applyFont="1" applyBorder="1" applyAlignment="1">
      <alignment vertical="center"/>
    </xf>
    <xf numFmtId="38" fontId="0" fillId="0" borderId="8" xfId="1" applyFont="1" applyBorder="1" applyAlignment="1">
      <alignment vertical="center"/>
    </xf>
    <xf numFmtId="38" fontId="0" fillId="0" borderId="5" xfId="1" applyFont="1" applyBorder="1" applyAlignment="1">
      <alignment vertical="center"/>
    </xf>
    <xf numFmtId="38" fontId="0" fillId="0" borderId="56" xfId="1" applyFont="1" applyBorder="1" applyAlignment="1">
      <alignment vertical="center"/>
    </xf>
    <xf numFmtId="38" fontId="0" fillId="0" borderId="53" xfId="1" applyFont="1" applyBorder="1" applyAlignment="1">
      <alignment vertical="center"/>
    </xf>
    <xf numFmtId="38" fontId="0" fillId="0" borderId="46" xfId="1" applyFont="1" applyBorder="1" applyAlignment="1">
      <alignment vertical="center"/>
    </xf>
    <xf numFmtId="38" fontId="0" fillId="0" borderId="39" xfId="1" applyFont="1" applyBorder="1" applyAlignment="1">
      <alignment vertical="center"/>
    </xf>
    <xf numFmtId="38" fontId="0" fillId="0" borderId="38" xfId="1" applyFont="1" applyBorder="1" applyAlignment="1">
      <alignment vertical="center"/>
    </xf>
    <xf numFmtId="38" fontId="0" fillId="0" borderId="9" xfId="1" applyFont="1" applyBorder="1" applyAlignment="1">
      <alignment vertical="center"/>
    </xf>
    <xf numFmtId="38" fontId="0" fillId="0" borderId="12" xfId="1" applyFont="1" applyBorder="1" applyAlignment="1">
      <alignment vertical="center"/>
    </xf>
    <xf numFmtId="38" fontId="0" fillId="0" borderId="66" xfId="1" applyFont="1" applyBorder="1" applyAlignment="1">
      <alignment vertical="center"/>
    </xf>
    <xf numFmtId="38" fontId="0" fillId="0" borderId="26" xfId="1" applyFont="1" applyBorder="1" applyAlignment="1">
      <alignment vertical="center"/>
    </xf>
    <xf numFmtId="38" fontId="0" fillId="0" borderId="13" xfId="1" applyFont="1" applyBorder="1" applyAlignment="1">
      <alignment vertical="center"/>
    </xf>
    <xf numFmtId="38" fontId="0" fillId="0" borderId="40" xfId="1" applyFont="1" applyBorder="1" applyAlignment="1">
      <alignment vertical="center"/>
    </xf>
    <xf numFmtId="38" fontId="0" fillId="0" borderId="25" xfId="1" applyFont="1" applyBorder="1" applyAlignment="1">
      <alignment vertical="center"/>
    </xf>
    <xf numFmtId="0" fontId="0" fillId="0" borderId="33" xfId="3" applyFont="1" applyBorder="1" applyAlignment="1">
      <alignment horizontal="center" vertical="center"/>
    </xf>
    <xf numFmtId="0" fontId="0" fillId="0" borderId="72" xfId="3" applyFont="1" applyBorder="1" applyAlignment="1">
      <alignment horizontal="center" vertical="center"/>
    </xf>
    <xf numFmtId="38" fontId="0" fillId="0" borderId="74" xfId="1" applyFont="1" applyBorder="1" applyAlignment="1">
      <alignment vertical="center"/>
    </xf>
    <xf numFmtId="38" fontId="0" fillId="0" borderId="65" xfId="1" applyFont="1" applyBorder="1" applyAlignment="1">
      <alignment vertical="center"/>
    </xf>
    <xf numFmtId="38" fontId="0" fillId="0" borderId="72" xfId="1" applyFont="1" applyBorder="1" applyAlignment="1">
      <alignment vertical="center"/>
    </xf>
    <xf numFmtId="0" fontId="0" fillId="0" borderId="0" xfId="0" applyFont="1" applyBorder="1" applyAlignment="1">
      <alignment horizontal="center" vertical="center"/>
    </xf>
    <xf numFmtId="0" fontId="0" fillId="0" borderId="0" xfId="0" applyFont="1" applyBorder="1" applyAlignment="1">
      <alignment horizontal="right" vertical="center"/>
    </xf>
    <xf numFmtId="177" fontId="0" fillId="0" borderId="34" xfId="1" applyNumberFormat="1" applyFont="1" applyBorder="1" applyAlignment="1">
      <alignment vertical="center"/>
    </xf>
    <xf numFmtId="177" fontId="0" fillId="0" borderId="35" xfId="1" applyNumberFormat="1" applyFont="1" applyBorder="1" applyAlignment="1">
      <alignment vertical="center"/>
    </xf>
    <xf numFmtId="177" fontId="0" fillId="0" borderId="36" xfId="1" applyNumberFormat="1" applyFont="1" applyBorder="1" applyAlignment="1">
      <alignment vertical="center"/>
    </xf>
    <xf numFmtId="177" fontId="0" fillId="0" borderId="51" xfId="1" applyNumberFormat="1" applyFont="1" applyBorder="1" applyAlignment="1">
      <alignment vertical="center"/>
    </xf>
    <xf numFmtId="177" fontId="0" fillId="0" borderId="37" xfId="1" applyNumberFormat="1" applyFont="1" applyBorder="1" applyAlignment="1">
      <alignment vertical="center"/>
    </xf>
    <xf numFmtId="177" fontId="0" fillId="0" borderId="52" xfId="1" applyNumberFormat="1" applyFont="1" applyBorder="1" applyAlignment="1">
      <alignment vertical="center"/>
    </xf>
    <xf numFmtId="177" fontId="0" fillId="0" borderId="8" xfId="1" applyNumberFormat="1" applyFont="1" applyBorder="1" applyAlignment="1">
      <alignment vertical="center"/>
    </xf>
    <xf numFmtId="177" fontId="0" fillId="0" borderId="5" xfId="1" applyNumberFormat="1" applyFont="1" applyBorder="1" applyAlignment="1">
      <alignment vertical="center"/>
    </xf>
    <xf numFmtId="177" fontId="0" fillId="0" borderId="38" xfId="1" applyNumberFormat="1" applyFont="1" applyBorder="1" applyAlignment="1">
      <alignment vertical="center"/>
    </xf>
    <xf numFmtId="177" fontId="0" fillId="0" borderId="53" xfId="1" applyNumberFormat="1" applyFont="1" applyBorder="1" applyAlignment="1">
      <alignment vertical="center"/>
    </xf>
    <xf numFmtId="177" fontId="0" fillId="0" borderId="39" xfId="1" applyNumberFormat="1" applyFont="1" applyBorder="1" applyAlignment="1">
      <alignment vertical="center"/>
    </xf>
    <xf numFmtId="177" fontId="0" fillId="0" borderId="54" xfId="1" applyNumberFormat="1" applyFont="1" applyBorder="1" applyAlignment="1">
      <alignment vertical="center"/>
    </xf>
    <xf numFmtId="177" fontId="0" fillId="0" borderId="9" xfId="1" applyNumberFormat="1" applyFont="1" applyBorder="1" applyAlignment="1">
      <alignment vertical="center"/>
    </xf>
    <xf numFmtId="177" fontId="0" fillId="0" borderId="12" xfId="1" applyNumberFormat="1" applyFont="1" applyBorder="1" applyAlignment="1">
      <alignment vertical="center"/>
    </xf>
    <xf numFmtId="177" fontId="0" fillId="0" borderId="25" xfId="1" applyNumberFormat="1" applyFont="1" applyBorder="1" applyAlignment="1">
      <alignment vertical="center"/>
    </xf>
    <xf numFmtId="177" fontId="0" fillId="0" borderId="26" xfId="1" applyNumberFormat="1" applyFont="1" applyBorder="1" applyAlignment="1">
      <alignment vertical="center"/>
    </xf>
    <xf numFmtId="177" fontId="0" fillId="0" borderId="40" xfId="1" applyNumberFormat="1" applyFont="1" applyBorder="1" applyAlignment="1">
      <alignment vertical="center"/>
    </xf>
    <xf numFmtId="177" fontId="0" fillId="0" borderId="33" xfId="1" applyNumberFormat="1" applyFont="1" applyBorder="1" applyAlignment="1">
      <alignment vertical="center"/>
    </xf>
    <xf numFmtId="0" fontId="0" fillId="0" borderId="20" xfId="0" applyFont="1" applyBorder="1" applyAlignment="1">
      <alignment horizontal="center" vertical="center" wrapText="1"/>
    </xf>
    <xf numFmtId="38" fontId="0" fillId="0" borderId="21" xfId="1" applyFont="1" applyBorder="1" applyAlignment="1">
      <alignment horizontal="center" vertical="center" wrapText="1"/>
    </xf>
    <xf numFmtId="0" fontId="0" fillId="0" borderId="22" xfId="0" applyFont="1" applyBorder="1" applyAlignment="1">
      <alignment horizontal="center" vertical="center" wrapText="1"/>
    </xf>
    <xf numFmtId="38" fontId="0" fillId="0" borderId="23" xfId="1" applyFont="1" applyBorder="1" applyAlignment="1">
      <alignment horizontal="center" vertical="center" wrapText="1"/>
    </xf>
    <xf numFmtId="0" fontId="0" fillId="0" borderId="23" xfId="0" applyFont="1" applyBorder="1" applyAlignment="1">
      <alignment horizontal="center" vertical="center" wrapText="1"/>
    </xf>
    <xf numFmtId="38" fontId="0" fillId="0" borderId="24" xfId="1" applyFont="1" applyBorder="1" applyAlignment="1">
      <alignment horizontal="center" vertical="center" wrapText="1"/>
    </xf>
    <xf numFmtId="0" fontId="0" fillId="0" borderId="11" xfId="0" applyFont="1" applyBorder="1" applyAlignment="1">
      <alignment horizontal="center" vertical="center" wrapText="1"/>
    </xf>
    <xf numFmtId="177" fontId="0" fillId="0" borderId="43" xfId="1" applyNumberFormat="1" applyFont="1" applyBorder="1" applyAlignment="1">
      <alignment vertical="center"/>
    </xf>
    <xf numFmtId="177" fontId="0" fillId="0" borderId="58" xfId="1" applyNumberFormat="1" applyFont="1" applyBorder="1" applyAlignment="1">
      <alignment vertical="center"/>
    </xf>
    <xf numFmtId="177" fontId="0" fillId="0" borderId="45" xfId="1" applyNumberFormat="1" applyFont="1" applyBorder="1" applyAlignment="1">
      <alignment vertical="center"/>
    </xf>
    <xf numFmtId="38" fontId="0" fillId="0" borderId="0" xfId="1" applyFont="1" applyAlignment="1">
      <alignment vertical="center"/>
    </xf>
    <xf numFmtId="177" fontId="0" fillId="0" borderId="46" xfId="1" applyNumberFormat="1" applyFont="1" applyBorder="1" applyAlignment="1">
      <alignment vertical="center"/>
    </xf>
    <xf numFmtId="177" fontId="0" fillId="0" borderId="56" xfId="1" applyNumberFormat="1" applyFont="1" applyBorder="1" applyAlignment="1">
      <alignment vertical="center"/>
    </xf>
    <xf numFmtId="177" fontId="0" fillId="0" borderId="48" xfId="1" applyNumberFormat="1" applyFont="1" applyBorder="1" applyAlignment="1">
      <alignment vertical="center"/>
    </xf>
    <xf numFmtId="177" fontId="0" fillId="0" borderId="13" xfId="1" applyNumberFormat="1" applyFont="1" applyBorder="1" applyAlignment="1">
      <alignment vertical="center"/>
    </xf>
    <xf numFmtId="177" fontId="0" fillId="0" borderId="66" xfId="1" applyNumberFormat="1" applyFont="1" applyBorder="1" applyAlignment="1">
      <alignment vertical="center"/>
    </xf>
    <xf numFmtId="177" fontId="0" fillId="0" borderId="30" xfId="1" applyNumberFormat="1" applyFont="1" applyBorder="1" applyAlignment="1">
      <alignment vertical="center"/>
    </xf>
    <xf numFmtId="38" fontId="0" fillId="0" borderId="0" xfId="1" applyFont="1" applyBorder="1" applyAlignment="1">
      <alignment vertical="center"/>
    </xf>
    <xf numFmtId="0" fontId="0" fillId="0" borderId="0" xfId="0" applyFont="1" applyFill="1" applyAlignment="1">
      <alignment vertical="center"/>
    </xf>
    <xf numFmtId="182" fontId="0" fillId="0" borderId="0" xfId="0" applyNumberFormat="1" applyFont="1" applyBorder="1" applyAlignment="1">
      <alignment horizontal="center" vertical="center"/>
    </xf>
    <xf numFmtId="0" fontId="0" fillId="0" borderId="33" xfId="0" applyFont="1" applyBorder="1" applyAlignment="1">
      <alignment horizontal="center" vertical="center"/>
    </xf>
    <xf numFmtId="0" fontId="0" fillId="0" borderId="25" xfId="0" applyFont="1" applyBorder="1" applyAlignment="1">
      <alignment horizontal="center" vertical="center"/>
    </xf>
    <xf numFmtId="0" fontId="0" fillId="0" borderId="20" xfId="0" applyFont="1" applyBorder="1" applyAlignment="1">
      <alignment horizontal="center" vertical="center"/>
    </xf>
    <xf numFmtId="0" fontId="0" fillId="0" borderId="23" xfId="0" applyFont="1" applyBorder="1" applyAlignment="1">
      <alignment horizontal="center" vertical="center"/>
    </xf>
    <xf numFmtId="0" fontId="0" fillId="0" borderId="24" xfId="0" applyFont="1" applyBorder="1" applyAlignment="1">
      <alignment horizontal="center" vertical="center"/>
    </xf>
    <xf numFmtId="0" fontId="0" fillId="0" borderId="21" xfId="0" applyFont="1" applyBorder="1" applyAlignment="1">
      <alignment horizontal="center" vertical="center"/>
    </xf>
    <xf numFmtId="179" fontId="0" fillId="0" borderId="55" xfId="0" applyNumberFormat="1" applyFont="1" applyBorder="1" applyAlignment="1">
      <alignment shrinkToFit="1"/>
    </xf>
    <xf numFmtId="179" fontId="0" fillId="0" borderId="42" xfId="0" applyNumberFormat="1" applyFont="1" applyBorder="1" applyAlignment="1">
      <alignment shrinkToFit="1"/>
    </xf>
    <xf numFmtId="179" fontId="0" fillId="0" borderId="73" xfId="0" applyNumberFormat="1" applyFont="1" applyBorder="1" applyAlignment="1">
      <alignment shrinkToFit="1"/>
    </xf>
    <xf numFmtId="179" fontId="0" fillId="0" borderId="74" xfId="0" applyNumberFormat="1" applyFont="1" applyBorder="1" applyAlignment="1">
      <alignment shrinkToFit="1"/>
    </xf>
    <xf numFmtId="179" fontId="0" fillId="0" borderId="57" xfId="0" applyNumberFormat="1" applyFont="1" applyBorder="1" applyAlignment="1">
      <alignment shrinkToFit="1"/>
    </xf>
    <xf numFmtId="179" fontId="0" fillId="0" borderId="37" xfId="0" applyNumberFormat="1" applyFont="1" applyBorder="1" applyAlignment="1">
      <alignment shrinkToFit="1"/>
    </xf>
    <xf numFmtId="179" fontId="0" fillId="0" borderId="43" xfId="0" applyNumberFormat="1" applyFont="1" applyBorder="1" applyAlignment="1">
      <alignment shrinkToFit="1"/>
    </xf>
    <xf numFmtId="179" fontId="0" fillId="0" borderId="51" xfId="0" applyNumberFormat="1" applyFont="1" applyBorder="1" applyAlignment="1">
      <alignment shrinkToFit="1"/>
    </xf>
    <xf numFmtId="179" fontId="0" fillId="0" borderId="35" xfId="0" applyNumberFormat="1" applyFont="1" applyBorder="1" applyAlignment="1">
      <alignment shrinkToFit="1"/>
    </xf>
    <xf numFmtId="179" fontId="0" fillId="0" borderId="34" xfId="0" applyNumberFormat="1" applyFont="1" applyBorder="1" applyAlignment="1">
      <alignment shrinkToFit="1"/>
    </xf>
    <xf numFmtId="179" fontId="0" fillId="0" borderId="60" xfId="0" applyNumberFormat="1" applyFont="1" applyBorder="1" applyAlignment="1">
      <alignment shrinkToFit="1"/>
    </xf>
    <xf numFmtId="179" fontId="0" fillId="0" borderId="36" xfId="0" applyNumberFormat="1" applyFont="1" applyBorder="1" applyAlignment="1">
      <alignment shrinkToFit="1"/>
    </xf>
    <xf numFmtId="179" fontId="0" fillId="0" borderId="52" xfId="0" applyNumberFormat="1" applyFont="1" applyBorder="1" applyAlignment="1">
      <alignment shrinkToFit="1"/>
    </xf>
    <xf numFmtId="179" fontId="0" fillId="0" borderId="44" xfId="0" applyNumberFormat="1" applyFont="1" applyBorder="1" applyAlignment="1">
      <alignment shrinkToFit="1"/>
    </xf>
    <xf numFmtId="179" fontId="0" fillId="0" borderId="75" xfId="0" applyNumberFormat="1" applyFont="1" applyBorder="1" applyAlignment="1">
      <alignment shrinkToFit="1"/>
    </xf>
    <xf numFmtId="179" fontId="0" fillId="0" borderId="58" xfId="0" applyNumberFormat="1" applyFont="1" applyBorder="1" applyAlignment="1">
      <alignment shrinkToFit="1"/>
    </xf>
    <xf numFmtId="179" fontId="0" fillId="0" borderId="59" xfId="0" applyNumberFormat="1" applyFont="1" applyBorder="1" applyAlignment="1">
      <alignment shrinkToFit="1"/>
    </xf>
    <xf numFmtId="179" fontId="0" fillId="0" borderId="27" xfId="0" applyNumberFormat="1" applyFont="1" applyBorder="1" applyAlignment="1">
      <alignment shrinkToFit="1"/>
    </xf>
    <xf numFmtId="180" fontId="0" fillId="0" borderId="3" xfId="2" applyNumberFormat="1" applyFont="1" applyBorder="1" applyAlignment="1">
      <alignment vertical="center" shrinkToFit="1"/>
    </xf>
    <xf numFmtId="180" fontId="0" fillId="0" borderId="35" xfId="2" applyNumberFormat="1" applyFont="1" applyBorder="1" applyAlignment="1">
      <alignment vertical="center" shrinkToFit="1"/>
    </xf>
    <xf numFmtId="180" fontId="0" fillId="0" borderId="57" xfId="2" applyNumberFormat="1" applyFont="1" applyBorder="1" applyAlignment="1">
      <alignment vertical="center" shrinkToFit="1"/>
    </xf>
    <xf numFmtId="180" fontId="0" fillId="0" borderId="51" xfId="2" applyNumberFormat="1" applyFont="1" applyBorder="1" applyAlignment="1">
      <alignment vertical="center" shrinkToFit="1"/>
    </xf>
    <xf numFmtId="180" fontId="0" fillId="0" borderId="52" xfId="2" applyNumberFormat="1" applyFont="1" applyBorder="1" applyAlignment="1">
      <alignment vertical="center" shrinkToFit="1"/>
    </xf>
    <xf numFmtId="180" fontId="0" fillId="0" borderId="58" xfId="2" applyNumberFormat="1" applyFont="1" applyBorder="1" applyAlignment="1">
      <alignment vertical="center" shrinkToFit="1"/>
    </xf>
    <xf numFmtId="180" fontId="0" fillId="0" borderId="43" xfId="2" applyNumberFormat="1" applyFont="1" applyBorder="1" applyAlignment="1">
      <alignment vertical="center" shrinkToFit="1"/>
    </xf>
    <xf numFmtId="180" fontId="0" fillId="0" borderId="59" xfId="2" applyNumberFormat="1" applyFont="1" applyBorder="1" applyAlignment="1">
      <alignment vertical="center" shrinkToFit="1"/>
    </xf>
    <xf numFmtId="180" fontId="0" fillId="0" borderId="34" xfId="1" applyNumberFormat="1" applyFont="1" applyFill="1" applyBorder="1" applyAlignment="1">
      <alignment vertical="center" shrinkToFit="1"/>
    </xf>
    <xf numFmtId="180" fontId="0" fillId="0" borderId="35" xfId="1" applyNumberFormat="1" applyFont="1" applyFill="1" applyBorder="1" applyAlignment="1">
      <alignment vertical="center" shrinkToFit="1"/>
    </xf>
    <xf numFmtId="180" fontId="0" fillId="0" borderId="43" xfId="1" applyNumberFormat="1" applyFont="1" applyFill="1" applyBorder="1" applyAlignment="1">
      <alignment vertical="center" shrinkToFit="1"/>
    </xf>
    <xf numFmtId="180" fontId="0" fillId="0" borderId="35" xfId="0" applyNumberFormat="1" applyFont="1" applyBorder="1" applyAlignment="1">
      <alignment shrinkToFit="1"/>
    </xf>
    <xf numFmtId="180" fontId="0" fillId="0" borderId="36" xfId="0" applyNumberFormat="1" applyFont="1" applyBorder="1" applyAlignment="1">
      <alignment shrinkToFit="1"/>
    </xf>
    <xf numFmtId="180" fontId="0" fillId="0" borderId="37" xfId="0" applyNumberFormat="1" applyFont="1" applyBorder="1" applyAlignment="1">
      <alignment shrinkToFit="1"/>
    </xf>
    <xf numFmtId="180" fontId="0" fillId="0" borderId="34" xfId="0" applyNumberFormat="1" applyFont="1" applyBorder="1" applyAlignment="1">
      <alignment shrinkToFit="1"/>
    </xf>
    <xf numFmtId="180" fontId="0" fillId="0" borderId="43" xfId="0" applyNumberFormat="1" applyFont="1" applyBorder="1" applyAlignment="1">
      <alignment shrinkToFit="1"/>
    </xf>
    <xf numFmtId="180" fontId="0" fillId="0" borderId="58" xfId="0" applyNumberFormat="1" applyFont="1" applyBorder="1" applyAlignment="1">
      <alignment shrinkToFit="1"/>
    </xf>
    <xf numFmtId="180" fontId="0" fillId="0" borderId="51" xfId="0" applyNumberFormat="1" applyFont="1" applyBorder="1" applyAlignment="1">
      <alignment shrinkToFit="1"/>
    </xf>
    <xf numFmtId="180" fontId="0" fillId="0" borderId="34" xfId="1" applyNumberFormat="1" applyFont="1" applyFill="1" applyBorder="1" applyAlignment="1">
      <alignment shrinkToFit="1"/>
    </xf>
    <xf numFmtId="180" fontId="0" fillId="0" borderId="52" xfId="0" applyNumberFormat="1" applyFont="1" applyBorder="1" applyAlignment="1">
      <alignment shrinkToFit="1"/>
    </xf>
    <xf numFmtId="180" fontId="0" fillId="0" borderId="45" xfId="0" applyNumberFormat="1" applyFont="1" applyBorder="1" applyAlignment="1">
      <alignment shrinkToFit="1"/>
    </xf>
    <xf numFmtId="0" fontId="0" fillId="0" borderId="0" xfId="0" applyFont="1" applyAlignment="1">
      <alignment vertical="center" shrinkToFit="1"/>
    </xf>
    <xf numFmtId="179" fontId="0" fillId="0" borderId="54" xfId="0" applyNumberFormat="1" applyFont="1" applyBorder="1" applyAlignment="1">
      <alignment shrinkToFit="1"/>
    </xf>
    <xf numFmtId="179" fontId="0" fillId="0" borderId="5" xfId="0" applyNumberFormat="1" applyFont="1" applyBorder="1" applyAlignment="1">
      <alignment shrinkToFit="1"/>
    </xf>
    <xf numFmtId="179" fontId="0" fillId="0" borderId="46" xfId="0" applyNumberFormat="1" applyFont="1" applyBorder="1" applyAlignment="1">
      <alignment shrinkToFit="1"/>
    </xf>
    <xf numFmtId="179" fontId="0" fillId="0" borderId="56" xfId="0" applyNumberFormat="1" applyFont="1" applyBorder="1" applyAlignment="1">
      <alignment shrinkToFit="1"/>
    </xf>
    <xf numFmtId="179" fontId="0" fillId="0" borderId="39" xfId="0" applyNumberFormat="1" applyFont="1" applyBorder="1" applyAlignment="1">
      <alignment shrinkToFit="1"/>
    </xf>
    <xf numFmtId="179" fontId="0" fillId="0" borderId="38" xfId="0" applyNumberFormat="1" applyFont="1" applyBorder="1" applyAlignment="1">
      <alignment shrinkToFit="1"/>
    </xf>
    <xf numFmtId="179" fontId="0" fillId="0" borderId="53" xfId="0" applyNumberFormat="1" applyFont="1" applyBorder="1" applyAlignment="1">
      <alignment shrinkToFit="1"/>
    </xf>
    <xf numFmtId="179" fontId="0" fillId="0" borderId="8" xfId="0" applyNumberFormat="1" applyFont="1" applyBorder="1" applyAlignment="1">
      <alignment shrinkToFit="1"/>
    </xf>
    <xf numFmtId="179" fontId="0" fillId="0" borderId="48" xfId="0" applyNumberFormat="1" applyFont="1" applyBorder="1" applyAlignment="1">
      <alignment shrinkToFit="1"/>
    </xf>
    <xf numFmtId="180" fontId="0" fillId="0" borderId="7" xfId="2" applyNumberFormat="1" applyFont="1" applyBorder="1" applyAlignment="1">
      <alignment vertical="center" shrinkToFit="1"/>
    </xf>
    <xf numFmtId="180" fontId="0" fillId="0" borderId="5" xfId="2" applyNumberFormat="1" applyFont="1" applyBorder="1" applyAlignment="1">
      <alignment vertical="center" shrinkToFit="1"/>
    </xf>
    <xf numFmtId="180" fontId="0" fillId="0" borderId="56" xfId="2" applyNumberFormat="1" applyFont="1" applyBorder="1" applyAlignment="1">
      <alignment vertical="center" shrinkToFit="1"/>
    </xf>
    <xf numFmtId="180" fontId="0" fillId="0" borderId="61" xfId="2" applyNumberFormat="1" applyFont="1" applyBorder="1" applyAlignment="1">
      <alignment vertical="center" shrinkToFit="1"/>
    </xf>
    <xf numFmtId="180" fontId="0" fillId="0" borderId="62" xfId="2" applyNumberFormat="1" applyFont="1" applyBorder="1" applyAlignment="1">
      <alignment vertical="center" shrinkToFit="1"/>
    </xf>
    <xf numFmtId="180" fontId="0" fillId="0" borderId="63" xfId="2" applyNumberFormat="1" applyFont="1" applyBorder="1" applyAlignment="1">
      <alignment vertical="center" shrinkToFit="1"/>
    </xf>
    <xf numFmtId="180" fontId="0" fillId="0" borderId="0" xfId="2" applyNumberFormat="1" applyFont="1" applyBorder="1" applyAlignment="1">
      <alignment vertical="center" shrinkToFit="1"/>
    </xf>
    <xf numFmtId="180" fontId="0" fillId="0" borderId="64" xfId="2" applyNumberFormat="1" applyFont="1" applyBorder="1" applyAlignment="1">
      <alignment vertical="center" shrinkToFit="1"/>
    </xf>
    <xf numFmtId="180" fontId="0" fillId="0" borderId="48" xfId="2" applyNumberFormat="1" applyFont="1" applyBorder="1" applyAlignment="1">
      <alignment vertical="center" shrinkToFit="1"/>
    </xf>
    <xf numFmtId="180" fontId="0" fillId="0" borderId="8" xfId="1" applyNumberFormat="1" applyFont="1" applyFill="1" applyBorder="1" applyAlignment="1">
      <alignment vertical="center" shrinkToFit="1"/>
    </xf>
    <xf numFmtId="180" fontId="0" fillId="0" borderId="5" xfId="1" applyNumberFormat="1" applyFont="1" applyFill="1" applyBorder="1" applyAlignment="1">
      <alignment vertical="center" shrinkToFit="1"/>
    </xf>
    <xf numFmtId="180" fontId="0" fillId="0" borderId="46" xfId="1" applyNumberFormat="1" applyFont="1" applyFill="1" applyBorder="1" applyAlignment="1">
      <alignment vertical="center" shrinkToFit="1"/>
    </xf>
    <xf numFmtId="180" fontId="0" fillId="0" borderId="5" xfId="0" applyNumberFormat="1" applyFont="1" applyBorder="1" applyAlignment="1">
      <alignment shrinkToFit="1"/>
    </xf>
    <xf numFmtId="180" fontId="0" fillId="0" borderId="38" xfId="0" applyNumberFormat="1" applyFont="1" applyBorder="1" applyAlignment="1">
      <alignment shrinkToFit="1"/>
    </xf>
    <xf numFmtId="180" fontId="0" fillId="0" borderId="39" xfId="0" applyNumberFormat="1" applyFont="1" applyBorder="1" applyAlignment="1">
      <alignment shrinkToFit="1"/>
    </xf>
    <xf numFmtId="180" fontId="0" fillId="0" borderId="8" xfId="0" applyNumberFormat="1" applyFont="1" applyBorder="1" applyAlignment="1">
      <alignment shrinkToFit="1"/>
    </xf>
    <xf numFmtId="180" fontId="0" fillId="0" borderId="46" xfId="0" applyNumberFormat="1" applyFont="1" applyBorder="1" applyAlignment="1">
      <alignment shrinkToFit="1"/>
    </xf>
    <xf numFmtId="180" fontId="0" fillId="0" borderId="56" xfId="0" applyNumberFormat="1" applyFont="1" applyBorder="1" applyAlignment="1">
      <alignment shrinkToFit="1"/>
    </xf>
    <xf numFmtId="180" fontId="0" fillId="0" borderId="53" xfId="0" applyNumberFormat="1" applyFont="1" applyBorder="1" applyAlignment="1">
      <alignment shrinkToFit="1"/>
    </xf>
    <xf numFmtId="180" fontId="0" fillId="0" borderId="8" xfId="1" applyNumberFormat="1" applyFont="1" applyFill="1" applyBorder="1" applyAlignment="1">
      <alignment shrinkToFit="1"/>
    </xf>
    <xf numFmtId="180" fontId="0" fillId="0" borderId="54" xfId="0" applyNumberFormat="1" applyFont="1" applyBorder="1" applyAlignment="1">
      <alignment shrinkToFit="1"/>
    </xf>
    <xf numFmtId="180" fontId="0" fillId="0" borderId="48" xfId="0" applyNumberFormat="1" applyFont="1" applyBorder="1" applyAlignment="1">
      <alignment shrinkToFit="1"/>
    </xf>
    <xf numFmtId="179" fontId="0" fillId="0" borderId="54" xfId="0" applyNumberFormat="1" applyFont="1" applyBorder="1"/>
    <xf numFmtId="179" fontId="0" fillId="0" borderId="5" xfId="0" applyNumberFormat="1" applyFont="1" applyBorder="1"/>
    <xf numFmtId="179" fontId="0" fillId="0" borderId="46" xfId="0" applyNumberFormat="1" applyFont="1" applyBorder="1"/>
    <xf numFmtId="179" fontId="0" fillId="0" borderId="56" xfId="0" applyNumberFormat="1" applyFont="1" applyBorder="1"/>
    <xf numFmtId="179" fontId="0" fillId="0" borderId="39" xfId="0" applyNumberFormat="1" applyFont="1" applyBorder="1"/>
    <xf numFmtId="179" fontId="0" fillId="0" borderId="38" xfId="0" applyNumberFormat="1" applyFont="1" applyBorder="1"/>
    <xf numFmtId="179" fontId="0" fillId="0" borderId="53" xfId="0" applyNumberFormat="1" applyFont="1" applyBorder="1"/>
    <xf numFmtId="179" fontId="0" fillId="0" borderId="8" xfId="0" applyNumberFormat="1" applyFont="1" applyBorder="1"/>
    <xf numFmtId="179" fontId="0" fillId="0" borderId="48" xfId="0" applyNumberFormat="1" applyFont="1" applyBorder="1"/>
    <xf numFmtId="180" fontId="0" fillId="0" borderId="7" xfId="2" applyNumberFormat="1" applyFont="1" applyBorder="1">
      <alignment vertical="center"/>
    </xf>
    <xf numFmtId="180" fontId="0" fillId="0" borderId="5" xfId="2" applyNumberFormat="1" applyFont="1" applyBorder="1">
      <alignment vertical="center"/>
    </xf>
    <xf numFmtId="180" fontId="0" fillId="0" borderId="56" xfId="2" applyNumberFormat="1" applyFont="1" applyBorder="1">
      <alignment vertical="center"/>
    </xf>
    <xf numFmtId="180" fontId="0" fillId="0" borderId="53" xfId="2" applyNumberFormat="1" applyFont="1" applyBorder="1">
      <alignment vertical="center"/>
    </xf>
    <xf numFmtId="180" fontId="0" fillId="0" borderId="54" xfId="2" applyNumberFormat="1" applyFont="1" applyBorder="1">
      <alignment vertical="center"/>
    </xf>
    <xf numFmtId="180" fontId="0" fillId="0" borderId="46" xfId="2" applyNumberFormat="1" applyFont="1" applyBorder="1">
      <alignment vertical="center"/>
    </xf>
    <xf numFmtId="180" fontId="0" fillId="0" borderId="48" xfId="2" applyNumberFormat="1" applyFont="1" applyBorder="1">
      <alignment vertical="center"/>
    </xf>
    <xf numFmtId="180" fontId="0" fillId="0" borderId="8" xfId="1" applyNumberFormat="1" applyFont="1" applyFill="1" applyBorder="1" applyAlignment="1">
      <alignment vertical="center"/>
    </xf>
    <xf numFmtId="180" fontId="0" fillId="0" borderId="5" xfId="1" applyNumberFormat="1" applyFont="1" applyFill="1" applyBorder="1" applyAlignment="1">
      <alignment vertical="center"/>
    </xf>
    <xf numFmtId="180" fontId="0" fillId="0" borderId="46" xfId="1" applyNumberFormat="1" applyFont="1" applyFill="1" applyBorder="1" applyAlignment="1">
      <alignment vertical="center"/>
    </xf>
    <xf numFmtId="180" fontId="0" fillId="0" borderId="5" xfId="0" applyNumberFormat="1" applyFont="1" applyBorder="1"/>
    <xf numFmtId="180" fontId="0" fillId="0" borderId="38" xfId="0" applyNumberFormat="1" applyFont="1" applyBorder="1"/>
    <xf numFmtId="180" fontId="0" fillId="0" borderId="39" xfId="0" applyNumberFormat="1" applyFont="1" applyBorder="1"/>
    <xf numFmtId="180" fontId="0" fillId="0" borderId="8" xfId="0" applyNumberFormat="1" applyFont="1" applyBorder="1"/>
    <xf numFmtId="180" fontId="0" fillId="0" borderId="46" xfId="0" applyNumberFormat="1" applyFont="1" applyBorder="1"/>
    <xf numFmtId="180" fontId="0" fillId="0" borderId="56" xfId="0" applyNumberFormat="1" applyFont="1" applyBorder="1"/>
    <xf numFmtId="180" fontId="0" fillId="0" borderId="53" xfId="0" applyNumberFormat="1" applyFont="1" applyBorder="1"/>
    <xf numFmtId="180" fontId="0" fillId="0" borderId="8" xfId="1" applyNumberFormat="1" applyFont="1" applyFill="1" applyBorder="1" applyAlignment="1"/>
    <xf numFmtId="180" fontId="0" fillId="0" borderId="54" xfId="0" applyNumberFormat="1" applyFont="1" applyBorder="1"/>
    <xf numFmtId="180" fontId="0" fillId="0" borderId="48" xfId="0" applyNumberFormat="1" applyFont="1" applyBorder="1"/>
    <xf numFmtId="180" fontId="0" fillId="0" borderId="61" xfId="2" applyNumberFormat="1" applyFont="1" applyBorder="1">
      <alignment vertical="center"/>
    </xf>
    <xf numFmtId="180" fontId="0" fillId="0" borderId="62" xfId="2" applyNumberFormat="1" applyFont="1" applyBorder="1">
      <alignment vertical="center"/>
    </xf>
    <xf numFmtId="180" fontId="0" fillId="0" borderId="63" xfId="2" applyNumberFormat="1" applyFont="1" applyBorder="1">
      <alignment vertical="center"/>
    </xf>
    <xf numFmtId="180" fontId="0" fillId="0" borderId="0" xfId="2" applyNumberFormat="1" applyFont="1" applyBorder="1">
      <alignment vertical="center"/>
    </xf>
    <xf numFmtId="180" fontId="0" fillId="0" borderId="64" xfId="2" applyNumberFormat="1" applyFont="1" applyBorder="1">
      <alignment vertical="center"/>
    </xf>
    <xf numFmtId="180" fontId="0" fillId="0" borderId="3" xfId="2" applyNumberFormat="1" applyFont="1" applyBorder="1">
      <alignment vertical="center"/>
    </xf>
    <xf numFmtId="180" fontId="0" fillId="0" borderId="42" xfId="2" applyNumberFormat="1" applyFont="1" applyBorder="1">
      <alignment vertical="center"/>
    </xf>
    <xf numFmtId="180" fontId="0" fillId="0" borderId="57" xfId="2" applyNumberFormat="1" applyFont="1" applyBorder="1">
      <alignment vertical="center"/>
    </xf>
    <xf numFmtId="180" fontId="0" fillId="0" borderId="59" xfId="2" applyNumberFormat="1" applyFont="1" applyBorder="1">
      <alignment vertical="center"/>
    </xf>
    <xf numFmtId="179" fontId="0" fillId="0" borderId="57" xfId="0" applyNumberFormat="1" applyFont="1" applyBorder="1"/>
    <xf numFmtId="179" fontId="0" fillId="0" borderId="73" xfId="0" applyNumberFormat="1" applyFont="1" applyBorder="1"/>
    <xf numFmtId="179" fontId="0" fillId="0" borderId="42" xfId="0" applyNumberFormat="1" applyFont="1" applyBorder="1"/>
    <xf numFmtId="179" fontId="0" fillId="0" borderId="47" xfId="0" applyNumberFormat="1" applyFont="1" applyBorder="1"/>
    <xf numFmtId="179" fontId="0" fillId="0" borderId="64" xfId="0" applyNumberFormat="1" applyFont="1" applyBorder="1"/>
    <xf numFmtId="179" fontId="0" fillId="0" borderId="62" xfId="0" applyNumberFormat="1" applyFont="1" applyBorder="1"/>
    <xf numFmtId="179" fontId="0" fillId="0" borderId="0" xfId="0" applyNumberFormat="1" applyFont="1" applyBorder="1"/>
    <xf numFmtId="179" fontId="0" fillId="0" borderId="33" xfId="0" applyNumberFormat="1" applyFont="1" applyBorder="1"/>
    <xf numFmtId="179" fontId="0" fillId="0" borderId="12" xfId="0" applyNumberFormat="1" applyFont="1" applyBorder="1"/>
    <xf numFmtId="179" fontId="0" fillId="0" borderId="13" xfId="0" applyNumberFormat="1" applyFont="1" applyBorder="1"/>
    <xf numFmtId="179" fontId="0" fillId="0" borderId="66" xfId="0" applyNumberFormat="1" applyFont="1" applyBorder="1"/>
    <xf numFmtId="179" fontId="0" fillId="0" borderId="40" xfId="0" applyNumberFormat="1" applyFont="1" applyBorder="1"/>
    <xf numFmtId="179" fontId="0" fillId="0" borderId="25" xfId="0" applyNumberFormat="1" applyFont="1" applyBorder="1"/>
    <xf numFmtId="179" fontId="0" fillId="0" borderId="26" xfId="0" applyNumberFormat="1" applyFont="1" applyBorder="1"/>
    <xf numFmtId="179" fontId="0" fillId="0" borderId="9" xfId="0" applyNumberFormat="1" applyFont="1" applyBorder="1"/>
    <xf numFmtId="179" fontId="0" fillId="0" borderId="30" xfId="0" applyNumberFormat="1" applyFont="1" applyBorder="1"/>
    <xf numFmtId="180" fontId="0" fillId="0" borderId="14" xfId="2" applyNumberFormat="1" applyFont="1" applyBorder="1">
      <alignment vertical="center"/>
    </xf>
    <xf numFmtId="180" fontId="0" fillId="0" borderId="12" xfId="2" applyNumberFormat="1" applyFont="1" applyBorder="1">
      <alignment vertical="center"/>
    </xf>
    <xf numFmtId="180" fontId="0" fillId="0" borderId="66" xfId="2" applyNumberFormat="1" applyFont="1" applyBorder="1">
      <alignment vertical="center"/>
    </xf>
    <xf numFmtId="180" fontId="0" fillId="0" borderId="67" xfId="2" applyNumberFormat="1" applyFont="1" applyBorder="1">
      <alignment vertical="center"/>
    </xf>
    <xf numFmtId="180" fontId="0" fillId="0" borderId="68" xfId="2" applyNumberFormat="1" applyFont="1" applyBorder="1">
      <alignment vertical="center"/>
    </xf>
    <xf numFmtId="180" fontId="0" fillId="0" borderId="69" xfId="2" applyNumberFormat="1" applyFont="1" applyBorder="1">
      <alignment vertical="center"/>
    </xf>
    <xf numFmtId="180" fontId="0" fillId="0" borderId="70" xfId="2" applyNumberFormat="1" applyFont="1" applyBorder="1">
      <alignment vertical="center"/>
    </xf>
    <xf numFmtId="180" fontId="0" fillId="0" borderId="71" xfId="2" applyNumberFormat="1" applyFont="1" applyBorder="1">
      <alignment vertical="center"/>
    </xf>
    <xf numFmtId="180" fontId="0" fillId="0" borderId="30" xfId="2" applyNumberFormat="1" applyFont="1" applyBorder="1">
      <alignment vertical="center"/>
    </xf>
    <xf numFmtId="180" fontId="0" fillId="0" borderId="9" xfId="1" applyNumberFormat="1" applyFont="1" applyFill="1" applyBorder="1" applyAlignment="1">
      <alignment vertical="center"/>
    </xf>
    <xf numFmtId="180" fontId="0" fillId="0" borderId="12" xfId="1" applyNumberFormat="1" applyFont="1" applyFill="1" applyBorder="1" applyAlignment="1">
      <alignment vertical="center"/>
    </xf>
    <xf numFmtId="180" fontId="0" fillId="0" borderId="13" xfId="1" applyNumberFormat="1" applyFont="1" applyFill="1" applyBorder="1" applyAlignment="1">
      <alignment vertical="center"/>
    </xf>
    <xf numFmtId="180" fontId="0" fillId="0" borderId="12" xfId="0" applyNumberFormat="1" applyFont="1" applyBorder="1"/>
    <xf numFmtId="180" fontId="0" fillId="0" borderId="25" xfId="0" applyNumberFormat="1" applyFont="1" applyBorder="1"/>
    <xf numFmtId="180" fontId="0" fillId="0" borderId="40" xfId="0" applyNumberFormat="1" applyFont="1" applyBorder="1"/>
    <xf numFmtId="180" fontId="0" fillId="0" borderId="9" xfId="0" applyNumberFormat="1" applyFont="1" applyBorder="1"/>
    <xf numFmtId="180" fontId="0" fillId="0" borderId="13" xfId="0" applyNumberFormat="1" applyFont="1" applyBorder="1"/>
    <xf numFmtId="180" fontId="0" fillId="0" borderId="66" xfId="0" applyNumberFormat="1" applyFont="1" applyBorder="1"/>
    <xf numFmtId="180" fontId="0" fillId="0" borderId="26" xfId="0" applyNumberFormat="1" applyFont="1" applyBorder="1"/>
    <xf numFmtId="180" fontId="0" fillId="0" borderId="9" xfId="1" applyNumberFormat="1" applyFont="1" applyFill="1" applyBorder="1" applyAlignment="1"/>
    <xf numFmtId="180" fontId="0" fillId="0" borderId="33" xfId="0" applyNumberFormat="1" applyFont="1" applyBorder="1"/>
    <xf numFmtId="180" fontId="0" fillId="0" borderId="30" xfId="0" applyNumberFormat="1" applyFont="1" applyBorder="1"/>
    <xf numFmtId="180" fontId="0" fillId="0" borderId="51" xfId="1" applyNumberFormat="1" applyFont="1" applyFill="1" applyBorder="1" applyAlignment="1">
      <alignment vertical="center" shrinkToFit="1"/>
    </xf>
    <xf numFmtId="180" fontId="0" fillId="0" borderId="53" xfId="1" applyNumberFormat="1" applyFont="1" applyFill="1" applyBorder="1" applyAlignment="1">
      <alignment vertical="center" shrinkToFit="1"/>
    </xf>
    <xf numFmtId="180" fontId="0" fillId="0" borderId="53" xfId="1" applyNumberFormat="1" applyFont="1" applyFill="1" applyBorder="1" applyAlignment="1">
      <alignment vertical="center"/>
    </xf>
    <xf numFmtId="180" fontId="0" fillId="0" borderId="26" xfId="1" applyNumberFormat="1" applyFont="1" applyFill="1" applyBorder="1" applyAlignment="1">
      <alignment vertical="center"/>
    </xf>
    <xf numFmtId="180" fontId="0" fillId="0" borderId="90" xfId="1" applyNumberFormat="1" applyFont="1" applyFill="1" applyBorder="1" applyAlignment="1">
      <alignment vertical="center" shrinkToFit="1"/>
    </xf>
    <xf numFmtId="0" fontId="0" fillId="0" borderId="0" xfId="0" applyFont="1" applyBorder="1" applyAlignment="1">
      <alignment vertical="center" shrinkToFit="1"/>
    </xf>
    <xf numFmtId="0" fontId="0" fillId="0" borderId="78" xfId="0" applyFont="1" applyBorder="1" applyAlignment="1">
      <alignment horizontal="left" vertical="center" shrinkToFit="1"/>
    </xf>
    <xf numFmtId="0" fontId="0" fillId="0" borderId="32" xfId="0" applyFont="1" applyBorder="1" applyAlignment="1">
      <alignment horizontal="left" vertical="center" shrinkToFit="1"/>
    </xf>
    <xf numFmtId="0" fontId="0" fillId="0" borderId="32" xfId="0" applyFont="1" applyBorder="1" applyAlignment="1">
      <alignment horizontal="left" vertical="center"/>
    </xf>
    <xf numFmtId="0" fontId="0" fillId="0" borderId="19" xfId="0" applyFont="1" applyBorder="1" applyAlignment="1">
      <alignment horizontal="left" vertical="center"/>
    </xf>
    <xf numFmtId="178" fontId="0" fillId="0" borderId="51" xfId="0" applyNumberFormat="1" applyFont="1" applyBorder="1" applyAlignment="1">
      <alignment vertical="center"/>
    </xf>
    <xf numFmtId="178" fontId="0" fillId="0" borderId="53" xfId="0" applyNumberFormat="1" applyFont="1" applyBorder="1" applyAlignment="1">
      <alignment vertical="center"/>
    </xf>
    <xf numFmtId="178" fontId="0" fillId="0" borderId="26" xfId="0" applyNumberFormat="1" applyFont="1" applyBorder="1" applyAlignment="1">
      <alignment vertical="center"/>
    </xf>
    <xf numFmtId="178" fontId="0" fillId="0" borderId="51" xfId="1" applyNumberFormat="1" applyFont="1" applyBorder="1" applyAlignment="1">
      <alignment vertical="center"/>
    </xf>
    <xf numFmtId="178" fontId="0" fillId="0" borderId="53" xfId="1" applyNumberFormat="1" applyFont="1" applyBorder="1" applyAlignment="1">
      <alignment vertical="center"/>
    </xf>
    <xf numFmtId="178" fontId="0" fillId="0" borderId="26" xfId="1" applyNumberFormat="1" applyFont="1" applyBorder="1" applyAlignment="1">
      <alignment vertical="center"/>
    </xf>
    <xf numFmtId="0" fontId="5" fillId="0" borderId="0" xfId="0" applyFont="1" applyAlignment="1">
      <alignment horizontal="center" vertical="center"/>
    </xf>
    <xf numFmtId="0" fontId="3" fillId="0" borderId="95" xfId="0" applyFont="1" applyBorder="1" applyAlignment="1">
      <alignment horizontal="center" vertical="center"/>
    </xf>
    <xf numFmtId="0" fontId="3" fillId="0" borderId="77" xfId="0" applyFont="1" applyBorder="1" applyAlignment="1">
      <alignment horizontal="center" vertical="center"/>
    </xf>
    <xf numFmtId="0" fontId="3" fillId="0" borderId="10" xfId="0" applyFont="1" applyBorder="1" applyAlignment="1">
      <alignment horizontal="center" vertical="center"/>
    </xf>
    <xf numFmtId="185" fontId="0"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77" xfId="0" applyFont="1" applyBorder="1" applyAlignment="1">
      <alignment horizontal="center" vertical="center"/>
    </xf>
    <xf numFmtId="0" fontId="0" fillId="0" borderId="10" xfId="0" applyFont="1" applyBorder="1" applyAlignment="1">
      <alignment horizontal="center" vertical="center"/>
    </xf>
    <xf numFmtId="0" fontId="0" fillId="0" borderId="85" xfId="0" applyFont="1" applyBorder="1" applyAlignment="1">
      <alignment horizontal="center" vertical="center"/>
    </xf>
    <xf numFmtId="0" fontId="0" fillId="0" borderId="70"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0" fillId="0" borderId="92" xfId="0" applyFont="1" applyBorder="1" applyAlignment="1">
      <alignment horizontal="center" vertical="center"/>
    </xf>
    <xf numFmtId="0" fontId="0" fillId="0" borderId="87" xfId="0" applyFont="1" applyBorder="1" applyAlignment="1">
      <alignment horizontal="center" vertical="center"/>
    </xf>
    <xf numFmtId="0" fontId="0" fillId="0" borderId="88" xfId="0" applyFont="1" applyBorder="1" applyAlignment="1">
      <alignment horizontal="center" vertical="center"/>
    </xf>
    <xf numFmtId="0" fontId="0" fillId="0" borderId="87" xfId="0" applyFont="1" applyBorder="1" applyAlignment="1">
      <alignment horizontal="left" vertical="center"/>
    </xf>
    <xf numFmtId="0" fontId="0" fillId="0" borderId="88" xfId="0" applyFont="1" applyBorder="1" applyAlignment="1">
      <alignment horizontal="left" vertical="center"/>
    </xf>
    <xf numFmtId="0" fontId="0" fillId="0" borderId="1" xfId="0" applyFont="1" applyBorder="1" applyAlignment="1">
      <alignment horizontal="left" vertical="center"/>
    </xf>
    <xf numFmtId="0" fontId="0" fillId="0" borderId="77" xfId="0" applyFont="1" applyBorder="1" applyAlignment="1">
      <alignment horizontal="left" vertical="center"/>
    </xf>
    <xf numFmtId="0" fontId="0" fillId="0" borderId="10" xfId="0" applyFont="1" applyBorder="1" applyAlignment="1">
      <alignment horizontal="left" vertical="center"/>
    </xf>
    <xf numFmtId="186" fontId="5" fillId="0" borderId="0" xfId="0" applyNumberFormat="1" applyFont="1" applyBorder="1" applyAlignment="1">
      <alignment horizontal="right" vertical="center"/>
    </xf>
    <xf numFmtId="0" fontId="0" fillId="0" borderId="28"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80" xfId="0" applyFont="1" applyBorder="1" applyAlignment="1">
      <alignment horizontal="center" vertical="center"/>
    </xf>
    <xf numFmtId="182" fontId="0" fillId="0" borderId="0" xfId="0" applyNumberFormat="1" applyFont="1" applyAlignment="1">
      <alignment horizontal="center" vertical="center"/>
    </xf>
    <xf numFmtId="0" fontId="2" fillId="0" borderId="37" xfId="3" applyFont="1" applyBorder="1" applyAlignment="1">
      <alignment horizontal="center" vertical="center"/>
    </xf>
    <xf numFmtId="0" fontId="2" fillId="0" borderId="40" xfId="3" applyFont="1" applyBorder="1" applyAlignment="1">
      <alignment horizontal="center" vertical="center"/>
    </xf>
    <xf numFmtId="0" fontId="2" fillId="0" borderId="34" xfId="3" applyFont="1" applyBorder="1" applyAlignment="1">
      <alignment horizontal="center" vertical="center"/>
    </xf>
    <xf numFmtId="0" fontId="2" fillId="0" borderId="35" xfId="3" applyFont="1" applyBorder="1" applyAlignment="1">
      <alignment horizontal="center" vertical="center"/>
    </xf>
    <xf numFmtId="0" fontId="2" fillId="0" borderId="36" xfId="3" applyFont="1" applyBorder="1" applyAlignment="1">
      <alignment horizontal="center" vertical="center"/>
    </xf>
    <xf numFmtId="0" fontId="2" fillId="0" borderId="51" xfId="3" applyFont="1" applyBorder="1" applyAlignment="1">
      <alignment horizontal="center" vertical="center"/>
    </xf>
    <xf numFmtId="0" fontId="2" fillId="0" borderId="43" xfId="3" applyFont="1" applyBorder="1" applyAlignment="1">
      <alignment horizontal="center" vertical="center"/>
    </xf>
    <xf numFmtId="0" fontId="2" fillId="0" borderId="1" xfId="3" applyFont="1" applyBorder="1" applyAlignment="1">
      <alignment horizontal="center" vertical="center"/>
    </xf>
    <xf numFmtId="0" fontId="2" fillId="0" borderId="28" xfId="3" applyFont="1" applyBorder="1" applyAlignment="1">
      <alignment horizontal="center" vertical="center"/>
    </xf>
    <xf numFmtId="0" fontId="2" fillId="0" borderId="85" xfId="3" applyFont="1" applyBorder="1" applyAlignment="1">
      <alignment horizontal="center" vertical="center"/>
    </xf>
    <xf numFmtId="0" fontId="2" fillId="0" borderId="97" xfId="3" applyFont="1" applyBorder="1" applyAlignment="1">
      <alignment horizontal="center" vertical="center"/>
    </xf>
    <xf numFmtId="0" fontId="2" fillId="0" borderId="98" xfId="3" applyFont="1" applyBorder="1" applyAlignment="1">
      <alignment horizontal="center" vertical="center"/>
    </xf>
    <xf numFmtId="0" fontId="2" fillId="0" borderId="99" xfId="3" applyFont="1" applyBorder="1" applyAlignment="1">
      <alignment horizontal="center" vertical="center"/>
    </xf>
    <xf numFmtId="182" fontId="2" fillId="0" borderId="0" xfId="0" applyNumberFormat="1" applyFont="1" applyAlignment="1">
      <alignment horizontal="center" vertical="center"/>
    </xf>
    <xf numFmtId="0" fontId="2" fillId="0" borderId="18" xfId="3" applyFont="1" applyBorder="1" applyAlignment="1">
      <alignment horizontal="center" vertical="center"/>
    </xf>
    <xf numFmtId="0" fontId="2" fillId="0" borderId="2" xfId="3" applyFont="1" applyBorder="1" applyAlignment="1">
      <alignment horizontal="center" vertical="center"/>
    </xf>
    <xf numFmtId="0" fontId="2" fillId="0" borderId="80" xfId="3" applyFont="1" applyBorder="1" applyAlignment="1">
      <alignment horizontal="center" vertical="center"/>
    </xf>
    <xf numFmtId="0" fontId="0" fillId="0" borderId="34" xfId="3" applyFont="1" applyBorder="1" applyAlignment="1">
      <alignment horizontal="center" vertical="center"/>
    </xf>
    <xf numFmtId="0" fontId="0" fillId="0" borderId="35" xfId="3" applyFont="1" applyBorder="1" applyAlignment="1">
      <alignment horizontal="center" vertical="center"/>
    </xf>
    <xf numFmtId="0" fontId="0" fillId="0" borderId="36" xfId="3" applyFont="1" applyBorder="1" applyAlignment="1">
      <alignment horizontal="center" vertical="center"/>
    </xf>
    <xf numFmtId="0" fontId="0" fillId="0" borderId="51" xfId="3" applyFont="1" applyBorder="1" applyAlignment="1">
      <alignment horizontal="center" vertical="center"/>
    </xf>
    <xf numFmtId="0" fontId="0" fillId="0" borderId="37" xfId="3" applyFont="1" applyBorder="1" applyAlignment="1">
      <alignment horizontal="center" vertical="center"/>
    </xf>
    <xf numFmtId="0" fontId="0" fillId="0" borderId="40" xfId="3" applyFont="1" applyBorder="1" applyAlignment="1">
      <alignment horizontal="center" vertical="center"/>
    </xf>
    <xf numFmtId="0" fontId="0" fillId="0" borderId="43" xfId="3" applyFont="1" applyBorder="1" applyAlignment="1">
      <alignment horizontal="center" vertical="center"/>
    </xf>
    <xf numFmtId="0" fontId="0" fillId="0" borderId="97" xfId="3" applyFont="1" applyBorder="1" applyAlignment="1">
      <alignment horizontal="center" vertical="center"/>
    </xf>
    <xf numFmtId="0" fontId="0" fillId="0" borderId="98" xfId="3" applyFont="1" applyBorder="1" applyAlignment="1">
      <alignment horizontal="center" vertical="center"/>
    </xf>
    <xf numFmtId="0" fontId="0" fillId="0" borderId="99" xfId="3" applyFont="1" applyBorder="1" applyAlignment="1">
      <alignment horizontal="center" vertical="center"/>
    </xf>
    <xf numFmtId="0" fontId="0" fillId="0" borderId="18" xfId="3" applyFont="1" applyBorder="1" applyAlignment="1">
      <alignment horizontal="center" vertical="center"/>
    </xf>
    <xf numFmtId="0" fontId="0" fillId="0" borderId="2" xfId="3" applyFont="1" applyBorder="1" applyAlignment="1">
      <alignment horizontal="center" vertical="center"/>
    </xf>
    <xf numFmtId="0" fontId="0" fillId="0" borderId="80" xfId="3" applyFont="1" applyBorder="1" applyAlignment="1">
      <alignment horizontal="center" vertical="center"/>
    </xf>
    <xf numFmtId="0" fontId="0" fillId="0" borderId="1" xfId="3" applyFont="1" applyBorder="1" applyAlignment="1">
      <alignment horizontal="center" vertical="center"/>
    </xf>
    <xf numFmtId="0" fontId="0" fillId="0" borderId="28" xfId="3" applyFont="1" applyBorder="1" applyAlignment="1">
      <alignment horizontal="center" vertical="center"/>
    </xf>
    <xf numFmtId="0" fontId="0" fillId="0" borderId="85" xfId="3" applyFont="1" applyBorder="1" applyAlignment="1">
      <alignment horizontal="center" vertical="center"/>
    </xf>
    <xf numFmtId="0" fontId="0" fillId="0" borderId="92" xfId="3" applyFont="1" applyBorder="1" applyAlignment="1">
      <alignment horizontal="center" vertical="center"/>
    </xf>
    <xf numFmtId="0" fontId="0" fillId="0" borderId="87" xfId="3" applyFont="1" applyBorder="1" applyAlignment="1">
      <alignment horizontal="center" vertical="center"/>
    </xf>
    <xf numFmtId="0" fontId="0" fillId="0" borderId="88" xfId="3" applyFont="1" applyBorder="1" applyAlignment="1">
      <alignment horizontal="center" vertical="center"/>
    </xf>
    <xf numFmtId="0" fontId="0" fillId="0" borderId="81" xfId="3" applyFont="1" applyBorder="1" applyAlignment="1">
      <alignment horizontal="center" vertical="center"/>
    </xf>
    <xf numFmtId="0" fontId="0" fillId="0" borderId="82" xfId="3" applyFont="1" applyBorder="1" applyAlignment="1">
      <alignment horizontal="center" vertical="center"/>
    </xf>
    <xf numFmtId="0" fontId="0" fillId="0" borderId="91" xfId="3" applyFont="1" applyBorder="1" applyAlignment="1">
      <alignment horizontal="center" vertical="center"/>
    </xf>
    <xf numFmtId="0" fontId="0" fillId="0" borderId="77" xfId="3" applyFont="1" applyBorder="1" applyAlignment="1">
      <alignment horizontal="center" vertical="center"/>
    </xf>
    <xf numFmtId="0" fontId="0" fillId="0" borderId="10" xfId="3" applyFont="1" applyBorder="1" applyAlignment="1">
      <alignment horizontal="center" vertical="center"/>
    </xf>
    <xf numFmtId="0" fontId="0" fillId="0" borderId="52" xfId="3" applyFont="1" applyBorder="1" applyAlignment="1">
      <alignment horizontal="center" vertical="center"/>
    </xf>
    <xf numFmtId="0" fontId="0" fillId="0" borderId="60" xfId="3" applyFont="1" applyBorder="1" applyAlignment="1">
      <alignment horizontal="center" vertical="center"/>
    </xf>
    <xf numFmtId="0" fontId="0" fillId="0" borderId="58" xfId="3" applyFont="1" applyBorder="1" applyAlignment="1">
      <alignment horizontal="center" vertical="center"/>
    </xf>
    <xf numFmtId="0" fontId="0" fillId="0" borderId="44" xfId="3" applyFont="1" applyBorder="1" applyAlignment="1">
      <alignment horizontal="center" vertical="center"/>
    </xf>
    <xf numFmtId="0" fontId="0" fillId="0" borderId="27" xfId="3" applyFont="1" applyBorder="1" applyAlignment="1">
      <alignment horizontal="center" vertical="center"/>
    </xf>
    <xf numFmtId="0" fontId="0" fillId="0" borderId="93" xfId="3" applyFont="1" applyBorder="1" applyAlignment="1">
      <alignment horizontal="center" vertical="center"/>
    </xf>
    <xf numFmtId="0" fontId="0" fillId="0" borderId="84" xfId="3" applyFont="1" applyBorder="1" applyAlignment="1">
      <alignment horizontal="center" vertical="center"/>
    </xf>
    <xf numFmtId="0" fontId="0" fillId="0" borderId="79" xfId="3" applyFont="1" applyBorder="1" applyAlignment="1">
      <alignment horizontal="center" vertical="center"/>
    </xf>
    <xf numFmtId="0" fontId="0" fillId="0" borderId="5" xfId="3" applyFont="1" applyBorder="1" applyAlignment="1">
      <alignment horizontal="center" vertical="center"/>
    </xf>
    <xf numFmtId="0" fontId="0" fillId="0" borderId="46" xfId="3" applyFont="1" applyBorder="1" applyAlignment="1">
      <alignment horizontal="center" vertical="center"/>
    </xf>
    <xf numFmtId="0" fontId="0" fillId="0" borderId="54" xfId="3" applyFont="1" applyBorder="1" applyAlignment="1">
      <alignment horizontal="center" vertical="center"/>
    </xf>
    <xf numFmtId="0" fontId="0" fillId="0" borderId="38" xfId="3" applyFont="1" applyBorder="1" applyAlignment="1">
      <alignment horizontal="center" vertical="center"/>
    </xf>
    <xf numFmtId="0" fontId="0" fillId="0" borderId="39" xfId="3" applyFont="1" applyBorder="1" applyAlignment="1">
      <alignment horizontal="center" vertical="center"/>
    </xf>
    <xf numFmtId="0" fontId="0" fillId="0" borderId="8" xfId="3" applyFont="1" applyBorder="1" applyAlignment="1">
      <alignment horizontal="center" vertical="center"/>
    </xf>
    <xf numFmtId="0" fontId="0" fillId="0" borderId="9" xfId="3" applyFont="1" applyBorder="1" applyAlignment="1">
      <alignment horizontal="center" vertical="center"/>
    </xf>
    <xf numFmtId="0" fontId="0" fillId="0" borderId="81" xfId="0" applyFont="1" applyBorder="1" applyAlignment="1">
      <alignment horizontal="center" vertical="center"/>
    </xf>
    <xf numFmtId="0" fontId="0" fillId="0" borderId="82" xfId="0" applyFont="1" applyBorder="1" applyAlignment="1">
      <alignment horizontal="center" vertical="center"/>
    </xf>
    <xf numFmtId="0" fontId="0" fillId="0" borderId="78" xfId="0" applyFont="1" applyBorder="1" applyAlignment="1">
      <alignment horizontal="center" vertical="center"/>
    </xf>
    <xf numFmtId="0" fontId="0" fillId="0" borderId="1" xfId="0" applyFont="1" applyBorder="1" applyAlignment="1">
      <alignment vertical="center"/>
    </xf>
    <xf numFmtId="0" fontId="0" fillId="0" borderId="77" xfId="0" applyFont="1" applyBorder="1" applyAlignment="1">
      <alignment vertical="center"/>
    </xf>
    <xf numFmtId="0" fontId="0" fillId="0" borderId="10" xfId="0" applyFont="1" applyBorder="1" applyAlignment="1">
      <alignment vertical="center"/>
    </xf>
    <xf numFmtId="0" fontId="0" fillId="0" borderId="77" xfId="0" applyFont="1" applyBorder="1" applyAlignment="1"/>
    <xf numFmtId="0" fontId="0" fillId="0" borderId="10" xfId="0" applyFont="1" applyBorder="1" applyAlignment="1"/>
    <xf numFmtId="0" fontId="0" fillId="0" borderId="8" xfId="0" applyFont="1" applyBorder="1" applyAlignment="1">
      <alignment horizontal="center" vertical="center"/>
    </xf>
    <xf numFmtId="0" fontId="0" fillId="0" borderId="5" xfId="0" applyFont="1" applyBorder="1" applyAlignment="1">
      <alignment horizontal="center" vertical="center"/>
    </xf>
    <xf numFmtId="0" fontId="0" fillId="0" borderId="38" xfId="0" applyFont="1" applyBorder="1" applyAlignment="1">
      <alignment horizontal="center" vertical="center"/>
    </xf>
    <xf numFmtId="0" fontId="0" fillId="0" borderId="65" xfId="0" applyFont="1" applyBorder="1" applyAlignment="1">
      <alignment horizontal="center" vertical="center"/>
    </xf>
    <xf numFmtId="0" fontId="0" fillId="0" borderId="56" xfId="0" applyFont="1" applyBorder="1" applyAlignment="1">
      <alignment horizontal="center" vertical="center"/>
    </xf>
    <xf numFmtId="0" fontId="0" fillId="0" borderId="47" xfId="0" applyFont="1" applyBorder="1" applyAlignment="1">
      <alignment horizontal="center" vertical="center"/>
    </xf>
    <xf numFmtId="0" fontId="0" fillId="0" borderId="48" xfId="0" applyFont="1" applyBorder="1" applyAlignment="1">
      <alignment horizontal="center" vertical="center" wrapText="1"/>
    </xf>
    <xf numFmtId="0" fontId="0" fillId="0" borderId="29" xfId="0" applyFont="1" applyBorder="1" applyAlignment="1">
      <alignment horizontal="center" vertical="center" wrapText="1"/>
    </xf>
    <xf numFmtId="0" fontId="0" fillId="0" borderId="49" xfId="0" applyFont="1" applyBorder="1" applyAlignment="1">
      <alignment horizontal="center" vertical="center"/>
    </xf>
    <xf numFmtId="0" fontId="0" fillId="0" borderId="42" xfId="0" applyFont="1" applyBorder="1" applyAlignment="1">
      <alignment horizontal="center" vertical="center"/>
    </xf>
    <xf numFmtId="0" fontId="0" fillId="0" borderId="4" xfId="0" applyFont="1" applyBorder="1" applyAlignment="1">
      <alignment horizontal="center" vertical="center"/>
    </xf>
    <xf numFmtId="0" fontId="0" fillId="0" borderId="74" xfId="0" applyFont="1" applyBorder="1" applyAlignment="1">
      <alignment horizontal="center" vertical="center"/>
    </xf>
    <xf numFmtId="0" fontId="0" fillId="0" borderId="75" xfId="0" applyFont="1" applyBorder="1" applyAlignment="1">
      <alignment horizontal="center" vertical="center"/>
    </xf>
    <xf numFmtId="0" fontId="0" fillId="0" borderId="57" xfId="0" applyFont="1" applyBorder="1" applyAlignment="1">
      <alignment horizontal="center" vertical="center" wrapText="1"/>
    </xf>
    <xf numFmtId="0" fontId="0" fillId="0" borderId="76" xfId="0" applyFont="1" applyBorder="1" applyAlignment="1">
      <alignment horizontal="center" vertical="center" wrapText="1"/>
    </xf>
    <xf numFmtId="0" fontId="0" fillId="0" borderId="56" xfId="0" applyFont="1" applyBorder="1" applyAlignment="1">
      <alignment horizontal="center" vertical="center" wrapText="1"/>
    </xf>
    <xf numFmtId="0" fontId="0" fillId="0" borderId="59" xfId="0" applyFont="1" applyBorder="1" applyAlignment="1">
      <alignment horizontal="center" vertical="center" wrapText="1"/>
    </xf>
    <xf numFmtId="0" fontId="0" fillId="0" borderId="55" xfId="0" applyFont="1" applyBorder="1" applyAlignment="1">
      <alignment horizontal="center" vertical="center"/>
    </xf>
    <xf numFmtId="182" fontId="0" fillId="0" borderId="0" xfId="0" applyNumberFormat="1" applyFont="1" applyAlignment="1">
      <alignment horizontal="left" vertical="center"/>
    </xf>
    <xf numFmtId="182" fontId="0" fillId="0" borderId="0" xfId="0" applyNumberFormat="1" applyFont="1" applyBorder="1" applyAlignment="1">
      <alignment horizontal="left" vertical="center"/>
    </xf>
    <xf numFmtId="0" fontId="0" fillId="0" borderId="30" xfId="0" applyFont="1" applyBorder="1" applyAlignment="1">
      <alignment horizontal="center" vertical="center"/>
    </xf>
    <xf numFmtId="0" fontId="0" fillId="0" borderId="3"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97" xfId="0" applyFont="1" applyBorder="1" applyAlignment="1">
      <alignment horizontal="center" vertical="center"/>
    </xf>
    <xf numFmtId="0" fontId="0" fillId="0" borderId="98" xfId="0" applyFont="1" applyBorder="1" applyAlignment="1">
      <alignment horizontal="center" vertical="center"/>
    </xf>
    <xf numFmtId="0" fontId="0" fillId="0" borderId="99" xfId="0" applyFont="1" applyBorder="1" applyAlignment="1">
      <alignment horizontal="center" vertical="center"/>
    </xf>
    <xf numFmtId="0" fontId="0" fillId="0" borderId="34" xfId="0" applyFont="1" applyBorder="1" applyAlignment="1">
      <alignment horizontal="center" vertical="center"/>
    </xf>
    <xf numFmtId="0" fontId="0" fillId="0" borderId="35" xfId="0" applyFont="1" applyBorder="1" applyAlignment="1">
      <alignment horizontal="center" vertical="center"/>
    </xf>
    <xf numFmtId="0" fontId="0" fillId="0" borderId="79" xfId="0" applyFont="1" applyBorder="1" applyAlignment="1">
      <alignment horizontal="center" vertical="center"/>
    </xf>
    <xf numFmtId="182" fontId="0" fillId="0" borderId="0" xfId="0" applyNumberFormat="1" applyFont="1" applyBorder="1" applyAlignment="1">
      <alignment horizontal="center" vertical="center"/>
    </xf>
    <xf numFmtId="0" fontId="0" fillId="0" borderId="90" xfId="0" applyFont="1" applyBorder="1" applyAlignment="1">
      <alignment horizontal="center" vertical="center"/>
    </xf>
    <xf numFmtId="0" fontId="0" fillId="0" borderId="73" xfId="0" applyFont="1" applyBorder="1" applyAlignment="1">
      <alignment horizontal="center" vertical="center"/>
    </xf>
    <xf numFmtId="0" fontId="0" fillId="0" borderId="39" xfId="0" applyFont="1" applyBorder="1" applyAlignment="1">
      <alignment horizontal="center" vertical="center"/>
    </xf>
    <xf numFmtId="0" fontId="0" fillId="0" borderId="40" xfId="0" applyFont="1" applyBorder="1" applyAlignment="1">
      <alignment horizontal="center" vertical="center"/>
    </xf>
    <xf numFmtId="0" fontId="0" fillId="0" borderId="31" xfId="0" applyFont="1" applyBorder="1" applyAlignment="1">
      <alignment horizontal="center" vertical="center"/>
    </xf>
    <xf numFmtId="0" fontId="0" fillId="0" borderId="32" xfId="0" applyFont="1" applyBorder="1" applyAlignment="1">
      <alignment horizontal="center" vertical="center"/>
    </xf>
    <xf numFmtId="0" fontId="0" fillId="0" borderId="19" xfId="0" applyFont="1" applyBorder="1" applyAlignment="1">
      <alignment horizontal="center" vertical="center"/>
    </xf>
    <xf numFmtId="0" fontId="0" fillId="0" borderId="77" xfId="0" applyFont="1" applyBorder="1" applyAlignment="1">
      <alignment vertical="top"/>
    </xf>
    <xf numFmtId="0" fontId="0" fillId="0" borderId="0" xfId="0" applyFont="1" applyBorder="1" applyAlignment="1">
      <alignment vertical="top"/>
    </xf>
    <xf numFmtId="0" fontId="0" fillId="0" borderId="57" xfId="0" applyFont="1" applyBorder="1" applyAlignment="1">
      <alignment vertical="top"/>
    </xf>
    <xf numFmtId="0" fontId="0" fillId="0" borderId="16" xfId="0" applyFont="1" applyBorder="1" applyAlignment="1">
      <alignment vertical="center"/>
    </xf>
    <xf numFmtId="0" fontId="0" fillId="0" borderId="2" xfId="0" applyFont="1" applyBorder="1" applyAlignment="1">
      <alignment vertical="center"/>
    </xf>
    <xf numFmtId="0" fontId="0" fillId="0" borderId="80" xfId="0" applyFont="1" applyBorder="1" applyAlignment="1">
      <alignment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41" xfId="0" applyFont="1" applyBorder="1" applyAlignment="1">
      <alignment horizontal="center" vertical="center"/>
    </xf>
    <xf numFmtId="0" fontId="0" fillId="0" borderId="72" xfId="0" applyFont="1" applyBorder="1" applyAlignment="1">
      <alignment horizontal="center" vertical="center"/>
    </xf>
    <xf numFmtId="0" fontId="0" fillId="0" borderId="7" xfId="0" applyFont="1" applyBorder="1" applyAlignment="1">
      <alignment horizontal="center" vertical="center"/>
    </xf>
    <xf numFmtId="0" fontId="0" fillId="0" borderId="53" xfId="0" applyFont="1" applyBorder="1" applyAlignment="1">
      <alignment horizontal="center" vertical="center"/>
    </xf>
    <xf numFmtId="0" fontId="0" fillId="0" borderId="46" xfId="0" applyFont="1" applyBorder="1" applyAlignment="1">
      <alignment horizontal="center" vertical="center"/>
    </xf>
    <xf numFmtId="0" fontId="0" fillId="0" borderId="48" xfId="0" applyFont="1" applyBorder="1" applyAlignment="1">
      <alignment horizontal="center" vertical="center"/>
    </xf>
    <xf numFmtId="0" fontId="0" fillId="0" borderId="94" xfId="0" applyFont="1" applyBorder="1" applyAlignment="1">
      <alignment horizontal="center" vertical="center"/>
    </xf>
    <xf numFmtId="0" fontId="0" fillId="0" borderId="84" xfId="0" applyFont="1" applyBorder="1" applyAlignment="1">
      <alignment horizontal="center" vertical="center"/>
    </xf>
    <xf numFmtId="0" fontId="0" fillId="0" borderId="66" xfId="0" applyFont="1" applyBorder="1" applyAlignment="1">
      <alignment horizontal="center" vertical="center"/>
    </xf>
    <xf numFmtId="0" fontId="0" fillId="0" borderId="89" xfId="0" applyFont="1" applyBorder="1" applyAlignment="1">
      <alignment horizontal="center" vertical="center"/>
    </xf>
    <xf numFmtId="0" fontId="0" fillId="0" borderId="83" xfId="0" applyFont="1" applyBorder="1" applyAlignment="1">
      <alignment horizontal="center" vertical="center"/>
    </xf>
    <xf numFmtId="0" fontId="0" fillId="0" borderId="29" xfId="0" applyFont="1" applyBorder="1" applyAlignment="1">
      <alignment horizontal="center" vertical="center"/>
    </xf>
    <xf numFmtId="0" fontId="0" fillId="0" borderId="0" xfId="0" applyFont="1" applyBorder="1" applyAlignment="1">
      <alignment horizontal="center" vertical="center"/>
    </xf>
    <xf numFmtId="0" fontId="0" fillId="0" borderId="101" xfId="0" applyFont="1" applyBorder="1" applyAlignment="1">
      <alignment horizontal="center" vertical="center"/>
    </xf>
    <xf numFmtId="0" fontId="0" fillId="0" borderId="2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101"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77"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100" xfId="0" applyFont="1" applyBorder="1" applyAlignment="1">
      <alignment horizontal="center" vertical="center"/>
    </xf>
    <xf numFmtId="0" fontId="0" fillId="0" borderId="27" xfId="0" applyFont="1" applyBorder="1" applyAlignment="1">
      <alignment horizontal="center" vertical="center"/>
    </xf>
    <xf numFmtId="0" fontId="0" fillId="0" borderId="14" xfId="0" applyFont="1" applyBorder="1" applyAlignment="1">
      <alignment horizontal="center" vertical="center"/>
    </xf>
    <xf numFmtId="183" fontId="5" fillId="0" borderId="0" xfId="0" applyNumberFormat="1" applyFont="1" applyAlignment="1">
      <alignment horizontal="left" vertical="center" shrinkToFit="1"/>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18" t="s">
        <v>0</v>
      </c>
      <c r="F1" s="418"/>
      <c r="G1" s="418"/>
      <c r="H1" s="418"/>
      <c r="I1" s="2"/>
      <c r="J1" s="2"/>
      <c r="K1" s="2"/>
      <c r="L1" s="2"/>
    </row>
    <row r="2" spans="1:13" ht="24" customHeight="1" x14ac:dyDescent="0.2">
      <c r="A2" s="2"/>
      <c r="B2" s="2"/>
      <c r="C2" s="2"/>
      <c r="D2" s="2"/>
      <c r="E2" s="2"/>
      <c r="F2" s="41">
        <v>6</v>
      </c>
      <c r="G2" s="16">
        <v>12</v>
      </c>
      <c r="H2" s="2"/>
      <c r="I2" s="2"/>
      <c r="J2" s="2"/>
      <c r="K2" s="2"/>
      <c r="L2" s="2"/>
      <c r="M2" s="2"/>
    </row>
    <row r="3" spans="1:13" ht="24" customHeight="1" x14ac:dyDescent="0.2"/>
    <row r="4" spans="1:13" ht="20.25" customHeight="1" x14ac:dyDescent="0.2">
      <c r="D4" s="3"/>
      <c r="E4" s="4" t="s">
        <v>1</v>
      </c>
      <c r="F4" s="3"/>
      <c r="H4" s="23">
        <f>G2</f>
        <v>12</v>
      </c>
    </row>
    <row r="5" spans="1:13" ht="10.5" customHeight="1" thickBot="1" x14ac:dyDescent="0.25">
      <c r="E5" s="5"/>
    </row>
    <row r="6" spans="1:13" ht="21" customHeight="1" x14ac:dyDescent="0.2">
      <c r="E6" s="38"/>
      <c r="F6" s="419" t="s">
        <v>2</v>
      </c>
      <c r="G6" s="420"/>
      <c r="H6" s="420"/>
      <c r="I6" s="421"/>
    </row>
    <row r="7" spans="1:13" ht="21" customHeight="1" x14ac:dyDescent="0.2">
      <c r="E7" s="6"/>
      <c r="F7" s="7"/>
      <c r="G7" s="8" t="s">
        <v>3</v>
      </c>
      <c r="H7" s="39" t="s">
        <v>147</v>
      </c>
      <c r="I7" s="40" t="s">
        <v>146</v>
      </c>
    </row>
    <row r="8" spans="1:13" ht="21" customHeight="1" x14ac:dyDescent="0.2">
      <c r="E8" s="65" t="s">
        <v>4</v>
      </c>
      <c r="F8" s="43">
        <v>2358120</v>
      </c>
      <c r="G8" s="43">
        <v>975914</v>
      </c>
      <c r="H8" s="43">
        <v>961946</v>
      </c>
      <c r="I8" s="44">
        <v>420260</v>
      </c>
    </row>
    <row r="9" spans="1:13" ht="21" customHeight="1" x14ac:dyDescent="0.2">
      <c r="E9" s="66" t="s">
        <v>5</v>
      </c>
      <c r="F9" s="45">
        <v>942790</v>
      </c>
      <c r="G9" s="45">
        <v>390843</v>
      </c>
      <c r="H9" s="45">
        <v>378089</v>
      </c>
      <c r="I9" s="46">
        <v>173858</v>
      </c>
    </row>
    <row r="10" spans="1:13" ht="21" customHeight="1" x14ac:dyDescent="0.2">
      <c r="E10" s="66" t="s">
        <v>6</v>
      </c>
      <c r="F10" s="45">
        <v>311313</v>
      </c>
      <c r="G10" s="45">
        <v>136118</v>
      </c>
      <c r="H10" s="45">
        <v>120899</v>
      </c>
      <c r="I10" s="46">
        <v>54296</v>
      </c>
    </row>
    <row r="11" spans="1:13" ht="21" customHeight="1" x14ac:dyDescent="0.2">
      <c r="E11" s="66" t="s">
        <v>14</v>
      </c>
      <c r="F11" s="45">
        <v>189601</v>
      </c>
      <c r="G11" s="45">
        <v>78687</v>
      </c>
      <c r="H11" s="45">
        <v>79930</v>
      </c>
      <c r="I11" s="46">
        <v>30984</v>
      </c>
    </row>
    <row r="12" spans="1:13" ht="21" customHeight="1" x14ac:dyDescent="0.2">
      <c r="E12" s="66" t="s">
        <v>7</v>
      </c>
      <c r="F12" s="45">
        <v>124458</v>
      </c>
      <c r="G12" s="45">
        <v>48238</v>
      </c>
      <c r="H12" s="45">
        <v>52834</v>
      </c>
      <c r="I12" s="46">
        <v>23386</v>
      </c>
    </row>
    <row r="13" spans="1:13" ht="21" customHeight="1" x14ac:dyDescent="0.2">
      <c r="E13" s="66" t="s">
        <v>8</v>
      </c>
      <c r="F13" s="45">
        <v>74055</v>
      </c>
      <c r="G13" s="45">
        <v>31008</v>
      </c>
      <c r="H13" s="45">
        <v>30670</v>
      </c>
      <c r="I13" s="46">
        <v>12377</v>
      </c>
    </row>
    <row r="14" spans="1:13" ht="21" customHeight="1" x14ac:dyDescent="0.2">
      <c r="E14" s="66" t="s">
        <v>9</v>
      </c>
      <c r="F14" s="45">
        <v>53307</v>
      </c>
      <c r="G14" s="45">
        <v>19351</v>
      </c>
      <c r="H14" s="45">
        <v>21931</v>
      </c>
      <c r="I14" s="46">
        <v>12025</v>
      </c>
    </row>
    <row r="15" spans="1:13" ht="21" customHeight="1" x14ac:dyDescent="0.2">
      <c r="E15" s="66" t="s">
        <v>10</v>
      </c>
      <c r="F15" s="45">
        <v>109253</v>
      </c>
      <c r="G15" s="45">
        <v>44170</v>
      </c>
      <c r="H15" s="45">
        <v>44981</v>
      </c>
      <c r="I15" s="46">
        <v>20102</v>
      </c>
    </row>
    <row r="16" spans="1:13" ht="21" customHeight="1" x14ac:dyDescent="0.2">
      <c r="E16" s="66" t="s">
        <v>11</v>
      </c>
      <c r="F16" s="45">
        <v>57723</v>
      </c>
      <c r="G16" s="45">
        <v>24077</v>
      </c>
      <c r="H16" s="45">
        <v>23240</v>
      </c>
      <c r="I16" s="46">
        <v>10406</v>
      </c>
    </row>
    <row r="17" spans="5:13" ht="21" customHeight="1" x14ac:dyDescent="0.2">
      <c r="E17" s="66" t="s">
        <v>12</v>
      </c>
      <c r="F17" s="45">
        <v>66375</v>
      </c>
      <c r="G17" s="45">
        <v>26846</v>
      </c>
      <c r="H17" s="45">
        <v>27211</v>
      </c>
      <c r="I17" s="46">
        <v>12318</v>
      </c>
    </row>
    <row r="18" spans="5:13" ht="21" customHeight="1" x14ac:dyDescent="0.2">
      <c r="E18" s="66" t="s">
        <v>13</v>
      </c>
      <c r="F18" s="45">
        <v>18431</v>
      </c>
      <c r="G18" s="45">
        <v>6663</v>
      </c>
      <c r="H18" s="45">
        <v>7645</v>
      </c>
      <c r="I18" s="46">
        <v>4123</v>
      </c>
      <c r="M18" s="1" t="s">
        <v>87</v>
      </c>
    </row>
    <row r="19" spans="5:13" ht="21" customHeight="1" x14ac:dyDescent="0.2">
      <c r="E19" s="66" t="s">
        <v>15</v>
      </c>
      <c r="F19" s="45">
        <v>15819</v>
      </c>
      <c r="G19" s="45">
        <v>6461</v>
      </c>
      <c r="H19" s="45">
        <v>6521</v>
      </c>
      <c r="I19" s="46">
        <v>2837</v>
      </c>
    </row>
    <row r="20" spans="5:13" ht="21" customHeight="1" x14ac:dyDescent="0.2">
      <c r="E20" s="66" t="s">
        <v>16</v>
      </c>
      <c r="F20" s="45">
        <v>49745</v>
      </c>
      <c r="G20" s="45">
        <v>21140</v>
      </c>
      <c r="H20" s="45">
        <v>21235</v>
      </c>
      <c r="I20" s="46">
        <v>7370</v>
      </c>
    </row>
    <row r="21" spans="5:13" ht="21" customHeight="1" x14ac:dyDescent="0.2">
      <c r="E21" s="66" t="s">
        <v>17</v>
      </c>
      <c r="F21" s="45">
        <v>59089</v>
      </c>
      <c r="G21" s="45">
        <v>25151</v>
      </c>
      <c r="H21" s="45">
        <v>25176</v>
      </c>
      <c r="I21" s="46">
        <v>8762</v>
      </c>
    </row>
    <row r="22" spans="5:13" ht="21" customHeight="1" x14ac:dyDescent="0.2">
      <c r="E22" s="66" t="s">
        <v>18</v>
      </c>
      <c r="F22" s="45">
        <v>58599</v>
      </c>
      <c r="G22" s="45">
        <v>24373</v>
      </c>
      <c r="H22" s="45">
        <v>24644</v>
      </c>
      <c r="I22" s="46">
        <v>9582</v>
      </c>
    </row>
    <row r="23" spans="5:13" ht="21" customHeight="1" x14ac:dyDescent="0.2">
      <c r="E23" s="66" t="s">
        <v>19</v>
      </c>
      <c r="F23" s="45">
        <v>26760</v>
      </c>
      <c r="G23" s="45">
        <v>11079</v>
      </c>
      <c r="H23" s="45">
        <v>11315</v>
      </c>
      <c r="I23" s="46">
        <v>4366</v>
      </c>
    </row>
    <row r="24" spans="5:13" ht="21" customHeight="1" x14ac:dyDescent="0.2">
      <c r="E24" s="66" t="s">
        <v>20</v>
      </c>
      <c r="F24" s="45">
        <v>34455</v>
      </c>
      <c r="G24" s="45">
        <v>14468</v>
      </c>
      <c r="H24" s="45">
        <v>14616</v>
      </c>
      <c r="I24" s="46">
        <v>5371</v>
      </c>
    </row>
    <row r="25" spans="5:13" ht="21" customHeight="1" x14ac:dyDescent="0.2">
      <c r="E25" s="66" t="s">
        <v>21</v>
      </c>
      <c r="F25" s="45">
        <v>34715</v>
      </c>
      <c r="G25" s="45">
        <v>14600</v>
      </c>
      <c r="H25" s="45">
        <v>14615</v>
      </c>
      <c r="I25" s="46">
        <v>5500</v>
      </c>
    </row>
    <row r="26" spans="5:13" ht="21" customHeight="1" x14ac:dyDescent="0.2">
      <c r="E26" s="66" t="s">
        <v>22</v>
      </c>
      <c r="F26" s="45">
        <v>13615</v>
      </c>
      <c r="G26" s="45">
        <v>5379</v>
      </c>
      <c r="H26" s="45">
        <v>5718</v>
      </c>
      <c r="I26" s="46">
        <v>2518</v>
      </c>
    </row>
    <row r="27" spans="5:13" ht="21" customHeight="1" x14ac:dyDescent="0.2">
      <c r="E27" s="66" t="s">
        <v>23</v>
      </c>
      <c r="F27" s="45">
        <v>22613</v>
      </c>
      <c r="G27" s="45">
        <v>8640</v>
      </c>
      <c r="H27" s="45">
        <v>10407</v>
      </c>
      <c r="I27" s="46">
        <v>3566</v>
      </c>
    </row>
    <row r="28" spans="5:13" ht="21" customHeight="1" x14ac:dyDescent="0.2">
      <c r="E28" s="66" t="s">
        <v>24</v>
      </c>
      <c r="F28" s="45">
        <v>10090</v>
      </c>
      <c r="G28" s="45">
        <v>3608</v>
      </c>
      <c r="H28" s="45">
        <v>4360</v>
      </c>
      <c r="I28" s="46">
        <v>2122</v>
      </c>
    </row>
    <row r="29" spans="5:13" ht="21" customHeight="1" x14ac:dyDescent="0.2">
      <c r="E29" s="66" t="s">
        <v>25</v>
      </c>
      <c r="F29" s="45">
        <v>13492</v>
      </c>
      <c r="G29" s="45">
        <v>5767</v>
      </c>
      <c r="H29" s="45">
        <v>5727</v>
      </c>
      <c r="I29" s="46">
        <v>1998</v>
      </c>
    </row>
    <row r="30" spans="5:13" ht="21" customHeight="1" x14ac:dyDescent="0.2">
      <c r="E30" s="66" t="s">
        <v>26</v>
      </c>
      <c r="F30" s="45">
        <v>11069</v>
      </c>
      <c r="G30" s="45">
        <v>4290</v>
      </c>
      <c r="H30" s="45">
        <v>4794</v>
      </c>
      <c r="I30" s="46">
        <v>1985</v>
      </c>
    </row>
    <row r="31" spans="5:13" ht="21" customHeight="1" x14ac:dyDescent="0.2">
      <c r="E31" s="66" t="s">
        <v>27</v>
      </c>
      <c r="F31" s="45">
        <v>9793</v>
      </c>
      <c r="G31" s="45">
        <v>3663</v>
      </c>
      <c r="H31" s="45">
        <v>4174</v>
      </c>
      <c r="I31" s="46">
        <v>1956</v>
      </c>
    </row>
    <row r="32" spans="5:13" ht="21" customHeight="1" x14ac:dyDescent="0.2">
      <c r="E32" s="66" t="s">
        <v>28</v>
      </c>
      <c r="F32" s="45">
        <v>3219</v>
      </c>
      <c r="G32" s="45">
        <v>1350</v>
      </c>
      <c r="H32" s="45">
        <v>1406</v>
      </c>
      <c r="I32" s="46">
        <v>463</v>
      </c>
    </row>
    <row r="33" spans="5:9" ht="21" customHeight="1" x14ac:dyDescent="0.2">
      <c r="E33" s="66" t="s">
        <v>29</v>
      </c>
      <c r="F33" s="45">
        <v>4979</v>
      </c>
      <c r="G33" s="45">
        <v>2035</v>
      </c>
      <c r="H33" s="45">
        <v>2168</v>
      </c>
      <c r="I33" s="46">
        <v>776</v>
      </c>
    </row>
    <row r="34" spans="5:9" ht="21" customHeight="1" x14ac:dyDescent="0.2">
      <c r="E34" s="66" t="s">
        <v>30</v>
      </c>
      <c r="F34" s="45">
        <v>3711</v>
      </c>
      <c r="G34" s="45">
        <v>1491</v>
      </c>
      <c r="H34" s="45">
        <v>1518</v>
      </c>
      <c r="I34" s="46">
        <v>702</v>
      </c>
    </row>
    <row r="35" spans="5:9" ht="21" customHeight="1" x14ac:dyDescent="0.2">
      <c r="E35" s="66" t="s">
        <v>31</v>
      </c>
      <c r="F35" s="45">
        <v>3984</v>
      </c>
      <c r="G35" s="45">
        <v>1747</v>
      </c>
      <c r="H35" s="45">
        <v>1519</v>
      </c>
      <c r="I35" s="46">
        <v>718</v>
      </c>
    </row>
    <row r="36" spans="5:9" ht="21" customHeight="1" x14ac:dyDescent="0.2">
      <c r="E36" s="66" t="s">
        <v>32</v>
      </c>
      <c r="F36" s="45">
        <v>4695</v>
      </c>
      <c r="G36" s="45">
        <v>1952</v>
      </c>
      <c r="H36" s="45">
        <v>1939</v>
      </c>
      <c r="I36" s="46">
        <v>804</v>
      </c>
    </row>
    <row r="37" spans="5:9" ht="21" customHeight="1" x14ac:dyDescent="0.2">
      <c r="E37" s="66" t="s">
        <v>33</v>
      </c>
      <c r="F37" s="45">
        <v>4061</v>
      </c>
      <c r="G37" s="45">
        <v>1644</v>
      </c>
      <c r="H37" s="45">
        <v>1688</v>
      </c>
      <c r="I37" s="46">
        <v>729</v>
      </c>
    </row>
    <row r="38" spans="5:9" ht="21" customHeight="1" x14ac:dyDescent="0.2">
      <c r="E38" s="66" t="s">
        <v>34</v>
      </c>
      <c r="F38" s="45">
        <v>3015</v>
      </c>
      <c r="G38" s="45">
        <v>1213</v>
      </c>
      <c r="H38" s="45">
        <v>1253</v>
      </c>
      <c r="I38" s="46">
        <v>549</v>
      </c>
    </row>
    <row r="39" spans="5:9" ht="21" customHeight="1" x14ac:dyDescent="0.2">
      <c r="E39" s="66" t="s">
        <v>35</v>
      </c>
      <c r="F39" s="45">
        <v>9813</v>
      </c>
      <c r="G39" s="45">
        <v>3822</v>
      </c>
      <c r="H39" s="45">
        <v>4126</v>
      </c>
      <c r="I39" s="46">
        <v>1865</v>
      </c>
    </row>
    <row r="40" spans="5:9" ht="21" customHeight="1" x14ac:dyDescent="0.2">
      <c r="E40" s="66" t="s">
        <v>36</v>
      </c>
      <c r="F40" s="45">
        <v>12406</v>
      </c>
      <c r="G40" s="45">
        <v>5543</v>
      </c>
      <c r="H40" s="45">
        <v>5178</v>
      </c>
      <c r="I40" s="46">
        <v>1685</v>
      </c>
    </row>
    <row r="41" spans="5:9" ht="21" customHeight="1" thickBot="1" x14ac:dyDescent="0.25">
      <c r="E41" s="67" t="s">
        <v>37</v>
      </c>
      <c r="F41" s="47">
        <v>1077</v>
      </c>
      <c r="G41" s="47">
        <v>497</v>
      </c>
      <c r="H41" s="47">
        <v>419</v>
      </c>
      <c r="I41" s="48">
        <v>161</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6.777343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0">
        <f>第１表!F2</f>
        <v>6</v>
      </c>
      <c r="K1" s="440"/>
      <c r="L1" s="18">
        <f>第１表!G2</f>
        <v>12</v>
      </c>
      <c r="M1" s="445">
        <f>IF(L1&lt;3,L1+12-2,L1-2)</f>
        <v>10</v>
      </c>
      <c r="N1" s="445"/>
    </row>
    <row r="2" spans="2:112" ht="24" customHeight="1" thickBot="1" x14ac:dyDescent="0.25">
      <c r="B2" s="142" t="s">
        <v>128</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58</v>
      </c>
      <c r="CN3" s="480"/>
      <c r="CO3" s="480"/>
      <c r="CP3" s="480"/>
      <c r="CQ3" s="480"/>
      <c r="CR3" s="480"/>
      <c r="CS3" s="480"/>
      <c r="CT3" s="480"/>
      <c r="CU3" s="480"/>
      <c r="CV3" s="480"/>
      <c r="CW3" s="481"/>
      <c r="CX3" s="479" t="s">
        <v>154</v>
      </c>
      <c r="CY3" s="480"/>
      <c r="CZ3" s="480"/>
      <c r="DA3" s="480"/>
      <c r="DB3" s="480"/>
      <c r="DC3" s="480"/>
      <c r="DD3" s="480"/>
      <c r="DE3" s="480"/>
      <c r="DF3" s="480"/>
      <c r="DG3" s="480"/>
      <c r="DH3" s="481"/>
    </row>
    <row r="4" spans="2:112" ht="21" customHeight="1" x14ac:dyDescent="0.2">
      <c r="B4" s="483"/>
      <c r="C4" s="487" t="s">
        <v>61</v>
      </c>
      <c r="D4" s="464"/>
      <c r="E4" s="465"/>
      <c r="F4" s="466" t="s">
        <v>62</v>
      </c>
      <c r="G4" s="464"/>
      <c r="H4" s="464"/>
      <c r="I4" s="464"/>
      <c r="J4" s="464"/>
      <c r="K4" s="464"/>
      <c r="L4" s="469"/>
      <c r="M4" s="467" t="s">
        <v>52</v>
      </c>
      <c r="N4" s="487" t="s">
        <v>61</v>
      </c>
      <c r="O4" s="464"/>
      <c r="P4" s="465"/>
      <c r="Q4" s="466" t="s">
        <v>62</v>
      </c>
      <c r="R4" s="464"/>
      <c r="S4" s="464"/>
      <c r="T4" s="464"/>
      <c r="U4" s="464"/>
      <c r="V4" s="464"/>
      <c r="W4" s="465"/>
      <c r="X4" s="467" t="s">
        <v>52</v>
      </c>
      <c r="Y4" s="463" t="s">
        <v>61</v>
      </c>
      <c r="Z4" s="464"/>
      <c r="AA4" s="469"/>
      <c r="AB4" s="466" t="s">
        <v>62</v>
      </c>
      <c r="AC4" s="464"/>
      <c r="AD4" s="464"/>
      <c r="AE4" s="464"/>
      <c r="AF4" s="464"/>
      <c r="AG4" s="464"/>
      <c r="AH4" s="465"/>
      <c r="AI4" s="467" t="s">
        <v>52</v>
      </c>
      <c r="AJ4" s="463" t="s">
        <v>61</v>
      </c>
      <c r="AK4" s="464"/>
      <c r="AL4" s="465"/>
      <c r="AM4" s="466" t="s">
        <v>62</v>
      </c>
      <c r="AN4" s="464"/>
      <c r="AO4" s="464"/>
      <c r="AP4" s="464"/>
      <c r="AQ4" s="464"/>
      <c r="AR4" s="464"/>
      <c r="AS4" s="465"/>
      <c r="AT4" s="467" t="s">
        <v>52</v>
      </c>
      <c r="AU4" s="463" t="s">
        <v>61</v>
      </c>
      <c r="AV4" s="464"/>
      <c r="AW4" s="469"/>
      <c r="AX4" s="466" t="s">
        <v>62</v>
      </c>
      <c r="AY4" s="464"/>
      <c r="AZ4" s="464"/>
      <c r="BA4" s="464"/>
      <c r="BB4" s="464"/>
      <c r="BC4" s="464"/>
      <c r="BD4" s="469"/>
      <c r="BE4" s="467" t="s">
        <v>52</v>
      </c>
      <c r="BF4" s="463" t="s">
        <v>61</v>
      </c>
      <c r="BG4" s="464"/>
      <c r="BH4" s="465"/>
      <c r="BI4" s="466" t="s">
        <v>62</v>
      </c>
      <c r="BJ4" s="464"/>
      <c r="BK4" s="464"/>
      <c r="BL4" s="464"/>
      <c r="BM4" s="464"/>
      <c r="BN4" s="464"/>
      <c r="BO4" s="465"/>
      <c r="BP4" s="467" t="s">
        <v>52</v>
      </c>
      <c r="BQ4" s="463" t="s">
        <v>61</v>
      </c>
      <c r="BR4" s="464"/>
      <c r="BS4" s="465"/>
      <c r="BT4" s="466" t="s">
        <v>62</v>
      </c>
      <c r="BU4" s="464"/>
      <c r="BV4" s="464"/>
      <c r="BW4" s="464"/>
      <c r="BX4" s="464"/>
      <c r="BY4" s="464"/>
      <c r="BZ4" s="465"/>
      <c r="CA4" s="467" t="s">
        <v>52</v>
      </c>
      <c r="CB4" s="463" t="s">
        <v>61</v>
      </c>
      <c r="CC4" s="464"/>
      <c r="CD4" s="465"/>
      <c r="CE4" s="466" t="s">
        <v>62</v>
      </c>
      <c r="CF4" s="464"/>
      <c r="CG4" s="464"/>
      <c r="CH4" s="464"/>
      <c r="CI4" s="464"/>
      <c r="CJ4" s="464"/>
      <c r="CK4" s="465"/>
      <c r="CL4" s="467" t="s">
        <v>52</v>
      </c>
      <c r="CM4" s="463" t="s">
        <v>61</v>
      </c>
      <c r="CN4" s="464"/>
      <c r="CO4" s="465"/>
      <c r="CP4" s="466" t="s">
        <v>62</v>
      </c>
      <c r="CQ4" s="464"/>
      <c r="CR4" s="464"/>
      <c r="CS4" s="464"/>
      <c r="CT4" s="464"/>
      <c r="CU4" s="464"/>
      <c r="CV4" s="465"/>
      <c r="CW4" s="467" t="s">
        <v>52</v>
      </c>
      <c r="CX4" s="463" t="s">
        <v>61</v>
      </c>
      <c r="CY4" s="464"/>
      <c r="CZ4" s="465"/>
      <c r="DA4" s="466" t="s">
        <v>62</v>
      </c>
      <c r="DB4" s="464"/>
      <c r="DC4" s="464"/>
      <c r="DD4" s="464"/>
      <c r="DE4" s="464"/>
      <c r="DF4" s="464"/>
      <c r="DG4" s="465"/>
      <c r="DH4" s="467" t="s">
        <v>52</v>
      </c>
    </row>
    <row r="5" spans="2:112" ht="30" customHeight="1" thickBot="1" x14ac:dyDescent="0.25">
      <c r="B5" s="484"/>
      <c r="C5" s="204" t="s">
        <v>43</v>
      </c>
      <c r="D5" s="178" t="s">
        <v>44</v>
      </c>
      <c r="E5" s="179" t="s">
        <v>45</v>
      </c>
      <c r="F5" s="180" t="s">
        <v>83</v>
      </c>
      <c r="G5" s="178" t="s">
        <v>47</v>
      </c>
      <c r="H5" s="178" t="s">
        <v>48</v>
      </c>
      <c r="I5" s="178" t="s">
        <v>49</v>
      </c>
      <c r="J5" s="178" t="s">
        <v>50</v>
      </c>
      <c r="K5" s="178" t="s">
        <v>51</v>
      </c>
      <c r="L5" s="181" t="s">
        <v>45</v>
      </c>
      <c r="M5" s="468"/>
      <c r="N5" s="204" t="s">
        <v>43</v>
      </c>
      <c r="O5" s="178" t="s">
        <v>44</v>
      </c>
      <c r="P5" s="182" t="s">
        <v>45</v>
      </c>
      <c r="Q5" s="180" t="s">
        <v>83</v>
      </c>
      <c r="R5" s="178" t="s">
        <v>47</v>
      </c>
      <c r="S5" s="178" t="s">
        <v>48</v>
      </c>
      <c r="T5" s="178" t="s">
        <v>49</v>
      </c>
      <c r="U5" s="178" t="s">
        <v>50</v>
      </c>
      <c r="V5" s="178" t="s">
        <v>51</v>
      </c>
      <c r="W5" s="182" t="s">
        <v>45</v>
      </c>
      <c r="X5" s="468"/>
      <c r="Y5" s="177" t="s">
        <v>43</v>
      </c>
      <c r="Z5" s="178" t="s">
        <v>44</v>
      </c>
      <c r="AA5" s="181" t="s">
        <v>45</v>
      </c>
      <c r="AB5" s="180" t="s">
        <v>83</v>
      </c>
      <c r="AC5" s="178" t="s">
        <v>47</v>
      </c>
      <c r="AD5" s="178" t="s">
        <v>48</v>
      </c>
      <c r="AE5" s="178" t="s">
        <v>49</v>
      </c>
      <c r="AF5" s="178" t="s">
        <v>50</v>
      </c>
      <c r="AG5" s="178" t="s">
        <v>51</v>
      </c>
      <c r="AH5" s="182" t="s">
        <v>45</v>
      </c>
      <c r="AI5" s="468"/>
      <c r="AJ5" s="177" t="s">
        <v>43</v>
      </c>
      <c r="AK5" s="178" t="s">
        <v>44</v>
      </c>
      <c r="AL5" s="182" t="s">
        <v>45</v>
      </c>
      <c r="AM5" s="180" t="s">
        <v>83</v>
      </c>
      <c r="AN5" s="178" t="s">
        <v>47</v>
      </c>
      <c r="AO5" s="178" t="s">
        <v>48</v>
      </c>
      <c r="AP5" s="178" t="s">
        <v>49</v>
      </c>
      <c r="AQ5" s="178" t="s">
        <v>50</v>
      </c>
      <c r="AR5" s="178" t="s">
        <v>51</v>
      </c>
      <c r="AS5" s="182" t="s">
        <v>45</v>
      </c>
      <c r="AT5" s="468"/>
      <c r="AU5" s="177" t="s">
        <v>43</v>
      </c>
      <c r="AV5" s="178" t="s">
        <v>44</v>
      </c>
      <c r="AW5" s="181" t="s">
        <v>45</v>
      </c>
      <c r="AX5" s="180" t="s">
        <v>83</v>
      </c>
      <c r="AY5" s="178" t="s">
        <v>47</v>
      </c>
      <c r="AZ5" s="178" t="s">
        <v>48</v>
      </c>
      <c r="BA5" s="178" t="s">
        <v>49</v>
      </c>
      <c r="BB5" s="178" t="s">
        <v>50</v>
      </c>
      <c r="BC5" s="178" t="s">
        <v>51</v>
      </c>
      <c r="BD5" s="181" t="s">
        <v>45</v>
      </c>
      <c r="BE5" s="468"/>
      <c r="BF5" s="177" t="s">
        <v>43</v>
      </c>
      <c r="BG5" s="178" t="s">
        <v>44</v>
      </c>
      <c r="BH5" s="182" t="s">
        <v>45</v>
      </c>
      <c r="BI5" s="180" t="s">
        <v>83</v>
      </c>
      <c r="BJ5" s="178" t="s">
        <v>47</v>
      </c>
      <c r="BK5" s="178" t="s">
        <v>48</v>
      </c>
      <c r="BL5" s="178" t="s">
        <v>49</v>
      </c>
      <c r="BM5" s="178" t="s">
        <v>50</v>
      </c>
      <c r="BN5" s="178" t="s">
        <v>51</v>
      </c>
      <c r="BO5" s="182" t="s">
        <v>45</v>
      </c>
      <c r="BP5" s="468"/>
      <c r="BQ5" s="177" t="s">
        <v>43</v>
      </c>
      <c r="BR5" s="178" t="s">
        <v>44</v>
      </c>
      <c r="BS5" s="182" t="s">
        <v>45</v>
      </c>
      <c r="BT5" s="180" t="s">
        <v>83</v>
      </c>
      <c r="BU5" s="178" t="s">
        <v>47</v>
      </c>
      <c r="BV5" s="178" t="s">
        <v>48</v>
      </c>
      <c r="BW5" s="178" t="s">
        <v>49</v>
      </c>
      <c r="BX5" s="178" t="s">
        <v>50</v>
      </c>
      <c r="BY5" s="178" t="s">
        <v>51</v>
      </c>
      <c r="BZ5" s="182" t="s">
        <v>45</v>
      </c>
      <c r="CA5" s="468"/>
      <c r="CB5" s="177" t="s">
        <v>43</v>
      </c>
      <c r="CC5" s="178" t="s">
        <v>44</v>
      </c>
      <c r="CD5" s="182" t="s">
        <v>45</v>
      </c>
      <c r="CE5" s="180" t="s">
        <v>83</v>
      </c>
      <c r="CF5" s="178" t="s">
        <v>47</v>
      </c>
      <c r="CG5" s="178" t="s">
        <v>48</v>
      </c>
      <c r="CH5" s="178" t="s">
        <v>49</v>
      </c>
      <c r="CI5" s="178" t="s">
        <v>50</v>
      </c>
      <c r="CJ5" s="178" t="s">
        <v>51</v>
      </c>
      <c r="CK5" s="182" t="s">
        <v>45</v>
      </c>
      <c r="CL5" s="468"/>
      <c r="CM5" s="177" t="s">
        <v>43</v>
      </c>
      <c r="CN5" s="178" t="s">
        <v>44</v>
      </c>
      <c r="CO5" s="182" t="s">
        <v>45</v>
      </c>
      <c r="CP5" s="180" t="s">
        <v>83</v>
      </c>
      <c r="CQ5" s="178" t="s">
        <v>47</v>
      </c>
      <c r="CR5" s="178" t="s">
        <v>48</v>
      </c>
      <c r="CS5" s="178" t="s">
        <v>49</v>
      </c>
      <c r="CT5" s="178" t="s">
        <v>50</v>
      </c>
      <c r="CU5" s="178" t="s">
        <v>51</v>
      </c>
      <c r="CV5" s="182" t="s">
        <v>45</v>
      </c>
      <c r="CW5" s="468"/>
      <c r="CX5" s="177" t="s">
        <v>43</v>
      </c>
      <c r="CY5" s="178" t="s">
        <v>44</v>
      </c>
      <c r="CZ5" s="182" t="s">
        <v>45</v>
      </c>
      <c r="DA5" s="180" t="s">
        <v>83</v>
      </c>
      <c r="DB5" s="178" t="s">
        <v>47</v>
      </c>
      <c r="DC5" s="178" t="s">
        <v>48</v>
      </c>
      <c r="DD5" s="178" t="s">
        <v>49</v>
      </c>
      <c r="DE5" s="178" t="s">
        <v>50</v>
      </c>
      <c r="DF5" s="178" t="s">
        <v>51</v>
      </c>
      <c r="DG5" s="182" t="s">
        <v>45</v>
      </c>
      <c r="DH5" s="468"/>
    </row>
    <row r="6" spans="2:112" ht="21" customHeight="1" x14ac:dyDescent="0.2">
      <c r="B6" s="84" t="s">
        <v>4</v>
      </c>
      <c r="C6" s="183">
        <v>0</v>
      </c>
      <c r="D6" s="184">
        <v>0</v>
      </c>
      <c r="E6" s="185">
        <v>0</v>
      </c>
      <c r="F6" s="186">
        <v>0</v>
      </c>
      <c r="G6" s="184">
        <v>14109</v>
      </c>
      <c r="H6" s="184">
        <v>20444</v>
      </c>
      <c r="I6" s="184">
        <v>23048</v>
      </c>
      <c r="J6" s="184">
        <v>25897</v>
      </c>
      <c r="K6" s="184">
        <v>21792</v>
      </c>
      <c r="L6" s="187">
        <v>105290</v>
      </c>
      <c r="M6" s="188">
        <v>105290</v>
      </c>
      <c r="N6" s="183">
        <v>0</v>
      </c>
      <c r="O6" s="184">
        <v>11</v>
      </c>
      <c r="P6" s="189">
        <v>11</v>
      </c>
      <c r="Q6" s="186">
        <v>0</v>
      </c>
      <c r="R6" s="184">
        <v>16</v>
      </c>
      <c r="S6" s="184">
        <v>120</v>
      </c>
      <c r="T6" s="184">
        <v>199</v>
      </c>
      <c r="U6" s="184">
        <v>606</v>
      </c>
      <c r="V6" s="184">
        <v>879</v>
      </c>
      <c r="W6" s="189">
        <v>1820</v>
      </c>
      <c r="X6" s="188">
        <v>1831</v>
      </c>
      <c r="Y6" s="183">
        <v>1239</v>
      </c>
      <c r="Z6" s="184">
        <v>3717</v>
      </c>
      <c r="AA6" s="189">
        <v>4956</v>
      </c>
      <c r="AB6" s="186">
        <v>0</v>
      </c>
      <c r="AC6" s="184">
        <v>9586</v>
      </c>
      <c r="AD6" s="184">
        <v>16035</v>
      </c>
      <c r="AE6" s="184">
        <v>9607</v>
      </c>
      <c r="AF6" s="184">
        <v>7486</v>
      </c>
      <c r="AG6" s="184">
        <v>4462</v>
      </c>
      <c r="AH6" s="189">
        <v>47176</v>
      </c>
      <c r="AI6" s="188">
        <v>52132</v>
      </c>
      <c r="AJ6" s="183">
        <v>249</v>
      </c>
      <c r="AK6" s="184">
        <v>582</v>
      </c>
      <c r="AL6" s="189">
        <v>831</v>
      </c>
      <c r="AM6" s="186">
        <v>0</v>
      </c>
      <c r="AN6" s="184">
        <v>1090</v>
      </c>
      <c r="AO6" s="184">
        <v>1585</v>
      </c>
      <c r="AP6" s="184">
        <v>1133</v>
      </c>
      <c r="AQ6" s="184">
        <v>732</v>
      </c>
      <c r="AR6" s="184">
        <v>413</v>
      </c>
      <c r="AS6" s="189">
        <v>4953</v>
      </c>
      <c r="AT6" s="188">
        <v>5784</v>
      </c>
      <c r="AU6" s="183">
        <v>0</v>
      </c>
      <c r="AV6" s="184">
        <v>0</v>
      </c>
      <c r="AW6" s="189">
        <v>0</v>
      </c>
      <c r="AX6" s="186">
        <v>0</v>
      </c>
      <c r="AY6" s="184">
        <v>14123</v>
      </c>
      <c r="AZ6" s="184">
        <v>13414</v>
      </c>
      <c r="BA6" s="184">
        <v>7562</v>
      </c>
      <c r="BB6" s="184">
        <v>3653</v>
      </c>
      <c r="BC6" s="184">
        <v>1409</v>
      </c>
      <c r="BD6" s="187">
        <v>40161</v>
      </c>
      <c r="BE6" s="188">
        <v>40161</v>
      </c>
      <c r="BF6" s="183">
        <v>0</v>
      </c>
      <c r="BG6" s="184">
        <v>0</v>
      </c>
      <c r="BH6" s="189">
        <v>0</v>
      </c>
      <c r="BI6" s="186">
        <v>0</v>
      </c>
      <c r="BJ6" s="184">
        <v>2819</v>
      </c>
      <c r="BK6" s="184">
        <v>4024</v>
      </c>
      <c r="BL6" s="184">
        <v>2384</v>
      </c>
      <c r="BM6" s="184">
        <v>1251</v>
      </c>
      <c r="BN6" s="184">
        <v>356</v>
      </c>
      <c r="BO6" s="189">
        <v>10834</v>
      </c>
      <c r="BP6" s="188">
        <v>10834</v>
      </c>
      <c r="BQ6" s="183">
        <v>12</v>
      </c>
      <c r="BR6" s="184">
        <v>133</v>
      </c>
      <c r="BS6" s="189">
        <v>145</v>
      </c>
      <c r="BT6" s="186">
        <v>0</v>
      </c>
      <c r="BU6" s="184">
        <v>1197</v>
      </c>
      <c r="BV6" s="184">
        <v>2404</v>
      </c>
      <c r="BW6" s="184">
        <v>3174</v>
      </c>
      <c r="BX6" s="184">
        <v>2239</v>
      </c>
      <c r="BY6" s="184">
        <v>1236</v>
      </c>
      <c r="BZ6" s="189">
        <v>10250</v>
      </c>
      <c r="CA6" s="188">
        <v>10395</v>
      </c>
      <c r="CB6" s="183">
        <v>0</v>
      </c>
      <c r="CC6" s="184">
        <v>18</v>
      </c>
      <c r="CD6" s="189">
        <v>18</v>
      </c>
      <c r="CE6" s="186">
        <v>0</v>
      </c>
      <c r="CF6" s="184">
        <v>108</v>
      </c>
      <c r="CG6" s="184">
        <v>337</v>
      </c>
      <c r="CH6" s="184">
        <v>394</v>
      </c>
      <c r="CI6" s="184">
        <v>276</v>
      </c>
      <c r="CJ6" s="184">
        <v>129</v>
      </c>
      <c r="CK6" s="189">
        <v>1244</v>
      </c>
      <c r="CL6" s="188">
        <v>1262</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5454</v>
      </c>
      <c r="H7" s="191">
        <v>9474</v>
      </c>
      <c r="I7" s="191">
        <v>9759</v>
      </c>
      <c r="J7" s="191">
        <v>10579</v>
      </c>
      <c r="K7" s="191">
        <v>8150</v>
      </c>
      <c r="L7" s="194">
        <v>43416</v>
      </c>
      <c r="M7" s="195">
        <v>43416</v>
      </c>
      <c r="N7" s="190">
        <v>0</v>
      </c>
      <c r="O7" s="191">
        <v>9</v>
      </c>
      <c r="P7" s="196">
        <v>9</v>
      </c>
      <c r="Q7" s="193">
        <v>0</v>
      </c>
      <c r="R7" s="191">
        <v>7</v>
      </c>
      <c r="S7" s="191">
        <v>43</v>
      </c>
      <c r="T7" s="191">
        <v>84</v>
      </c>
      <c r="U7" s="191">
        <v>308</v>
      </c>
      <c r="V7" s="191">
        <v>430</v>
      </c>
      <c r="W7" s="196">
        <v>872</v>
      </c>
      <c r="X7" s="195">
        <v>881</v>
      </c>
      <c r="Y7" s="190">
        <v>490</v>
      </c>
      <c r="Z7" s="191">
        <v>2068</v>
      </c>
      <c r="AA7" s="196">
        <v>2558</v>
      </c>
      <c r="AB7" s="193">
        <v>0</v>
      </c>
      <c r="AC7" s="191">
        <v>3880</v>
      </c>
      <c r="AD7" s="191">
        <v>9161</v>
      </c>
      <c r="AE7" s="191">
        <v>5350</v>
      </c>
      <c r="AF7" s="191">
        <v>4000</v>
      </c>
      <c r="AG7" s="191">
        <v>1916</v>
      </c>
      <c r="AH7" s="196">
        <v>24307</v>
      </c>
      <c r="AI7" s="195">
        <v>26865</v>
      </c>
      <c r="AJ7" s="190">
        <v>97</v>
      </c>
      <c r="AK7" s="191">
        <v>306</v>
      </c>
      <c r="AL7" s="196">
        <v>403</v>
      </c>
      <c r="AM7" s="193">
        <v>0</v>
      </c>
      <c r="AN7" s="191">
        <v>334</v>
      </c>
      <c r="AO7" s="191">
        <v>592</v>
      </c>
      <c r="AP7" s="191">
        <v>498</v>
      </c>
      <c r="AQ7" s="191">
        <v>341</v>
      </c>
      <c r="AR7" s="191">
        <v>183</v>
      </c>
      <c r="AS7" s="196">
        <v>1948</v>
      </c>
      <c r="AT7" s="195">
        <v>2351</v>
      </c>
      <c r="AU7" s="190">
        <v>0</v>
      </c>
      <c r="AV7" s="191">
        <v>0</v>
      </c>
      <c r="AW7" s="196">
        <v>0</v>
      </c>
      <c r="AX7" s="193">
        <v>0</v>
      </c>
      <c r="AY7" s="191">
        <v>4788</v>
      </c>
      <c r="AZ7" s="191">
        <v>5455</v>
      </c>
      <c r="BA7" s="191">
        <v>3027</v>
      </c>
      <c r="BB7" s="191">
        <v>1398</v>
      </c>
      <c r="BC7" s="191">
        <v>711</v>
      </c>
      <c r="BD7" s="194">
        <v>15379</v>
      </c>
      <c r="BE7" s="195">
        <v>15379</v>
      </c>
      <c r="BF7" s="190">
        <v>0</v>
      </c>
      <c r="BG7" s="191">
        <v>0</v>
      </c>
      <c r="BH7" s="196">
        <v>0</v>
      </c>
      <c r="BI7" s="193">
        <v>0</v>
      </c>
      <c r="BJ7" s="191">
        <v>996</v>
      </c>
      <c r="BK7" s="191">
        <v>1837</v>
      </c>
      <c r="BL7" s="191">
        <v>1191</v>
      </c>
      <c r="BM7" s="191">
        <v>617</v>
      </c>
      <c r="BN7" s="191">
        <v>137</v>
      </c>
      <c r="BO7" s="196">
        <v>4778</v>
      </c>
      <c r="BP7" s="195">
        <v>4778</v>
      </c>
      <c r="BQ7" s="190">
        <v>10</v>
      </c>
      <c r="BR7" s="191">
        <v>52</v>
      </c>
      <c r="BS7" s="196">
        <v>62</v>
      </c>
      <c r="BT7" s="193">
        <v>0</v>
      </c>
      <c r="BU7" s="191">
        <v>475</v>
      </c>
      <c r="BV7" s="191">
        <v>922</v>
      </c>
      <c r="BW7" s="191">
        <v>1346</v>
      </c>
      <c r="BX7" s="191">
        <v>1076</v>
      </c>
      <c r="BY7" s="191">
        <v>537</v>
      </c>
      <c r="BZ7" s="196">
        <v>4356</v>
      </c>
      <c r="CA7" s="195">
        <v>4418</v>
      </c>
      <c r="CB7" s="190">
        <v>0</v>
      </c>
      <c r="CC7" s="191">
        <v>7</v>
      </c>
      <c r="CD7" s="196">
        <v>7</v>
      </c>
      <c r="CE7" s="193">
        <v>0</v>
      </c>
      <c r="CF7" s="191">
        <v>36</v>
      </c>
      <c r="CG7" s="191">
        <v>214</v>
      </c>
      <c r="CH7" s="191">
        <v>245</v>
      </c>
      <c r="CI7" s="191">
        <v>167</v>
      </c>
      <c r="CJ7" s="191">
        <v>102</v>
      </c>
      <c r="CK7" s="196">
        <v>764</v>
      </c>
      <c r="CL7" s="195">
        <v>771</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1940</v>
      </c>
      <c r="H8" s="191">
        <v>2500</v>
      </c>
      <c r="I8" s="191">
        <v>2287</v>
      </c>
      <c r="J8" s="191">
        <v>3316</v>
      </c>
      <c r="K8" s="191">
        <v>2789</v>
      </c>
      <c r="L8" s="194">
        <v>12832</v>
      </c>
      <c r="M8" s="195">
        <v>12832</v>
      </c>
      <c r="N8" s="190">
        <v>0</v>
      </c>
      <c r="O8" s="191">
        <v>0</v>
      </c>
      <c r="P8" s="196">
        <v>0</v>
      </c>
      <c r="Q8" s="193">
        <v>0</v>
      </c>
      <c r="R8" s="191">
        <v>4</v>
      </c>
      <c r="S8" s="191">
        <v>9</v>
      </c>
      <c r="T8" s="191">
        <v>2</v>
      </c>
      <c r="U8" s="191">
        <v>49</v>
      </c>
      <c r="V8" s="191">
        <v>102</v>
      </c>
      <c r="W8" s="196">
        <v>166</v>
      </c>
      <c r="X8" s="195">
        <v>166</v>
      </c>
      <c r="Y8" s="190">
        <v>190</v>
      </c>
      <c r="Z8" s="191">
        <v>428</v>
      </c>
      <c r="AA8" s="196">
        <v>618</v>
      </c>
      <c r="AB8" s="193">
        <v>0</v>
      </c>
      <c r="AC8" s="191">
        <v>1612</v>
      </c>
      <c r="AD8" s="191">
        <v>1997</v>
      </c>
      <c r="AE8" s="191">
        <v>1064</v>
      </c>
      <c r="AF8" s="191">
        <v>1083</v>
      </c>
      <c r="AG8" s="191">
        <v>670</v>
      </c>
      <c r="AH8" s="196">
        <v>6426</v>
      </c>
      <c r="AI8" s="195">
        <v>7044</v>
      </c>
      <c r="AJ8" s="190">
        <v>27</v>
      </c>
      <c r="AK8" s="191">
        <v>8</v>
      </c>
      <c r="AL8" s="196">
        <v>35</v>
      </c>
      <c r="AM8" s="193">
        <v>0</v>
      </c>
      <c r="AN8" s="191">
        <v>136</v>
      </c>
      <c r="AO8" s="191">
        <v>174</v>
      </c>
      <c r="AP8" s="191">
        <v>97</v>
      </c>
      <c r="AQ8" s="191">
        <v>16</v>
      </c>
      <c r="AR8" s="191">
        <v>37</v>
      </c>
      <c r="AS8" s="196">
        <v>460</v>
      </c>
      <c r="AT8" s="195">
        <v>495</v>
      </c>
      <c r="AU8" s="190">
        <v>0</v>
      </c>
      <c r="AV8" s="191">
        <v>0</v>
      </c>
      <c r="AW8" s="196">
        <v>0</v>
      </c>
      <c r="AX8" s="193">
        <v>0</v>
      </c>
      <c r="AY8" s="191">
        <v>1954</v>
      </c>
      <c r="AZ8" s="191">
        <v>1957</v>
      </c>
      <c r="BA8" s="191">
        <v>811</v>
      </c>
      <c r="BB8" s="191">
        <v>483</v>
      </c>
      <c r="BC8" s="191">
        <v>166</v>
      </c>
      <c r="BD8" s="194">
        <v>5371</v>
      </c>
      <c r="BE8" s="195">
        <v>5371</v>
      </c>
      <c r="BF8" s="190">
        <v>0</v>
      </c>
      <c r="BG8" s="191">
        <v>0</v>
      </c>
      <c r="BH8" s="196">
        <v>0</v>
      </c>
      <c r="BI8" s="193">
        <v>0</v>
      </c>
      <c r="BJ8" s="191">
        <v>353</v>
      </c>
      <c r="BK8" s="191">
        <v>470</v>
      </c>
      <c r="BL8" s="191">
        <v>234</v>
      </c>
      <c r="BM8" s="191">
        <v>138</v>
      </c>
      <c r="BN8" s="191">
        <v>65</v>
      </c>
      <c r="BO8" s="196">
        <v>1260</v>
      </c>
      <c r="BP8" s="195">
        <v>1260</v>
      </c>
      <c r="BQ8" s="190">
        <v>0</v>
      </c>
      <c r="BR8" s="191">
        <v>0</v>
      </c>
      <c r="BS8" s="196">
        <v>0</v>
      </c>
      <c r="BT8" s="193">
        <v>0</v>
      </c>
      <c r="BU8" s="191">
        <v>85</v>
      </c>
      <c r="BV8" s="191">
        <v>313</v>
      </c>
      <c r="BW8" s="191">
        <v>228</v>
      </c>
      <c r="BX8" s="191">
        <v>156</v>
      </c>
      <c r="BY8" s="191">
        <v>116</v>
      </c>
      <c r="BZ8" s="196">
        <v>898</v>
      </c>
      <c r="CA8" s="195">
        <v>898</v>
      </c>
      <c r="CB8" s="190">
        <v>0</v>
      </c>
      <c r="CC8" s="191">
        <v>0</v>
      </c>
      <c r="CD8" s="196">
        <v>0</v>
      </c>
      <c r="CE8" s="193">
        <v>0</v>
      </c>
      <c r="CF8" s="191">
        <v>10</v>
      </c>
      <c r="CG8" s="191">
        <v>31</v>
      </c>
      <c r="CH8" s="191">
        <v>40</v>
      </c>
      <c r="CI8" s="191">
        <v>65</v>
      </c>
      <c r="CJ8" s="191">
        <v>15</v>
      </c>
      <c r="CK8" s="196">
        <v>161</v>
      </c>
      <c r="CL8" s="195">
        <v>161</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641</v>
      </c>
      <c r="H9" s="191">
        <v>1419</v>
      </c>
      <c r="I9" s="191">
        <v>1782</v>
      </c>
      <c r="J9" s="191">
        <v>1557</v>
      </c>
      <c r="K9" s="191">
        <v>2118</v>
      </c>
      <c r="L9" s="194">
        <v>7517</v>
      </c>
      <c r="M9" s="195">
        <v>7517</v>
      </c>
      <c r="N9" s="190">
        <v>0</v>
      </c>
      <c r="O9" s="191">
        <v>0</v>
      </c>
      <c r="P9" s="196">
        <v>0</v>
      </c>
      <c r="Q9" s="193">
        <v>0</v>
      </c>
      <c r="R9" s="191">
        <v>0</v>
      </c>
      <c r="S9" s="191">
        <v>8</v>
      </c>
      <c r="T9" s="191">
        <v>10</v>
      </c>
      <c r="U9" s="191">
        <v>30</v>
      </c>
      <c r="V9" s="191">
        <v>41</v>
      </c>
      <c r="W9" s="196">
        <v>89</v>
      </c>
      <c r="X9" s="195">
        <v>89</v>
      </c>
      <c r="Y9" s="190">
        <v>95</v>
      </c>
      <c r="Z9" s="191">
        <v>271</v>
      </c>
      <c r="AA9" s="196">
        <v>366</v>
      </c>
      <c r="AB9" s="193">
        <v>0</v>
      </c>
      <c r="AC9" s="191">
        <v>399</v>
      </c>
      <c r="AD9" s="191">
        <v>953</v>
      </c>
      <c r="AE9" s="191">
        <v>634</v>
      </c>
      <c r="AF9" s="191">
        <v>397</v>
      </c>
      <c r="AG9" s="191">
        <v>351</v>
      </c>
      <c r="AH9" s="196">
        <v>2734</v>
      </c>
      <c r="AI9" s="195">
        <v>3100</v>
      </c>
      <c r="AJ9" s="190">
        <v>12</v>
      </c>
      <c r="AK9" s="191">
        <v>20</v>
      </c>
      <c r="AL9" s="196">
        <v>32</v>
      </c>
      <c r="AM9" s="193">
        <v>0</v>
      </c>
      <c r="AN9" s="191">
        <v>18</v>
      </c>
      <c r="AO9" s="191">
        <v>32</v>
      </c>
      <c r="AP9" s="191">
        <v>20</v>
      </c>
      <c r="AQ9" s="191">
        <v>64</v>
      </c>
      <c r="AR9" s="191">
        <v>0</v>
      </c>
      <c r="AS9" s="196">
        <v>134</v>
      </c>
      <c r="AT9" s="195">
        <v>166</v>
      </c>
      <c r="AU9" s="190">
        <v>0</v>
      </c>
      <c r="AV9" s="191">
        <v>0</v>
      </c>
      <c r="AW9" s="196">
        <v>0</v>
      </c>
      <c r="AX9" s="193">
        <v>0</v>
      </c>
      <c r="AY9" s="191">
        <v>883</v>
      </c>
      <c r="AZ9" s="191">
        <v>1153</v>
      </c>
      <c r="BA9" s="191">
        <v>886</v>
      </c>
      <c r="BB9" s="191">
        <v>363</v>
      </c>
      <c r="BC9" s="191">
        <v>93</v>
      </c>
      <c r="BD9" s="194">
        <v>3378</v>
      </c>
      <c r="BE9" s="195">
        <v>3378</v>
      </c>
      <c r="BF9" s="190">
        <v>0</v>
      </c>
      <c r="BG9" s="191">
        <v>0</v>
      </c>
      <c r="BH9" s="196">
        <v>0</v>
      </c>
      <c r="BI9" s="193">
        <v>0</v>
      </c>
      <c r="BJ9" s="191">
        <v>65</v>
      </c>
      <c r="BK9" s="191">
        <v>205</v>
      </c>
      <c r="BL9" s="191">
        <v>102</v>
      </c>
      <c r="BM9" s="191">
        <v>70</v>
      </c>
      <c r="BN9" s="191">
        <v>9</v>
      </c>
      <c r="BO9" s="196">
        <v>451</v>
      </c>
      <c r="BP9" s="195">
        <v>451</v>
      </c>
      <c r="BQ9" s="190">
        <v>0</v>
      </c>
      <c r="BR9" s="191">
        <v>5</v>
      </c>
      <c r="BS9" s="196">
        <v>5</v>
      </c>
      <c r="BT9" s="193">
        <v>0</v>
      </c>
      <c r="BU9" s="191">
        <v>29</v>
      </c>
      <c r="BV9" s="191">
        <v>181</v>
      </c>
      <c r="BW9" s="191">
        <v>271</v>
      </c>
      <c r="BX9" s="191">
        <v>222</v>
      </c>
      <c r="BY9" s="191">
        <v>121</v>
      </c>
      <c r="BZ9" s="196">
        <v>824</v>
      </c>
      <c r="CA9" s="195">
        <v>829</v>
      </c>
      <c r="CB9" s="190">
        <v>0</v>
      </c>
      <c r="CC9" s="191">
        <v>0</v>
      </c>
      <c r="CD9" s="196">
        <v>0</v>
      </c>
      <c r="CE9" s="193">
        <v>0</v>
      </c>
      <c r="CF9" s="191">
        <v>0</v>
      </c>
      <c r="CG9" s="191">
        <v>5</v>
      </c>
      <c r="CH9" s="191">
        <v>0</v>
      </c>
      <c r="CI9" s="191">
        <v>0</v>
      </c>
      <c r="CJ9" s="191">
        <v>5</v>
      </c>
      <c r="CK9" s="196">
        <v>10</v>
      </c>
      <c r="CL9" s="195">
        <v>10</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300</v>
      </c>
      <c r="H10" s="191">
        <v>1150</v>
      </c>
      <c r="I10" s="191">
        <v>1260</v>
      </c>
      <c r="J10" s="191">
        <v>1781</v>
      </c>
      <c r="K10" s="191">
        <v>1322</v>
      </c>
      <c r="L10" s="194">
        <v>6813</v>
      </c>
      <c r="M10" s="195">
        <v>6813</v>
      </c>
      <c r="N10" s="190">
        <v>0</v>
      </c>
      <c r="O10" s="191">
        <v>0</v>
      </c>
      <c r="P10" s="196">
        <v>0</v>
      </c>
      <c r="Q10" s="193">
        <v>0</v>
      </c>
      <c r="R10" s="191">
        <v>0</v>
      </c>
      <c r="S10" s="191">
        <v>17</v>
      </c>
      <c r="T10" s="191">
        <v>21</v>
      </c>
      <c r="U10" s="191">
        <v>56</v>
      </c>
      <c r="V10" s="191">
        <v>79</v>
      </c>
      <c r="W10" s="196">
        <v>173</v>
      </c>
      <c r="X10" s="195">
        <v>173</v>
      </c>
      <c r="Y10" s="190">
        <v>5</v>
      </c>
      <c r="Z10" s="191">
        <v>25</v>
      </c>
      <c r="AA10" s="196">
        <v>30</v>
      </c>
      <c r="AB10" s="193">
        <v>0</v>
      </c>
      <c r="AC10" s="191">
        <v>481</v>
      </c>
      <c r="AD10" s="191">
        <v>514</v>
      </c>
      <c r="AE10" s="191">
        <v>192</v>
      </c>
      <c r="AF10" s="191">
        <v>220</v>
      </c>
      <c r="AG10" s="191">
        <v>249</v>
      </c>
      <c r="AH10" s="196">
        <v>1656</v>
      </c>
      <c r="AI10" s="195">
        <v>1686</v>
      </c>
      <c r="AJ10" s="190">
        <v>0</v>
      </c>
      <c r="AK10" s="191">
        <v>18</v>
      </c>
      <c r="AL10" s="196">
        <v>18</v>
      </c>
      <c r="AM10" s="193">
        <v>0</v>
      </c>
      <c r="AN10" s="191">
        <v>120</v>
      </c>
      <c r="AO10" s="191">
        <v>46</v>
      </c>
      <c r="AP10" s="191">
        <v>39</v>
      </c>
      <c r="AQ10" s="191">
        <v>45</v>
      </c>
      <c r="AR10" s="191">
        <v>23</v>
      </c>
      <c r="AS10" s="196">
        <v>273</v>
      </c>
      <c r="AT10" s="195">
        <v>291</v>
      </c>
      <c r="AU10" s="190">
        <v>0</v>
      </c>
      <c r="AV10" s="191">
        <v>0</v>
      </c>
      <c r="AW10" s="196">
        <v>0</v>
      </c>
      <c r="AX10" s="193">
        <v>0</v>
      </c>
      <c r="AY10" s="191">
        <v>1334</v>
      </c>
      <c r="AZ10" s="191">
        <v>721</v>
      </c>
      <c r="BA10" s="191">
        <v>406</v>
      </c>
      <c r="BB10" s="191">
        <v>190</v>
      </c>
      <c r="BC10" s="191">
        <v>102</v>
      </c>
      <c r="BD10" s="194">
        <v>2753</v>
      </c>
      <c r="BE10" s="195">
        <v>2753</v>
      </c>
      <c r="BF10" s="190">
        <v>0</v>
      </c>
      <c r="BG10" s="191">
        <v>0</v>
      </c>
      <c r="BH10" s="196">
        <v>0</v>
      </c>
      <c r="BI10" s="193">
        <v>0</v>
      </c>
      <c r="BJ10" s="191">
        <v>189</v>
      </c>
      <c r="BK10" s="191">
        <v>225</v>
      </c>
      <c r="BL10" s="191">
        <v>72</v>
      </c>
      <c r="BM10" s="191">
        <v>69</v>
      </c>
      <c r="BN10" s="191">
        <v>32</v>
      </c>
      <c r="BO10" s="196">
        <v>587</v>
      </c>
      <c r="BP10" s="195">
        <v>587</v>
      </c>
      <c r="BQ10" s="190">
        <v>0</v>
      </c>
      <c r="BR10" s="191">
        <v>10</v>
      </c>
      <c r="BS10" s="196">
        <v>10</v>
      </c>
      <c r="BT10" s="193">
        <v>0</v>
      </c>
      <c r="BU10" s="191">
        <v>130</v>
      </c>
      <c r="BV10" s="191">
        <v>313</v>
      </c>
      <c r="BW10" s="191">
        <v>247</v>
      </c>
      <c r="BX10" s="191">
        <v>160</v>
      </c>
      <c r="BY10" s="191">
        <v>115</v>
      </c>
      <c r="BZ10" s="196">
        <v>965</v>
      </c>
      <c r="CA10" s="195">
        <v>975</v>
      </c>
      <c r="CB10" s="190">
        <v>0</v>
      </c>
      <c r="CC10" s="191">
        <v>0</v>
      </c>
      <c r="CD10" s="196">
        <v>0</v>
      </c>
      <c r="CE10" s="193">
        <v>0</v>
      </c>
      <c r="CF10" s="191">
        <v>4</v>
      </c>
      <c r="CG10" s="191">
        <v>19</v>
      </c>
      <c r="CH10" s="191">
        <v>14</v>
      </c>
      <c r="CI10" s="191">
        <v>0</v>
      </c>
      <c r="CJ10" s="191">
        <v>1</v>
      </c>
      <c r="CK10" s="196">
        <v>38</v>
      </c>
      <c r="CL10" s="195">
        <v>38</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303</v>
      </c>
      <c r="H11" s="191">
        <v>734</v>
      </c>
      <c r="I11" s="191">
        <v>1014</v>
      </c>
      <c r="J11" s="191">
        <v>520</v>
      </c>
      <c r="K11" s="191">
        <v>1235</v>
      </c>
      <c r="L11" s="194">
        <v>3806</v>
      </c>
      <c r="M11" s="195">
        <v>3806</v>
      </c>
      <c r="N11" s="190">
        <v>0</v>
      </c>
      <c r="O11" s="191">
        <v>0</v>
      </c>
      <c r="P11" s="196">
        <v>0</v>
      </c>
      <c r="Q11" s="193">
        <v>0</v>
      </c>
      <c r="R11" s="191">
        <v>5</v>
      </c>
      <c r="S11" s="191">
        <v>8</v>
      </c>
      <c r="T11" s="191">
        <v>8</v>
      </c>
      <c r="U11" s="191">
        <v>0</v>
      </c>
      <c r="V11" s="191">
        <v>7</v>
      </c>
      <c r="W11" s="196">
        <v>28</v>
      </c>
      <c r="X11" s="195">
        <v>28</v>
      </c>
      <c r="Y11" s="190">
        <v>12</v>
      </c>
      <c r="Z11" s="191">
        <v>22</v>
      </c>
      <c r="AA11" s="196">
        <v>34</v>
      </c>
      <c r="AB11" s="193">
        <v>0</v>
      </c>
      <c r="AC11" s="191">
        <v>133</v>
      </c>
      <c r="AD11" s="191">
        <v>249</v>
      </c>
      <c r="AE11" s="191">
        <v>193</v>
      </c>
      <c r="AF11" s="191">
        <v>147</v>
      </c>
      <c r="AG11" s="191">
        <v>91</v>
      </c>
      <c r="AH11" s="196">
        <v>813</v>
      </c>
      <c r="AI11" s="195">
        <v>847</v>
      </c>
      <c r="AJ11" s="190">
        <v>15</v>
      </c>
      <c r="AK11" s="191">
        <v>18</v>
      </c>
      <c r="AL11" s="196">
        <v>33</v>
      </c>
      <c r="AM11" s="193">
        <v>0</v>
      </c>
      <c r="AN11" s="191">
        <v>60</v>
      </c>
      <c r="AO11" s="191">
        <v>65</v>
      </c>
      <c r="AP11" s="191">
        <v>55</v>
      </c>
      <c r="AQ11" s="191">
        <v>34</v>
      </c>
      <c r="AR11" s="191">
        <v>10</v>
      </c>
      <c r="AS11" s="196">
        <v>224</v>
      </c>
      <c r="AT11" s="195">
        <v>257</v>
      </c>
      <c r="AU11" s="190">
        <v>0</v>
      </c>
      <c r="AV11" s="191">
        <v>0</v>
      </c>
      <c r="AW11" s="196">
        <v>0</v>
      </c>
      <c r="AX11" s="193">
        <v>0</v>
      </c>
      <c r="AY11" s="191">
        <v>399</v>
      </c>
      <c r="AZ11" s="191">
        <v>362</v>
      </c>
      <c r="BA11" s="191">
        <v>125</v>
      </c>
      <c r="BB11" s="191">
        <v>222</v>
      </c>
      <c r="BC11" s="191">
        <v>65</v>
      </c>
      <c r="BD11" s="194">
        <v>1173</v>
      </c>
      <c r="BE11" s="195">
        <v>1173</v>
      </c>
      <c r="BF11" s="190">
        <v>0</v>
      </c>
      <c r="BG11" s="191">
        <v>0</v>
      </c>
      <c r="BH11" s="196">
        <v>0</v>
      </c>
      <c r="BI11" s="193">
        <v>0</v>
      </c>
      <c r="BJ11" s="191">
        <v>89</v>
      </c>
      <c r="BK11" s="191">
        <v>100</v>
      </c>
      <c r="BL11" s="191">
        <v>38</v>
      </c>
      <c r="BM11" s="191">
        <v>6</v>
      </c>
      <c r="BN11" s="191">
        <v>9</v>
      </c>
      <c r="BO11" s="196">
        <v>242</v>
      </c>
      <c r="BP11" s="195">
        <v>242</v>
      </c>
      <c r="BQ11" s="190">
        <v>0</v>
      </c>
      <c r="BR11" s="191">
        <v>10</v>
      </c>
      <c r="BS11" s="196">
        <v>10</v>
      </c>
      <c r="BT11" s="193">
        <v>0</v>
      </c>
      <c r="BU11" s="191">
        <v>13</v>
      </c>
      <c r="BV11" s="191">
        <v>31</v>
      </c>
      <c r="BW11" s="191">
        <v>218</v>
      </c>
      <c r="BX11" s="191">
        <v>57</v>
      </c>
      <c r="BY11" s="191">
        <v>16</v>
      </c>
      <c r="BZ11" s="196">
        <v>335</v>
      </c>
      <c r="CA11" s="195">
        <v>345</v>
      </c>
      <c r="CB11" s="190">
        <v>0</v>
      </c>
      <c r="CC11" s="191">
        <v>0</v>
      </c>
      <c r="CD11" s="196">
        <v>0</v>
      </c>
      <c r="CE11" s="193">
        <v>0</v>
      </c>
      <c r="CF11" s="191">
        <v>0</v>
      </c>
      <c r="CG11" s="191">
        <v>0</v>
      </c>
      <c r="CH11" s="191">
        <v>3</v>
      </c>
      <c r="CI11" s="191">
        <v>0</v>
      </c>
      <c r="CJ11" s="191">
        <v>0</v>
      </c>
      <c r="CK11" s="196">
        <v>3</v>
      </c>
      <c r="CL11" s="195">
        <v>3</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583</v>
      </c>
      <c r="H12" s="191">
        <v>553</v>
      </c>
      <c r="I12" s="191">
        <v>1075</v>
      </c>
      <c r="J12" s="191">
        <v>1313</v>
      </c>
      <c r="K12" s="191">
        <v>946</v>
      </c>
      <c r="L12" s="194">
        <v>4470</v>
      </c>
      <c r="M12" s="195">
        <v>4470</v>
      </c>
      <c r="N12" s="190">
        <v>0</v>
      </c>
      <c r="O12" s="191">
        <v>0</v>
      </c>
      <c r="P12" s="196">
        <v>0</v>
      </c>
      <c r="Q12" s="193">
        <v>0</v>
      </c>
      <c r="R12" s="191">
        <v>0</v>
      </c>
      <c r="S12" s="191">
        <v>4</v>
      </c>
      <c r="T12" s="191">
        <v>0</v>
      </c>
      <c r="U12" s="191">
        <v>10</v>
      </c>
      <c r="V12" s="191">
        <v>40</v>
      </c>
      <c r="W12" s="196">
        <v>54</v>
      </c>
      <c r="X12" s="195">
        <v>54</v>
      </c>
      <c r="Y12" s="190">
        <v>55</v>
      </c>
      <c r="Z12" s="191">
        <v>98</v>
      </c>
      <c r="AA12" s="196">
        <v>153</v>
      </c>
      <c r="AB12" s="193">
        <v>0</v>
      </c>
      <c r="AC12" s="191">
        <v>493</v>
      </c>
      <c r="AD12" s="191">
        <v>184</v>
      </c>
      <c r="AE12" s="191">
        <v>275</v>
      </c>
      <c r="AF12" s="191">
        <v>237</v>
      </c>
      <c r="AG12" s="191">
        <v>220</v>
      </c>
      <c r="AH12" s="196">
        <v>1409</v>
      </c>
      <c r="AI12" s="195">
        <v>1562</v>
      </c>
      <c r="AJ12" s="190">
        <v>0</v>
      </c>
      <c r="AK12" s="191">
        <v>20</v>
      </c>
      <c r="AL12" s="196">
        <v>20</v>
      </c>
      <c r="AM12" s="193">
        <v>0</v>
      </c>
      <c r="AN12" s="191">
        <v>45</v>
      </c>
      <c r="AO12" s="191">
        <v>31</v>
      </c>
      <c r="AP12" s="191">
        <v>0</v>
      </c>
      <c r="AQ12" s="191">
        <v>37</v>
      </c>
      <c r="AR12" s="191">
        <v>50</v>
      </c>
      <c r="AS12" s="196">
        <v>163</v>
      </c>
      <c r="AT12" s="195">
        <v>183</v>
      </c>
      <c r="AU12" s="190">
        <v>0</v>
      </c>
      <c r="AV12" s="191">
        <v>0</v>
      </c>
      <c r="AW12" s="196">
        <v>0</v>
      </c>
      <c r="AX12" s="193">
        <v>0</v>
      </c>
      <c r="AY12" s="191">
        <v>457</v>
      </c>
      <c r="AZ12" s="191">
        <v>224</v>
      </c>
      <c r="BA12" s="191">
        <v>344</v>
      </c>
      <c r="BB12" s="191">
        <v>134</v>
      </c>
      <c r="BC12" s="191">
        <v>17</v>
      </c>
      <c r="BD12" s="194">
        <v>1176</v>
      </c>
      <c r="BE12" s="195">
        <v>1176</v>
      </c>
      <c r="BF12" s="190">
        <v>0</v>
      </c>
      <c r="BG12" s="191">
        <v>0</v>
      </c>
      <c r="BH12" s="196">
        <v>0</v>
      </c>
      <c r="BI12" s="193">
        <v>0</v>
      </c>
      <c r="BJ12" s="191">
        <v>106</v>
      </c>
      <c r="BK12" s="191">
        <v>127</v>
      </c>
      <c r="BL12" s="191">
        <v>122</v>
      </c>
      <c r="BM12" s="191">
        <v>124</v>
      </c>
      <c r="BN12" s="191">
        <v>0</v>
      </c>
      <c r="BO12" s="196">
        <v>479</v>
      </c>
      <c r="BP12" s="195">
        <v>479</v>
      </c>
      <c r="BQ12" s="190">
        <v>0</v>
      </c>
      <c r="BR12" s="191">
        <v>0</v>
      </c>
      <c r="BS12" s="196">
        <v>0</v>
      </c>
      <c r="BT12" s="193">
        <v>0</v>
      </c>
      <c r="BU12" s="191">
        <v>43</v>
      </c>
      <c r="BV12" s="191">
        <v>14</v>
      </c>
      <c r="BW12" s="191">
        <v>172</v>
      </c>
      <c r="BX12" s="191">
        <v>27</v>
      </c>
      <c r="BY12" s="191">
        <v>11</v>
      </c>
      <c r="BZ12" s="196">
        <v>267</v>
      </c>
      <c r="CA12" s="195">
        <v>267</v>
      </c>
      <c r="CB12" s="190">
        <v>0</v>
      </c>
      <c r="CC12" s="191">
        <v>0</v>
      </c>
      <c r="CD12" s="196">
        <v>0</v>
      </c>
      <c r="CE12" s="193">
        <v>0</v>
      </c>
      <c r="CF12" s="191">
        <v>6</v>
      </c>
      <c r="CG12" s="191">
        <v>0</v>
      </c>
      <c r="CH12" s="191">
        <v>0</v>
      </c>
      <c r="CI12" s="191">
        <v>4</v>
      </c>
      <c r="CJ12" s="191">
        <v>3</v>
      </c>
      <c r="CK12" s="196">
        <v>13</v>
      </c>
      <c r="CL12" s="195">
        <v>13</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093</v>
      </c>
      <c r="H13" s="191">
        <v>1174</v>
      </c>
      <c r="I13" s="191">
        <v>1456</v>
      </c>
      <c r="J13" s="191">
        <v>2007</v>
      </c>
      <c r="K13" s="191">
        <v>1617</v>
      </c>
      <c r="L13" s="194">
        <v>7347</v>
      </c>
      <c r="M13" s="195">
        <v>7347</v>
      </c>
      <c r="N13" s="190">
        <v>0</v>
      </c>
      <c r="O13" s="191">
        <v>0</v>
      </c>
      <c r="P13" s="196">
        <v>0</v>
      </c>
      <c r="Q13" s="193">
        <v>0</v>
      </c>
      <c r="R13" s="191">
        <v>0</v>
      </c>
      <c r="S13" s="191">
        <v>5</v>
      </c>
      <c r="T13" s="191">
        <v>12</v>
      </c>
      <c r="U13" s="191">
        <v>28</v>
      </c>
      <c r="V13" s="191">
        <v>68</v>
      </c>
      <c r="W13" s="196">
        <v>113</v>
      </c>
      <c r="X13" s="195">
        <v>113</v>
      </c>
      <c r="Y13" s="190">
        <v>100</v>
      </c>
      <c r="Z13" s="191">
        <v>166</v>
      </c>
      <c r="AA13" s="196">
        <v>266</v>
      </c>
      <c r="AB13" s="193">
        <v>0</v>
      </c>
      <c r="AC13" s="191">
        <v>587</v>
      </c>
      <c r="AD13" s="191">
        <v>288</v>
      </c>
      <c r="AE13" s="191">
        <v>303</v>
      </c>
      <c r="AF13" s="191">
        <v>304</v>
      </c>
      <c r="AG13" s="191">
        <v>223</v>
      </c>
      <c r="AH13" s="196">
        <v>1705</v>
      </c>
      <c r="AI13" s="195">
        <v>1971</v>
      </c>
      <c r="AJ13" s="190">
        <v>6</v>
      </c>
      <c r="AK13" s="191">
        <v>41</v>
      </c>
      <c r="AL13" s="196">
        <v>47</v>
      </c>
      <c r="AM13" s="193">
        <v>0</v>
      </c>
      <c r="AN13" s="191">
        <v>97</v>
      </c>
      <c r="AO13" s="191">
        <v>194</v>
      </c>
      <c r="AP13" s="191">
        <v>47</v>
      </c>
      <c r="AQ13" s="191">
        <v>74</v>
      </c>
      <c r="AR13" s="191">
        <v>40</v>
      </c>
      <c r="AS13" s="196">
        <v>452</v>
      </c>
      <c r="AT13" s="195">
        <v>499</v>
      </c>
      <c r="AU13" s="190">
        <v>0</v>
      </c>
      <c r="AV13" s="191">
        <v>0</v>
      </c>
      <c r="AW13" s="196">
        <v>0</v>
      </c>
      <c r="AX13" s="193">
        <v>0</v>
      </c>
      <c r="AY13" s="191">
        <v>1085</v>
      </c>
      <c r="AZ13" s="191">
        <v>647</v>
      </c>
      <c r="BA13" s="191">
        <v>299</v>
      </c>
      <c r="BB13" s="191">
        <v>161</v>
      </c>
      <c r="BC13" s="191">
        <v>109</v>
      </c>
      <c r="BD13" s="194">
        <v>2301</v>
      </c>
      <c r="BE13" s="195">
        <v>2301</v>
      </c>
      <c r="BF13" s="190">
        <v>0</v>
      </c>
      <c r="BG13" s="191">
        <v>0</v>
      </c>
      <c r="BH13" s="196">
        <v>0</v>
      </c>
      <c r="BI13" s="193">
        <v>0</v>
      </c>
      <c r="BJ13" s="191">
        <v>169</v>
      </c>
      <c r="BK13" s="191">
        <v>91</v>
      </c>
      <c r="BL13" s="191">
        <v>95</v>
      </c>
      <c r="BM13" s="191">
        <v>4</v>
      </c>
      <c r="BN13" s="191">
        <v>23</v>
      </c>
      <c r="BO13" s="196">
        <v>382</v>
      </c>
      <c r="BP13" s="195">
        <v>382</v>
      </c>
      <c r="BQ13" s="190">
        <v>0</v>
      </c>
      <c r="BR13" s="191">
        <v>21</v>
      </c>
      <c r="BS13" s="196">
        <v>21</v>
      </c>
      <c r="BT13" s="193">
        <v>0</v>
      </c>
      <c r="BU13" s="191">
        <v>123</v>
      </c>
      <c r="BV13" s="191">
        <v>86</v>
      </c>
      <c r="BW13" s="191">
        <v>181</v>
      </c>
      <c r="BX13" s="191">
        <v>120</v>
      </c>
      <c r="BY13" s="191">
        <v>45</v>
      </c>
      <c r="BZ13" s="196">
        <v>555</v>
      </c>
      <c r="CA13" s="195">
        <v>576</v>
      </c>
      <c r="CB13" s="190">
        <v>0</v>
      </c>
      <c r="CC13" s="191">
        <v>0</v>
      </c>
      <c r="CD13" s="196">
        <v>0</v>
      </c>
      <c r="CE13" s="193">
        <v>0</v>
      </c>
      <c r="CF13" s="191">
        <v>3</v>
      </c>
      <c r="CG13" s="191">
        <v>15</v>
      </c>
      <c r="CH13" s="191">
        <v>13</v>
      </c>
      <c r="CI13" s="191">
        <v>0</v>
      </c>
      <c r="CJ13" s="191">
        <v>0</v>
      </c>
      <c r="CK13" s="196">
        <v>31</v>
      </c>
      <c r="CL13" s="195">
        <v>31</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327</v>
      </c>
      <c r="H14" s="191">
        <v>209</v>
      </c>
      <c r="I14" s="191">
        <v>246</v>
      </c>
      <c r="J14" s="191">
        <v>473</v>
      </c>
      <c r="K14" s="191">
        <v>267</v>
      </c>
      <c r="L14" s="194">
        <v>1522</v>
      </c>
      <c r="M14" s="195">
        <v>1522</v>
      </c>
      <c r="N14" s="190">
        <v>0</v>
      </c>
      <c r="O14" s="191">
        <v>0</v>
      </c>
      <c r="P14" s="196">
        <v>0</v>
      </c>
      <c r="Q14" s="193">
        <v>0</v>
      </c>
      <c r="R14" s="191">
        <v>0</v>
      </c>
      <c r="S14" s="191">
        <v>9</v>
      </c>
      <c r="T14" s="191">
        <v>0</v>
      </c>
      <c r="U14" s="191">
        <v>16</v>
      </c>
      <c r="V14" s="191">
        <v>21</v>
      </c>
      <c r="W14" s="196">
        <v>46</v>
      </c>
      <c r="X14" s="195">
        <v>46</v>
      </c>
      <c r="Y14" s="190">
        <v>13</v>
      </c>
      <c r="Z14" s="191">
        <v>44</v>
      </c>
      <c r="AA14" s="196">
        <v>57</v>
      </c>
      <c r="AB14" s="193">
        <v>0</v>
      </c>
      <c r="AC14" s="191">
        <v>223</v>
      </c>
      <c r="AD14" s="191">
        <v>189</v>
      </c>
      <c r="AE14" s="191">
        <v>178</v>
      </c>
      <c r="AF14" s="191">
        <v>128</v>
      </c>
      <c r="AG14" s="191">
        <v>66</v>
      </c>
      <c r="AH14" s="196">
        <v>784</v>
      </c>
      <c r="AI14" s="195">
        <v>841</v>
      </c>
      <c r="AJ14" s="190">
        <v>0</v>
      </c>
      <c r="AK14" s="191">
        <v>12</v>
      </c>
      <c r="AL14" s="196">
        <v>12</v>
      </c>
      <c r="AM14" s="193">
        <v>0</v>
      </c>
      <c r="AN14" s="191">
        <v>10</v>
      </c>
      <c r="AO14" s="191">
        <v>15</v>
      </c>
      <c r="AP14" s="191">
        <v>36</v>
      </c>
      <c r="AQ14" s="191">
        <v>6</v>
      </c>
      <c r="AR14" s="191">
        <v>0</v>
      </c>
      <c r="AS14" s="196">
        <v>67</v>
      </c>
      <c r="AT14" s="195">
        <v>79</v>
      </c>
      <c r="AU14" s="190">
        <v>0</v>
      </c>
      <c r="AV14" s="191">
        <v>0</v>
      </c>
      <c r="AW14" s="196">
        <v>0</v>
      </c>
      <c r="AX14" s="193">
        <v>0</v>
      </c>
      <c r="AY14" s="191">
        <v>398</v>
      </c>
      <c r="AZ14" s="191">
        <v>233</v>
      </c>
      <c r="BA14" s="191">
        <v>193</v>
      </c>
      <c r="BB14" s="191">
        <v>83</v>
      </c>
      <c r="BC14" s="191">
        <v>23</v>
      </c>
      <c r="BD14" s="194">
        <v>930</v>
      </c>
      <c r="BE14" s="195">
        <v>930</v>
      </c>
      <c r="BF14" s="190">
        <v>0</v>
      </c>
      <c r="BG14" s="191">
        <v>0</v>
      </c>
      <c r="BH14" s="196">
        <v>0</v>
      </c>
      <c r="BI14" s="193">
        <v>0</v>
      </c>
      <c r="BJ14" s="191">
        <v>195</v>
      </c>
      <c r="BK14" s="191">
        <v>89</v>
      </c>
      <c r="BL14" s="191">
        <v>26</v>
      </c>
      <c r="BM14" s="191">
        <v>58</v>
      </c>
      <c r="BN14" s="191">
        <v>0</v>
      </c>
      <c r="BO14" s="196">
        <v>368</v>
      </c>
      <c r="BP14" s="195">
        <v>368</v>
      </c>
      <c r="BQ14" s="190">
        <v>0</v>
      </c>
      <c r="BR14" s="191">
        <v>0</v>
      </c>
      <c r="BS14" s="196">
        <v>0</v>
      </c>
      <c r="BT14" s="193">
        <v>0</v>
      </c>
      <c r="BU14" s="191">
        <v>46</v>
      </c>
      <c r="BV14" s="191">
        <v>75</v>
      </c>
      <c r="BW14" s="191">
        <v>54</v>
      </c>
      <c r="BX14" s="191">
        <v>41</v>
      </c>
      <c r="BY14" s="191">
        <v>0</v>
      </c>
      <c r="BZ14" s="196">
        <v>216</v>
      </c>
      <c r="CA14" s="195">
        <v>216</v>
      </c>
      <c r="CB14" s="190">
        <v>0</v>
      </c>
      <c r="CC14" s="191">
        <v>0</v>
      </c>
      <c r="CD14" s="196">
        <v>0</v>
      </c>
      <c r="CE14" s="193">
        <v>0</v>
      </c>
      <c r="CF14" s="191">
        <v>12</v>
      </c>
      <c r="CG14" s="191">
        <v>0</v>
      </c>
      <c r="CH14" s="191">
        <v>16</v>
      </c>
      <c r="CI14" s="191">
        <v>18</v>
      </c>
      <c r="CJ14" s="191">
        <v>0</v>
      </c>
      <c r="CK14" s="196">
        <v>46</v>
      </c>
      <c r="CL14" s="195">
        <v>46</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425</v>
      </c>
      <c r="H15" s="191">
        <v>758</v>
      </c>
      <c r="I15" s="191">
        <v>651</v>
      </c>
      <c r="J15" s="191">
        <v>1134</v>
      </c>
      <c r="K15" s="191">
        <v>367</v>
      </c>
      <c r="L15" s="194">
        <v>3335</v>
      </c>
      <c r="M15" s="195">
        <v>3335</v>
      </c>
      <c r="N15" s="190">
        <v>0</v>
      </c>
      <c r="O15" s="191">
        <v>2</v>
      </c>
      <c r="P15" s="196">
        <v>2</v>
      </c>
      <c r="Q15" s="193">
        <v>0</v>
      </c>
      <c r="R15" s="191">
        <v>0</v>
      </c>
      <c r="S15" s="191">
        <v>3</v>
      </c>
      <c r="T15" s="191">
        <v>22</v>
      </c>
      <c r="U15" s="191">
        <v>5</v>
      </c>
      <c r="V15" s="191">
        <v>17</v>
      </c>
      <c r="W15" s="196">
        <v>47</v>
      </c>
      <c r="X15" s="195">
        <v>49</v>
      </c>
      <c r="Y15" s="190">
        <v>39</v>
      </c>
      <c r="Z15" s="191">
        <v>200</v>
      </c>
      <c r="AA15" s="196">
        <v>239</v>
      </c>
      <c r="AB15" s="193">
        <v>0</v>
      </c>
      <c r="AC15" s="191">
        <v>149</v>
      </c>
      <c r="AD15" s="191">
        <v>411</v>
      </c>
      <c r="AE15" s="191">
        <v>277</v>
      </c>
      <c r="AF15" s="191">
        <v>151</v>
      </c>
      <c r="AG15" s="191">
        <v>119</v>
      </c>
      <c r="AH15" s="196">
        <v>1107</v>
      </c>
      <c r="AI15" s="195">
        <v>1346</v>
      </c>
      <c r="AJ15" s="190">
        <v>0</v>
      </c>
      <c r="AK15" s="191">
        <v>18</v>
      </c>
      <c r="AL15" s="196">
        <v>18</v>
      </c>
      <c r="AM15" s="193">
        <v>0</v>
      </c>
      <c r="AN15" s="191">
        <v>0</v>
      </c>
      <c r="AO15" s="191">
        <v>57</v>
      </c>
      <c r="AP15" s="191">
        <v>24</v>
      </c>
      <c r="AQ15" s="191">
        <v>18</v>
      </c>
      <c r="AR15" s="191">
        <v>0</v>
      </c>
      <c r="AS15" s="196">
        <v>99</v>
      </c>
      <c r="AT15" s="195">
        <v>117</v>
      </c>
      <c r="AU15" s="190">
        <v>0</v>
      </c>
      <c r="AV15" s="191">
        <v>0</v>
      </c>
      <c r="AW15" s="196">
        <v>0</v>
      </c>
      <c r="AX15" s="193">
        <v>0</v>
      </c>
      <c r="AY15" s="191">
        <v>501</v>
      </c>
      <c r="AZ15" s="191">
        <v>441</v>
      </c>
      <c r="BA15" s="191">
        <v>266</v>
      </c>
      <c r="BB15" s="191">
        <v>105</v>
      </c>
      <c r="BC15" s="191">
        <v>12</v>
      </c>
      <c r="BD15" s="194">
        <v>1325</v>
      </c>
      <c r="BE15" s="195">
        <v>1325</v>
      </c>
      <c r="BF15" s="190">
        <v>0</v>
      </c>
      <c r="BG15" s="191">
        <v>0</v>
      </c>
      <c r="BH15" s="196">
        <v>0</v>
      </c>
      <c r="BI15" s="193">
        <v>0</v>
      </c>
      <c r="BJ15" s="191">
        <v>49</v>
      </c>
      <c r="BK15" s="191">
        <v>174</v>
      </c>
      <c r="BL15" s="191">
        <v>108</v>
      </c>
      <c r="BM15" s="191">
        <v>33</v>
      </c>
      <c r="BN15" s="191">
        <v>10</v>
      </c>
      <c r="BO15" s="196">
        <v>374</v>
      </c>
      <c r="BP15" s="195">
        <v>374</v>
      </c>
      <c r="BQ15" s="190">
        <v>0</v>
      </c>
      <c r="BR15" s="191">
        <v>14</v>
      </c>
      <c r="BS15" s="196">
        <v>14</v>
      </c>
      <c r="BT15" s="193">
        <v>0</v>
      </c>
      <c r="BU15" s="191">
        <v>33</v>
      </c>
      <c r="BV15" s="191">
        <v>79</v>
      </c>
      <c r="BW15" s="191">
        <v>29</v>
      </c>
      <c r="BX15" s="191">
        <v>85</v>
      </c>
      <c r="BY15" s="191">
        <v>53</v>
      </c>
      <c r="BZ15" s="196">
        <v>279</v>
      </c>
      <c r="CA15" s="195">
        <v>293</v>
      </c>
      <c r="CB15" s="190">
        <v>0</v>
      </c>
      <c r="CC15" s="191">
        <v>0</v>
      </c>
      <c r="CD15" s="196">
        <v>0</v>
      </c>
      <c r="CE15" s="193">
        <v>0</v>
      </c>
      <c r="CF15" s="191">
        <v>0</v>
      </c>
      <c r="CG15" s="191">
        <v>0</v>
      </c>
      <c r="CH15" s="191">
        <v>6</v>
      </c>
      <c r="CI15" s="191">
        <v>3</v>
      </c>
      <c r="CJ15" s="191">
        <v>0</v>
      </c>
      <c r="CK15" s="196">
        <v>9</v>
      </c>
      <c r="CL15" s="195">
        <v>9</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141</v>
      </c>
      <c r="H16" s="191">
        <v>196</v>
      </c>
      <c r="I16" s="191">
        <v>416</v>
      </c>
      <c r="J16" s="191">
        <v>360</v>
      </c>
      <c r="K16" s="191">
        <v>395</v>
      </c>
      <c r="L16" s="194">
        <v>1508</v>
      </c>
      <c r="M16" s="195">
        <v>1508</v>
      </c>
      <c r="N16" s="190">
        <v>0</v>
      </c>
      <c r="O16" s="191">
        <v>0</v>
      </c>
      <c r="P16" s="196">
        <v>0</v>
      </c>
      <c r="Q16" s="193">
        <v>0</v>
      </c>
      <c r="R16" s="191">
        <v>0</v>
      </c>
      <c r="S16" s="191">
        <v>0</v>
      </c>
      <c r="T16" s="191">
        <v>4</v>
      </c>
      <c r="U16" s="191">
        <v>0</v>
      </c>
      <c r="V16" s="191">
        <v>13</v>
      </c>
      <c r="W16" s="196">
        <v>17</v>
      </c>
      <c r="X16" s="195">
        <v>17</v>
      </c>
      <c r="Y16" s="190">
        <v>5</v>
      </c>
      <c r="Z16" s="191">
        <v>2</v>
      </c>
      <c r="AA16" s="196">
        <v>7</v>
      </c>
      <c r="AB16" s="193">
        <v>0</v>
      </c>
      <c r="AC16" s="191">
        <v>110</v>
      </c>
      <c r="AD16" s="191">
        <v>214</v>
      </c>
      <c r="AE16" s="191">
        <v>97</v>
      </c>
      <c r="AF16" s="191">
        <v>97</v>
      </c>
      <c r="AG16" s="191">
        <v>119</v>
      </c>
      <c r="AH16" s="196">
        <v>637</v>
      </c>
      <c r="AI16" s="195">
        <v>644</v>
      </c>
      <c r="AJ16" s="190">
        <v>4</v>
      </c>
      <c r="AK16" s="191">
        <v>0</v>
      </c>
      <c r="AL16" s="196">
        <v>4</v>
      </c>
      <c r="AM16" s="193">
        <v>0</v>
      </c>
      <c r="AN16" s="191">
        <v>26</v>
      </c>
      <c r="AO16" s="191">
        <v>19</v>
      </c>
      <c r="AP16" s="191">
        <v>20</v>
      </c>
      <c r="AQ16" s="191">
        <v>0</v>
      </c>
      <c r="AR16" s="191">
        <v>0</v>
      </c>
      <c r="AS16" s="196">
        <v>65</v>
      </c>
      <c r="AT16" s="195">
        <v>69</v>
      </c>
      <c r="AU16" s="190">
        <v>0</v>
      </c>
      <c r="AV16" s="191">
        <v>0</v>
      </c>
      <c r="AW16" s="196">
        <v>0</v>
      </c>
      <c r="AX16" s="193">
        <v>0</v>
      </c>
      <c r="AY16" s="191">
        <v>148</v>
      </c>
      <c r="AZ16" s="191">
        <v>116</v>
      </c>
      <c r="BA16" s="191">
        <v>30</v>
      </c>
      <c r="BB16" s="191">
        <v>70</v>
      </c>
      <c r="BC16" s="191">
        <v>16</v>
      </c>
      <c r="BD16" s="194">
        <v>380</v>
      </c>
      <c r="BE16" s="195">
        <v>380</v>
      </c>
      <c r="BF16" s="190">
        <v>0</v>
      </c>
      <c r="BG16" s="191">
        <v>0</v>
      </c>
      <c r="BH16" s="196">
        <v>0</v>
      </c>
      <c r="BI16" s="193">
        <v>0</v>
      </c>
      <c r="BJ16" s="191">
        <v>23</v>
      </c>
      <c r="BK16" s="191">
        <v>9</v>
      </c>
      <c r="BL16" s="191">
        <v>6</v>
      </c>
      <c r="BM16" s="191">
        <v>10</v>
      </c>
      <c r="BN16" s="191">
        <v>0</v>
      </c>
      <c r="BO16" s="196">
        <v>48</v>
      </c>
      <c r="BP16" s="195">
        <v>48</v>
      </c>
      <c r="BQ16" s="190">
        <v>0</v>
      </c>
      <c r="BR16" s="191">
        <v>0</v>
      </c>
      <c r="BS16" s="196">
        <v>0</v>
      </c>
      <c r="BT16" s="193">
        <v>0</v>
      </c>
      <c r="BU16" s="191">
        <v>23</v>
      </c>
      <c r="BV16" s="191">
        <v>21</v>
      </c>
      <c r="BW16" s="191">
        <v>18</v>
      </c>
      <c r="BX16" s="191">
        <v>4</v>
      </c>
      <c r="BY16" s="191">
        <v>6</v>
      </c>
      <c r="BZ16" s="196">
        <v>72</v>
      </c>
      <c r="CA16" s="195">
        <v>72</v>
      </c>
      <c r="CB16" s="190">
        <v>0</v>
      </c>
      <c r="CC16" s="191">
        <v>0</v>
      </c>
      <c r="CD16" s="196">
        <v>0</v>
      </c>
      <c r="CE16" s="193">
        <v>0</v>
      </c>
      <c r="CF16" s="191">
        <v>16</v>
      </c>
      <c r="CG16" s="191">
        <v>0</v>
      </c>
      <c r="CH16" s="191">
        <v>0</v>
      </c>
      <c r="CI16" s="191">
        <v>4</v>
      </c>
      <c r="CJ16" s="191">
        <v>0</v>
      </c>
      <c r="CK16" s="196">
        <v>20</v>
      </c>
      <c r="CL16" s="195">
        <v>20</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46</v>
      </c>
      <c r="H17" s="191">
        <v>173</v>
      </c>
      <c r="I17" s="191">
        <v>12</v>
      </c>
      <c r="J17" s="191">
        <v>206</v>
      </c>
      <c r="K17" s="191">
        <v>0</v>
      </c>
      <c r="L17" s="194">
        <v>437</v>
      </c>
      <c r="M17" s="195">
        <v>437</v>
      </c>
      <c r="N17" s="190">
        <v>0</v>
      </c>
      <c r="O17" s="191">
        <v>0</v>
      </c>
      <c r="P17" s="196">
        <v>0</v>
      </c>
      <c r="Q17" s="193">
        <v>0</v>
      </c>
      <c r="R17" s="191">
        <v>0</v>
      </c>
      <c r="S17" s="191">
        <v>0</v>
      </c>
      <c r="T17" s="191">
        <v>0</v>
      </c>
      <c r="U17" s="191">
        <v>15</v>
      </c>
      <c r="V17" s="191">
        <v>0</v>
      </c>
      <c r="W17" s="196">
        <v>15</v>
      </c>
      <c r="X17" s="195">
        <v>15</v>
      </c>
      <c r="Y17" s="190">
        <v>0</v>
      </c>
      <c r="Z17" s="191">
        <v>19</v>
      </c>
      <c r="AA17" s="196">
        <v>19</v>
      </c>
      <c r="AB17" s="193">
        <v>0</v>
      </c>
      <c r="AC17" s="191">
        <v>37</v>
      </c>
      <c r="AD17" s="191">
        <v>34</v>
      </c>
      <c r="AE17" s="191">
        <v>5</v>
      </c>
      <c r="AF17" s="191">
        <v>33</v>
      </c>
      <c r="AG17" s="191">
        <v>1</v>
      </c>
      <c r="AH17" s="196">
        <v>110</v>
      </c>
      <c r="AI17" s="195">
        <v>129</v>
      </c>
      <c r="AJ17" s="190">
        <v>0</v>
      </c>
      <c r="AK17" s="191">
        <v>0</v>
      </c>
      <c r="AL17" s="196">
        <v>0</v>
      </c>
      <c r="AM17" s="193">
        <v>0</v>
      </c>
      <c r="AN17" s="191">
        <v>47</v>
      </c>
      <c r="AO17" s="191">
        <v>12</v>
      </c>
      <c r="AP17" s="191">
        <v>0</v>
      </c>
      <c r="AQ17" s="191">
        <v>0</v>
      </c>
      <c r="AR17" s="191">
        <v>0</v>
      </c>
      <c r="AS17" s="196">
        <v>59</v>
      </c>
      <c r="AT17" s="195">
        <v>59</v>
      </c>
      <c r="AU17" s="190">
        <v>0</v>
      </c>
      <c r="AV17" s="191">
        <v>0</v>
      </c>
      <c r="AW17" s="196">
        <v>0</v>
      </c>
      <c r="AX17" s="193">
        <v>0</v>
      </c>
      <c r="AY17" s="191">
        <v>28</v>
      </c>
      <c r="AZ17" s="191">
        <v>49</v>
      </c>
      <c r="BA17" s="191">
        <v>9</v>
      </c>
      <c r="BB17" s="191">
        <v>52</v>
      </c>
      <c r="BC17" s="191">
        <v>0</v>
      </c>
      <c r="BD17" s="194">
        <v>138</v>
      </c>
      <c r="BE17" s="195">
        <v>138</v>
      </c>
      <c r="BF17" s="190">
        <v>0</v>
      </c>
      <c r="BG17" s="191">
        <v>0</v>
      </c>
      <c r="BH17" s="196">
        <v>0</v>
      </c>
      <c r="BI17" s="193">
        <v>0</v>
      </c>
      <c r="BJ17" s="191">
        <v>7</v>
      </c>
      <c r="BK17" s="191">
        <v>4</v>
      </c>
      <c r="BL17" s="191">
        <v>69</v>
      </c>
      <c r="BM17" s="191">
        <v>9</v>
      </c>
      <c r="BN17" s="191">
        <v>0</v>
      </c>
      <c r="BO17" s="196">
        <v>89</v>
      </c>
      <c r="BP17" s="195">
        <v>89</v>
      </c>
      <c r="BQ17" s="190">
        <v>0</v>
      </c>
      <c r="BR17" s="191">
        <v>0</v>
      </c>
      <c r="BS17" s="196">
        <v>0</v>
      </c>
      <c r="BT17" s="193">
        <v>0</v>
      </c>
      <c r="BU17" s="191">
        <v>14</v>
      </c>
      <c r="BV17" s="191">
        <v>34</v>
      </c>
      <c r="BW17" s="191">
        <v>2</v>
      </c>
      <c r="BX17" s="191">
        <v>0</v>
      </c>
      <c r="BY17" s="191">
        <v>30</v>
      </c>
      <c r="BZ17" s="196">
        <v>80</v>
      </c>
      <c r="CA17" s="195">
        <v>80</v>
      </c>
      <c r="CB17" s="190">
        <v>0</v>
      </c>
      <c r="CC17" s="191">
        <v>0</v>
      </c>
      <c r="CD17" s="196">
        <v>0</v>
      </c>
      <c r="CE17" s="193">
        <v>0</v>
      </c>
      <c r="CF17" s="191">
        <v>0</v>
      </c>
      <c r="CG17" s="191">
        <v>3</v>
      </c>
      <c r="CH17" s="191">
        <v>0</v>
      </c>
      <c r="CI17" s="191">
        <v>0</v>
      </c>
      <c r="CJ17" s="191">
        <v>0</v>
      </c>
      <c r="CK17" s="196">
        <v>3</v>
      </c>
      <c r="CL17" s="195">
        <v>3</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146</v>
      </c>
      <c r="H18" s="191">
        <v>205</v>
      </c>
      <c r="I18" s="191">
        <v>431</v>
      </c>
      <c r="J18" s="191">
        <v>198</v>
      </c>
      <c r="K18" s="191">
        <v>82</v>
      </c>
      <c r="L18" s="194">
        <v>1062</v>
      </c>
      <c r="M18" s="195">
        <v>1062</v>
      </c>
      <c r="N18" s="190">
        <v>0</v>
      </c>
      <c r="O18" s="191">
        <v>0</v>
      </c>
      <c r="P18" s="196">
        <v>0</v>
      </c>
      <c r="Q18" s="193">
        <v>0</v>
      </c>
      <c r="R18" s="191">
        <v>0</v>
      </c>
      <c r="S18" s="191">
        <v>0</v>
      </c>
      <c r="T18" s="191">
        <v>5</v>
      </c>
      <c r="U18" s="191">
        <v>0</v>
      </c>
      <c r="V18" s="191">
        <v>4</v>
      </c>
      <c r="W18" s="196">
        <v>9</v>
      </c>
      <c r="X18" s="195">
        <v>9</v>
      </c>
      <c r="Y18" s="190">
        <v>24</v>
      </c>
      <c r="Z18" s="191">
        <v>20</v>
      </c>
      <c r="AA18" s="196">
        <v>44</v>
      </c>
      <c r="AB18" s="193">
        <v>0</v>
      </c>
      <c r="AC18" s="191">
        <v>144</v>
      </c>
      <c r="AD18" s="191">
        <v>181</v>
      </c>
      <c r="AE18" s="191">
        <v>78</v>
      </c>
      <c r="AF18" s="191">
        <v>108</v>
      </c>
      <c r="AG18" s="191">
        <v>70</v>
      </c>
      <c r="AH18" s="196">
        <v>581</v>
      </c>
      <c r="AI18" s="195">
        <v>625</v>
      </c>
      <c r="AJ18" s="190">
        <v>12</v>
      </c>
      <c r="AK18" s="191">
        <v>0</v>
      </c>
      <c r="AL18" s="196">
        <v>12</v>
      </c>
      <c r="AM18" s="193">
        <v>0</v>
      </c>
      <c r="AN18" s="191">
        <v>12</v>
      </c>
      <c r="AO18" s="191">
        <v>24</v>
      </c>
      <c r="AP18" s="191">
        <v>57</v>
      </c>
      <c r="AQ18" s="191">
        <v>27</v>
      </c>
      <c r="AR18" s="191">
        <v>15</v>
      </c>
      <c r="AS18" s="196">
        <v>135</v>
      </c>
      <c r="AT18" s="195">
        <v>147</v>
      </c>
      <c r="AU18" s="190">
        <v>0</v>
      </c>
      <c r="AV18" s="191">
        <v>0</v>
      </c>
      <c r="AW18" s="196">
        <v>0</v>
      </c>
      <c r="AX18" s="193">
        <v>0</v>
      </c>
      <c r="AY18" s="191">
        <v>138</v>
      </c>
      <c r="AZ18" s="191">
        <v>205</v>
      </c>
      <c r="BA18" s="191">
        <v>124</v>
      </c>
      <c r="BB18" s="191">
        <v>85</v>
      </c>
      <c r="BC18" s="191">
        <v>0</v>
      </c>
      <c r="BD18" s="194">
        <v>552</v>
      </c>
      <c r="BE18" s="195">
        <v>552</v>
      </c>
      <c r="BF18" s="190">
        <v>0</v>
      </c>
      <c r="BG18" s="191">
        <v>0</v>
      </c>
      <c r="BH18" s="196">
        <v>0</v>
      </c>
      <c r="BI18" s="193">
        <v>0</v>
      </c>
      <c r="BJ18" s="191">
        <v>63</v>
      </c>
      <c r="BK18" s="191">
        <v>186</v>
      </c>
      <c r="BL18" s="191">
        <v>43</v>
      </c>
      <c r="BM18" s="191">
        <v>8</v>
      </c>
      <c r="BN18" s="191">
        <v>18</v>
      </c>
      <c r="BO18" s="196">
        <v>318</v>
      </c>
      <c r="BP18" s="195">
        <v>318</v>
      </c>
      <c r="BQ18" s="190">
        <v>0</v>
      </c>
      <c r="BR18" s="191">
        <v>0</v>
      </c>
      <c r="BS18" s="196">
        <v>0</v>
      </c>
      <c r="BT18" s="193">
        <v>0</v>
      </c>
      <c r="BU18" s="191">
        <v>12</v>
      </c>
      <c r="BV18" s="191">
        <v>4</v>
      </c>
      <c r="BW18" s="191">
        <v>6</v>
      </c>
      <c r="BX18" s="191">
        <v>9</v>
      </c>
      <c r="BY18" s="191">
        <v>0</v>
      </c>
      <c r="BZ18" s="196">
        <v>31</v>
      </c>
      <c r="CA18" s="195">
        <v>31</v>
      </c>
      <c r="CB18" s="190">
        <v>0</v>
      </c>
      <c r="CC18" s="191">
        <v>0</v>
      </c>
      <c r="CD18" s="196">
        <v>0</v>
      </c>
      <c r="CE18" s="193">
        <v>0</v>
      </c>
      <c r="CF18" s="191">
        <v>3</v>
      </c>
      <c r="CG18" s="191">
        <v>16</v>
      </c>
      <c r="CH18" s="191">
        <v>0</v>
      </c>
      <c r="CI18" s="191">
        <v>0</v>
      </c>
      <c r="CJ18" s="191">
        <v>3</v>
      </c>
      <c r="CK18" s="196">
        <v>22</v>
      </c>
      <c r="CL18" s="195">
        <v>22</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238</v>
      </c>
      <c r="H19" s="191">
        <v>380</v>
      </c>
      <c r="I19" s="191">
        <v>799</v>
      </c>
      <c r="J19" s="191">
        <v>327</v>
      </c>
      <c r="K19" s="191">
        <v>670</v>
      </c>
      <c r="L19" s="194">
        <v>2414</v>
      </c>
      <c r="M19" s="195">
        <v>2414</v>
      </c>
      <c r="N19" s="190">
        <v>0</v>
      </c>
      <c r="O19" s="191">
        <v>0</v>
      </c>
      <c r="P19" s="196">
        <v>0</v>
      </c>
      <c r="Q19" s="193">
        <v>0</v>
      </c>
      <c r="R19" s="191">
        <v>0</v>
      </c>
      <c r="S19" s="191">
        <v>9</v>
      </c>
      <c r="T19" s="191">
        <v>5</v>
      </c>
      <c r="U19" s="191">
        <v>0</v>
      </c>
      <c r="V19" s="191">
        <v>0</v>
      </c>
      <c r="W19" s="196">
        <v>14</v>
      </c>
      <c r="X19" s="195">
        <v>14</v>
      </c>
      <c r="Y19" s="190">
        <v>2</v>
      </c>
      <c r="Z19" s="191">
        <v>18</v>
      </c>
      <c r="AA19" s="196">
        <v>20</v>
      </c>
      <c r="AB19" s="193">
        <v>0</v>
      </c>
      <c r="AC19" s="191">
        <v>152</v>
      </c>
      <c r="AD19" s="191">
        <v>185</v>
      </c>
      <c r="AE19" s="191">
        <v>183</v>
      </c>
      <c r="AF19" s="191">
        <v>65</v>
      </c>
      <c r="AG19" s="191">
        <v>7</v>
      </c>
      <c r="AH19" s="196">
        <v>592</v>
      </c>
      <c r="AI19" s="195">
        <v>612</v>
      </c>
      <c r="AJ19" s="190">
        <v>0</v>
      </c>
      <c r="AK19" s="191">
        <v>25</v>
      </c>
      <c r="AL19" s="196">
        <v>25</v>
      </c>
      <c r="AM19" s="193">
        <v>0</v>
      </c>
      <c r="AN19" s="191">
        <v>8</v>
      </c>
      <c r="AO19" s="191">
        <v>33</v>
      </c>
      <c r="AP19" s="191">
        <v>21</v>
      </c>
      <c r="AQ19" s="191">
        <v>0</v>
      </c>
      <c r="AR19" s="191">
        <v>15</v>
      </c>
      <c r="AS19" s="196">
        <v>77</v>
      </c>
      <c r="AT19" s="195">
        <v>102</v>
      </c>
      <c r="AU19" s="190">
        <v>0</v>
      </c>
      <c r="AV19" s="191">
        <v>0</v>
      </c>
      <c r="AW19" s="196">
        <v>0</v>
      </c>
      <c r="AX19" s="193">
        <v>0</v>
      </c>
      <c r="AY19" s="191">
        <v>210</v>
      </c>
      <c r="AZ19" s="191">
        <v>259</v>
      </c>
      <c r="BA19" s="191">
        <v>198</v>
      </c>
      <c r="BB19" s="191">
        <v>30</v>
      </c>
      <c r="BC19" s="191">
        <v>4</v>
      </c>
      <c r="BD19" s="194">
        <v>701</v>
      </c>
      <c r="BE19" s="195">
        <v>701</v>
      </c>
      <c r="BF19" s="190">
        <v>0</v>
      </c>
      <c r="BG19" s="191">
        <v>0</v>
      </c>
      <c r="BH19" s="196">
        <v>0</v>
      </c>
      <c r="BI19" s="193">
        <v>0</v>
      </c>
      <c r="BJ19" s="191">
        <v>28</v>
      </c>
      <c r="BK19" s="191">
        <v>120</v>
      </c>
      <c r="BL19" s="191">
        <v>53</v>
      </c>
      <c r="BM19" s="191">
        <v>24</v>
      </c>
      <c r="BN19" s="191">
        <v>8</v>
      </c>
      <c r="BO19" s="196">
        <v>233</v>
      </c>
      <c r="BP19" s="195">
        <v>233</v>
      </c>
      <c r="BQ19" s="190">
        <v>0</v>
      </c>
      <c r="BR19" s="191">
        <v>2</v>
      </c>
      <c r="BS19" s="196">
        <v>2</v>
      </c>
      <c r="BT19" s="193">
        <v>0</v>
      </c>
      <c r="BU19" s="191">
        <v>14</v>
      </c>
      <c r="BV19" s="191">
        <v>100</v>
      </c>
      <c r="BW19" s="191">
        <v>43</v>
      </c>
      <c r="BX19" s="191">
        <v>36</v>
      </c>
      <c r="BY19" s="191">
        <v>33</v>
      </c>
      <c r="BZ19" s="196">
        <v>226</v>
      </c>
      <c r="CA19" s="195">
        <v>228</v>
      </c>
      <c r="CB19" s="190">
        <v>0</v>
      </c>
      <c r="CC19" s="191">
        <v>0</v>
      </c>
      <c r="CD19" s="196">
        <v>0</v>
      </c>
      <c r="CE19" s="193">
        <v>0</v>
      </c>
      <c r="CF19" s="191">
        <v>0</v>
      </c>
      <c r="CG19" s="191">
        <v>12</v>
      </c>
      <c r="CH19" s="191">
        <v>5</v>
      </c>
      <c r="CI19" s="191">
        <v>6</v>
      </c>
      <c r="CJ19" s="191">
        <v>0</v>
      </c>
      <c r="CK19" s="196">
        <v>23</v>
      </c>
      <c r="CL19" s="195">
        <v>23</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366</v>
      </c>
      <c r="H20" s="191">
        <v>294</v>
      </c>
      <c r="I20" s="191">
        <v>605</v>
      </c>
      <c r="J20" s="191">
        <v>544</v>
      </c>
      <c r="K20" s="191">
        <v>593</v>
      </c>
      <c r="L20" s="194">
        <v>2402</v>
      </c>
      <c r="M20" s="195">
        <v>2402</v>
      </c>
      <c r="N20" s="190">
        <v>0</v>
      </c>
      <c r="O20" s="191">
        <v>0</v>
      </c>
      <c r="P20" s="196">
        <v>0</v>
      </c>
      <c r="Q20" s="193">
        <v>0</v>
      </c>
      <c r="R20" s="191">
        <v>0</v>
      </c>
      <c r="S20" s="191">
        <v>0</v>
      </c>
      <c r="T20" s="191">
        <v>0</v>
      </c>
      <c r="U20" s="191">
        <v>32</v>
      </c>
      <c r="V20" s="191">
        <v>23</v>
      </c>
      <c r="W20" s="196">
        <v>55</v>
      </c>
      <c r="X20" s="195">
        <v>55</v>
      </c>
      <c r="Y20" s="190">
        <v>51</v>
      </c>
      <c r="Z20" s="191">
        <v>71</v>
      </c>
      <c r="AA20" s="196">
        <v>122</v>
      </c>
      <c r="AB20" s="193">
        <v>0</v>
      </c>
      <c r="AC20" s="191">
        <v>263</v>
      </c>
      <c r="AD20" s="191">
        <v>359</v>
      </c>
      <c r="AE20" s="191">
        <v>167</v>
      </c>
      <c r="AF20" s="191">
        <v>112</v>
      </c>
      <c r="AG20" s="191">
        <v>32</v>
      </c>
      <c r="AH20" s="196">
        <v>933</v>
      </c>
      <c r="AI20" s="195">
        <v>1055</v>
      </c>
      <c r="AJ20" s="190">
        <v>0</v>
      </c>
      <c r="AK20" s="191">
        <v>3</v>
      </c>
      <c r="AL20" s="196">
        <v>3</v>
      </c>
      <c r="AM20" s="193">
        <v>0</v>
      </c>
      <c r="AN20" s="191">
        <v>17</v>
      </c>
      <c r="AO20" s="191">
        <v>56</v>
      </c>
      <c r="AP20" s="191">
        <v>101</v>
      </c>
      <c r="AQ20" s="191">
        <v>6</v>
      </c>
      <c r="AR20" s="191">
        <v>0</v>
      </c>
      <c r="AS20" s="196">
        <v>180</v>
      </c>
      <c r="AT20" s="195">
        <v>183</v>
      </c>
      <c r="AU20" s="190">
        <v>0</v>
      </c>
      <c r="AV20" s="191">
        <v>0</v>
      </c>
      <c r="AW20" s="196">
        <v>0</v>
      </c>
      <c r="AX20" s="193">
        <v>0</v>
      </c>
      <c r="AY20" s="191">
        <v>566</v>
      </c>
      <c r="AZ20" s="191">
        <v>380</v>
      </c>
      <c r="BA20" s="191">
        <v>289</v>
      </c>
      <c r="BB20" s="191">
        <v>20</v>
      </c>
      <c r="BC20" s="191">
        <v>39</v>
      </c>
      <c r="BD20" s="194">
        <v>1294</v>
      </c>
      <c r="BE20" s="195">
        <v>1294</v>
      </c>
      <c r="BF20" s="190">
        <v>0</v>
      </c>
      <c r="BG20" s="191">
        <v>0</v>
      </c>
      <c r="BH20" s="196">
        <v>0</v>
      </c>
      <c r="BI20" s="193">
        <v>0</v>
      </c>
      <c r="BJ20" s="191">
        <v>109</v>
      </c>
      <c r="BK20" s="191">
        <v>49</v>
      </c>
      <c r="BL20" s="191">
        <v>50</v>
      </c>
      <c r="BM20" s="191">
        <v>10</v>
      </c>
      <c r="BN20" s="191">
        <v>13</v>
      </c>
      <c r="BO20" s="196">
        <v>231</v>
      </c>
      <c r="BP20" s="195">
        <v>231</v>
      </c>
      <c r="BQ20" s="190">
        <v>0</v>
      </c>
      <c r="BR20" s="191">
        <v>14</v>
      </c>
      <c r="BS20" s="196">
        <v>14</v>
      </c>
      <c r="BT20" s="193">
        <v>0</v>
      </c>
      <c r="BU20" s="191">
        <v>27</v>
      </c>
      <c r="BV20" s="191">
        <v>93</v>
      </c>
      <c r="BW20" s="191">
        <v>162</v>
      </c>
      <c r="BX20" s="191">
        <v>79</v>
      </c>
      <c r="BY20" s="191">
        <v>55</v>
      </c>
      <c r="BZ20" s="196">
        <v>416</v>
      </c>
      <c r="CA20" s="195">
        <v>430</v>
      </c>
      <c r="CB20" s="190">
        <v>0</v>
      </c>
      <c r="CC20" s="191">
        <v>0</v>
      </c>
      <c r="CD20" s="196">
        <v>0</v>
      </c>
      <c r="CE20" s="193">
        <v>0</v>
      </c>
      <c r="CF20" s="191">
        <v>1</v>
      </c>
      <c r="CG20" s="191">
        <v>0</v>
      </c>
      <c r="CH20" s="191">
        <v>3</v>
      </c>
      <c r="CI20" s="191">
        <v>0</v>
      </c>
      <c r="CJ20" s="191">
        <v>0</v>
      </c>
      <c r="CK20" s="196">
        <v>4</v>
      </c>
      <c r="CL20" s="195">
        <v>4</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100</v>
      </c>
      <c r="H21" s="191">
        <v>110</v>
      </c>
      <c r="I21" s="191">
        <v>96</v>
      </c>
      <c r="J21" s="191">
        <v>145</v>
      </c>
      <c r="K21" s="191">
        <v>14</v>
      </c>
      <c r="L21" s="194">
        <v>465</v>
      </c>
      <c r="M21" s="195">
        <v>465</v>
      </c>
      <c r="N21" s="190">
        <v>0</v>
      </c>
      <c r="O21" s="191">
        <v>0</v>
      </c>
      <c r="P21" s="196">
        <v>0</v>
      </c>
      <c r="Q21" s="193">
        <v>0</v>
      </c>
      <c r="R21" s="191">
        <v>0</v>
      </c>
      <c r="S21" s="191">
        <v>0</v>
      </c>
      <c r="T21" s="191">
        <v>11</v>
      </c>
      <c r="U21" s="191">
        <v>0</v>
      </c>
      <c r="V21" s="191">
        <v>0</v>
      </c>
      <c r="W21" s="196">
        <v>11</v>
      </c>
      <c r="X21" s="195">
        <v>11</v>
      </c>
      <c r="Y21" s="190">
        <v>16</v>
      </c>
      <c r="Z21" s="191">
        <v>25</v>
      </c>
      <c r="AA21" s="196">
        <v>41</v>
      </c>
      <c r="AB21" s="193">
        <v>0</v>
      </c>
      <c r="AC21" s="191">
        <v>133</v>
      </c>
      <c r="AD21" s="191">
        <v>44</v>
      </c>
      <c r="AE21" s="191">
        <v>61</v>
      </c>
      <c r="AF21" s="191">
        <v>27</v>
      </c>
      <c r="AG21" s="191">
        <v>54</v>
      </c>
      <c r="AH21" s="196">
        <v>319</v>
      </c>
      <c r="AI21" s="195">
        <v>360</v>
      </c>
      <c r="AJ21" s="190">
        <v>0</v>
      </c>
      <c r="AK21" s="191">
        <v>0</v>
      </c>
      <c r="AL21" s="196">
        <v>0</v>
      </c>
      <c r="AM21" s="193">
        <v>0</v>
      </c>
      <c r="AN21" s="191">
        <v>9</v>
      </c>
      <c r="AO21" s="191">
        <v>12</v>
      </c>
      <c r="AP21" s="191">
        <v>0</v>
      </c>
      <c r="AQ21" s="191">
        <v>27</v>
      </c>
      <c r="AR21" s="191">
        <v>15</v>
      </c>
      <c r="AS21" s="196">
        <v>63</v>
      </c>
      <c r="AT21" s="195">
        <v>63</v>
      </c>
      <c r="AU21" s="190">
        <v>0</v>
      </c>
      <c r="AV21" s="191">
        <v>0</v>
      </c>
      <c r="AW21" s="196">
        <v>0</v>
      </c>
      <c r="AX21" s="193">
        <v>0</v>
      </c>
      <c r="AY21" s="191">
        <v>146</v>
      </c>
      <c r="AZ21" s="191">
        <v>138</v>
      </c>
      <c r="BA21" s="191">
        <v>31</v>
      </c>
      <c r="BB21" s="191">
        <v>0</v>
      </c>
      <c r="BC21" s="191">
        <v>3</v>
      </c>
      <c r="BD21" s="194">
        <v>318</v>
      </c>
      <c r="BE21" s="195">
        <v>318</v>
      </c>
      <c r="BF21" s="190">
        <v>0</v>
      </c>
      <c r="BG21" s="191">
        <v>0</v>
      </c>
      <c r="BH21" s="196">
        <v>0</v>
      </c>
      <c r="BI21" s="193">
        <v>0</v>
      </c>
      <c r="BJ21" s="191">
        <v>63</v>
      </c>
      <c r="BK21" s="191">
        <v>89</v>
      </c>
      <c r="BL21" s="191">
        <v>20</v>
      </c>
      <c r="BM21" s="191">
        <v>18</v>
      </c>
      <c r="BN21" s="191">
        <v>4</v>
      </c>
      <c r="BO21" s="196">
        <v>194</v>
      </c>
      <c r="BP21" s="195">
        <v>194</v>
      </c>
      <c r="BQ21" s="190">
        <v>0</v>
      </c>
      <c r="BR21" s="191">
        <v>0</v>
      </c>
      <c r="BS21" s="196">
        <v>0</v>
      </c>
      <c r="BT21" s="193">
        <v>0</v>
      </c>
      <c r="BU21" s="191">
        <v>3</v>
      </c>
      <c r="BV21" s="191">
        <v>14</v>
      </c>
      <c r="BW21" s="191">
        <v>9</v>
      </c>
      <c r="BX21" s="191">
        <v>3</v>
      </c>
      <c r="BY21" s="191">
        <v>0</v>
      </c>
      <c r="BZ21" s="196">
        <v>29</v>
      </c>
      <c r="CA21" s="195">
        <v>29</v>
      </c>
      <c r="CB21" s="190">
        <v>0</v>
      </c>
      <c r="CC21" s="191">
        <v>0</v>
      </c>
      <c r="CD21" s="196">
        <v>0</v>
      </c>
      <c r="CE21" s="193">
        <v>0</v>
      </c>
      <c r="CF21" s="191">
        <v>0</v>
      </c>
      <c r="CG21" s="191">
        <v>3</v>
      </c>
      <c r="CH21" s="191">
        <v>9</v>
      </c>
      <c r="CI21" s="191">
        <v>0</v>
      </c>
      <c r="CJ21" s="191">
        <v>0</v>
      </c>
      <c r="CK21" s="196">
        <v>12</v>
      </c>
      <c r="CL21" s="195">
        <v>12</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196</v>
      </c>
      <c r="H22" s="191">
        <v>339</v>
      </c>
      <c r="I22" s="191">
        <v>310</v>
      </c>
      <c r="J22" s="191">
        <v>227</v>
      </c>
      <c r="K22" s="191">
        <v>125</v>
      </c>
      <c r="L22" s="194">
        <v>1197</v>
      </c>
      <c r="M22" s="195">
        <v>1197</v>
      </c>
      <c r="N22" s="190">
        <v>0</v>
      </c>
      <c r="O22" s="191">
        <v>0</v>
      </c>
      <c r="P22" s="196">
        <v>0</v>
      </c>
      <c r="Q22" s="193">
        <v>0</v>
      </c>
      <c r="R22" s="191">
        <v>0</v>
      </c>
      <c r="S22" s="191">
        <v>1</v>
      </c>
      <c r="T22" s="191">
        <v>2</v>
      </c>
      <c r="U22" s="191">
        <v>13</v>
      </c>
      <c r="V22" s="191">
        <v>13</v>
      </c>
      <c r="W22" s="196">
        <v>29</v>
      </c>
      <c r="X22" s="195">
        <v>29</v>
      </c>
      <c r="Y22" s="190">
        <v>28</v>
      </c>
      <c r="Z22" s="191">
        <v>77</v>
      </c>
      <c r="AA22" s="196">
        <v>105</v>
      </c>
      <c r="AB22" s="193">
        <v>0</v>
      </c>
      <c r="AC22" s="191">
        <v>179</v>
      </c>
      <c r="AD22" s="191">
        <v>241</v>
      </c>
      <c r="AE22" s="191">
        <v>90</v>
      </c>
      <c r="AF22" s="191">
        <v>44</v>
      </c>
      <c r="AG22" s="191">
        <v>58</v>
      </c>
      <c r="AH22" s="196">
        <v>612</v>
      </c>
      <c r="AI22" s="195">
        <v>717</v>
      </c>
      <c r="AJ22" s="190">
        <v>20</v>
      </c>
      <c r="AK22" s="191">
        <v>36</v>
      </c>
      <c r="AL22" s="196">
        <v>56</v>
      </c>
      <c r="AM22" s="193">
        <v>0</v>
      </c>
      <c r="AN22" s="191">
        <v>45</v>
      </c>
      <c r="AO22" s="191">
        <v>103</v>
      </c>
      <c r="AP22" s="191">
        <v>84</v>
      </c>
      <c r="AQ22" s="191">
        <v>33</v>
      </c>
      <c r="AR22" s="191">
        <v>0</v>
      </c>
      <c r="AS22" s="196">
        <v>265</v>
      </c>
      <c r="AT22" s="195">
        <v>321</v>
      </c>
      <c r="AU22" s="190">
        <v>0</v>
      </c>
      <c r="AV22" s="191">
        <v>0</v>
      </c>
      <c r="AW22" s="196">
        <v>0</v>
      </c>
      <c r="AX22" s="193">
        <v>0</v>
      </c>
      <c r="AY22" s="191">
        <v>324</v>
      </c>
      <c r="AZ22" s="191">
        <v>219</v>
      </c>
      <c r="BA22" s="191">
        <v>140</v>
      </c>
      <c r="BB22" s="191">
        <v>52</v>
      </c>
      <c r="BC22" s="191">
        <v>0</v>
      </c>
      <c r="BD22" s="194">
        <v>735</v>
      </c>
      <c r="BE22" s="195">
        <v>735</v>
      </c>
      <c r="BF22" s="190">
        <v>0</v>
      </c>
      <c r="BG22" s="191">
        <v>0</v>
      </c>
      <c r="BH22" s="196">
        <v>0</v>
      </c>
      <c r="BI22" s="193">
        <v>0</v>
      </c>
      <c r="BJ22" s="191">
        <v>107</v>
      </c>
      <c r="BK22" s="191">
        <v>41</v>
      </c>
      <c r="BL22" s="191">
        <v>32</v>
      </c>
      <c r="BM22" s="191">
        <v>13</v>
      </c>
      <c r="BN22" s="191">
        <v>5</v>
      </c>
      <c r="BO22" s="196">
        <v>198</v>
      </c>
      <c r="BP22" s="195">
        <v>198</v>
      </c>
      <c r="BQ22" s="190">
        <v>0</v>
      </c>
      <c r="BR22" s="191">
        <v>0</v>
      </c>
      <c r="BS22" s="196">
        <v>0</v>
      </c>
      <c r="BT22" s="193">
        <v>0</v>
      </c>
      <c r="BU22" s="191">
        <v>64</v>
      </c>
      <c r="BV22" s="191">
        <v>36</v>
      </c>
      <c r="BW22" s="191">
        <v>60</v>
      </c>
      <c r="BX22" s="191">
        <v>8</v>
      </c>
      <c r="BY22" s="191">
        <v>21</v>
      </c>
      <c r="BZ22" s="196">
        <v>189</v>
      </c>
      <c r="CA22" s="195">
        <v>189</v>
      </c>
      <c r="CB22" s="190">
        <v>0</v>
      </c>
      <c r="CC22" s="191">
        <v>0</v>
      </c>
      <c r="CD22" s="196">
        <v>0</v>
      </c>
      <c r="CE22" s="193">
        <v>0</v>
      </c>
      <c r="CF22" s="191">
        <v>2</v>
      </c>
      <c r="CG22" s="191">
        <v>14</v>
      </c>
      <c r="CH22" s="191">
        <v>6</v>
      </c>
      <c r="CI22" s="191">
        <v>4</v>
      </c>
      <c r="CJ22" s="191">
        <v>0</v>
      </c>
      <c r="CK22" s="196">
        <v>26</v>
      </c>
      <c r="CL22" s="195">
        <v>26</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119</v>
      </c>
      <c r="H23" s="191">
        <v>153</v>
      </c>
      <c r="I23" s="191">
        <v>209</v>
      </c>
      <c r="J23" s="191">
        <v>196</v>
      </c>
      <c r="K23" s="191">
        <v>148</v>
      </c>
      <c r="L23" s="194">
        <v>825</v>
      </c>
      <c r="M23" s="195">
        <v>825</v>
      </c>
      <c r="N23" s="190">
        <v>0</v>
      </c>
      <c r="O23" s="191">
        <v>0</v>
      </c>
      <c r="P23" s="196">
        <v>0</v>
      </c>
      <c r="Q23" s="193">
        <v>0</v>
      </c>
      <c r="R23" s="191">
        <v>0</v>
      </c>
      <c r="S23" s="191">
        <v>0</v>
      </c>
      <c r="T23" s="191">
        <v>4</v>
      </c>
      <c r="U23" s="191">
        <v>0</v>
      </c>
      <c r="V23" s="191">
        <v>4</v>
      </c>
      <c r="W23" s="196">
        <v>8</v>
      </c>
      <c r="X23" s="195">
        <v>8</v>
      </c>
      <c r="Y23" s="190">
        <v>14</v>
      </c>
      <c r="Z23" s="191">
        <v>43</v>
      </c>
      <c r="AA23" s="196">
        <v>57</v>
      </c>
      <c r="AB23" s="193">
        <v>0</v>
      </c>
      <c r="AC23" s="191">
        <v>117</v>
      </c>
      <c r="AD23" s="191">
        <v>249</v>
      </c>
      <c r="AE23" s="191">
        <v>177</v>
      </c>
      <c r="AF23" s="191">
        <v>127</v>
      </c>
      <c r="AG23" s="191">
        <v>36</v>
      </c>
      <c r="AH23" s="196">
        <v>706</v>
      </c>
      <c r="AI23" s="195">
        <v>763</v>
      </c>
      <c r="AJ23" s="190">
        <v>18</v>
      </c>
      <c r="AK23" s="191">
        <v>10</v>
      </c>
      <c r="AL23" s="196">
        <v>28</v>
      </c>
      <c r="AM23" s="193">
        <v>0</v>
      </c>
      <c r="AN23" s="191">
        <v>20</v>
      </c>
      <c r="AO23" s="191">
        <v>42</v>
      </c>
      <c r="AP23" s="191">
        <v>24</v>
      </c>
      <c r="AQ23" s="191">
        <v>4</v>
      </c>
      <c r="AR23" s="191">
        <v>0</v>
      </c>
      <c r="AS23" s="196">
        <v>90</v>
      </c>
      <c r="AT23" s="195">
        <v>118</v>
      </c>
      <c r="AU23" s="190">
        <v>0</v>
      </c>
      <c r="AV23" s="191">
        <v>0</v>
      </c>
      <c r="AW23" s="196">
        <v>0</v>
      </c>
      <c r="AX23" s="193">
        <v>0</v>
      </c>
      <c r="AY23" s="191">
        <v>175</v>
      </c>
      <c r="AZ23" s="191">
        <v>181</v>
      </c>
      <c r="BA23" s="191">
        <v>92</v>
      </c>
      <c r="BB23" s="191">
        <v>34</v>
      </c>
      <c r="BC23" s="191">
        <v>0</v>
      </c>
      <c r="BD23" s="194">
        <v>482</v>
      </c>
      <c r="BE23" s="195">
        <v>482</v>
      </c>
      <c r="BF23" s="190">
        <v>0</v>
      </c>
      <c r="BG23" s="191">
        <v>0</v>
      </c>
      <c r="BH23" s="196">
        <v>0</v>
      </c>
      <c r="BI23" s="193">
        <v>0</v>
      </c>
      <c r="BJ23" s="191">
        <v>36</v>
      </c>
      <c r="BK23" s="191">
        <v>18</v>
      </c>
      <c r="BL23" s="191">
        <v>22</v>
      </c>
      <c r="BM23" s="191">
        <v>0</v>
      </c>
      <c r="BN23" s="191">
        <v>4</v>
      </c>
      <c r="BO23" s="196">
        <v>80</v>
      </c>
      <c r="BP23" s="195">
        <v>80</v>
      </c>
      <c r="BQ23" s="190">
        <v>0</v>
      </c>
      <c r="BR23" s="191">
        <v>1</v>
      </c>
      <c r="BS23" s="196">
        <v>1</v>
      </c>
      <c r="BT23" s="193">
        <v>0</v>
      </c>
      <c r="BU23" s="191">
        <v>30</v>
      </c>
      <c r="BV23" s="191">
        <v>30</v>
      </c>
      <c r="BW23" s="191">
        <v>6</v>
      </c>
      <c r="BX23" s="191">
        <v>22</v>
      </c>
      <c r="BY23" s="191">
        <v>7</v>
      </c>
      <c r="BZ23" s="196">
        <v>95</v>
      </c>
      <c r="CA23" s="195">
        <v>96</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180</v>
      </c>
      <c r="H24" s="191">
        <v>75</v>
      </c>
      <c r="I24" s="191">
        <v>119</v>
      </c>
      <c r="J24" s="191">
        <v>36</v>
      </c>
      <c r="K24" s="191">
        <v>66</v>
      </c>
      <c r="L24" s="194">
        <v>476</v>
      </c>
      <c r="M24" s="195">
        <v>476</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30</v>
      </c>
      <c r="AD24" s="191">
        <v>92</v>
      </c>
      <c r="AE24" s="191">
        <v>34</v>
      </c>
      <c r="AF24" s="191">
        <v>17</v>
      </c>
      <c r="AG24" s="191">
        <v>12</v>
      </c>
      <c r="AH24" s="196">
        <v>185</v>
      </c>
      <c r="AI24" s="195">
        <v>185</v>
      </c>
      <c r="AJ24" s="190">
        <v>14</v>
      </c>
      <c r="AK24" s="191">
        <v>0</v>
      </c>
      <c r="AL24" s="196">
        <v>14</v>
      </c>
      <c r="AM24" s="193">
        <v>0</v>
      </c>
      <c r="AN24" s="191">
        <v>12</v>
      </c>
      <c r="AO24" s="191">
        <v>0</v>
      </c>
      <c r="AP24" s="191">
        <v>0</v>
      </c>
      <c r="AQ24" s="191">
        <v>0</v>
      </c>
      <c r="AR24" s="191">
        <v>0</v>
      </c>
      <c r="AS24" s="196">
        <v>12</v>
      </c>
      <c r="AT24" s="195">
        <v>26</v>
      </c>
      <c r="AU24" s="190">
        <v>0</v>
      </c>
      <c r="AV24" s="191">
        <v>0</v>
      </c>
      <c r="AW24" s="196">
        <v>0</v>
      </c>
      <c r="AX24" s="193">
        <v>0</v>
      </c>
      <c r="AY24" s="191">
        <v>89</v>
      </c>
      <c r="AZ24" s="191">
        <v>99</v>
      </c>
      <c r="BA24" s="191">
        <v>95</v>
      </c>
      <c r="BB24" s="191">
        <v>17</v>
      </c>
      <c r="BC24" s="191">
        <v>8</v>
      </c>
      <c r="BD24" s="194">
        <v>308</v>
      </c>
      <c r="BE24" s="195">
        <v>308</v>
      </c>
      <c r="BF24" s="190">
        <v>0</v>
      </c>
      <c r="BG24" s="191">
        <v>0</v>
      </c>
      <c r="BH24" s="196">
        <v>0</v>
      </c>
      <c r="BI24" s="193">
        <v>0</v>
      </c>
      <c r="BJ24" s="191">
        <v>29</v>
      </c>
      <c r="BK24" s="191">
        <v>10</v>
      </c>
      <c r="BL24" s="191">
        <v>0</v>
      </c>
      <c r="BM24" s="191">
        <v>0</v>
      </c>
      <c r="BN24" s="191">
        <v>1</v>
      </c>
      <c r="BO24" s="196">
        <v>40</v>
      </c>
      <c r="BP24" s="195">
        <v>40</v>
      </c>
      <c r="BQ24" s="190">
        <v>0</v>
      </c>
      <c r="BR24" s="191">
        <v>0</v>
      </c>
      <c r="BS24" s="196">
        <v>0</v>
      </c>
      <c r="BT24" s="193">
        <v>0</v>
      </c>
      <c r="BU24" s="191">
        <v>0</v>
      </c>
      <c r="BV24" s="191">
        <v>2</v>
      </c>
      <c r="BW24" s="191">
        <v>28</v>
      </c>
      <c r="BX24" s="191">
        <v>46</v>
      </c>
      <c r="BY24" s="191">
        <v>0</v>
      </c>
      <c r="BZ24" s="196">
        <v>76</v>
      </c>
      <c r="CA24" s="195">
        <v>76</v>
      </c>
      <c r="CB24" s="190">
        <v>0</v>
      </c>
      <c r="CC24" s="191">
        <v>0</v>
      </c>
      <c r="CD24" s="196">
        <v>0</v>
      </c>
      <c r="CE24" s="193">
        <v>0</v>
      </c>
      <c r="CF24" s="191">
        <v>6</v>
      </c>
      <c r="CG24" s="191">
        <v>0</v>
      </c>
      <c r="CH24" s="191">
        <v>0</v>
      </c>
      <c r="CI24" s="191">
        <v>0</v>
      </c>
      <c r="CJ24" s="191">
        <v>0</v>
      </c>
      <c r="CK24" s="196">
        <v>6</v>
      </c>
      <c r="CL24" s="195">
        <v>6</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35</v>
      </c>
      <c r="H25" s="191">
        <v>89</v>
      </c>
      <c r="I25" s="191">
        <v>0</v>
      </c>
      <c r="J25" s="191">
        <v>81</v>
      </c>
      <c r="K25" s="191">
        <v>53</v>
      </c>
      <c r="L25" s="194">
        <v>358</v>
      </c>
      <c r="M25" s="195">
        <v>358</v>
      </c>
      <c r="N25" s="190">
        <v>0</v>
      </c>
      <c r="O25" s="191">
        <v>0</v>
      </c>
      <c r="P25" s="196">
        <v>0</v>
      </c>
      <c r="Q25" s="193">
        <v>0</v>
      </c>
      <c r="R25" s="191">
        <v>0</v>
      </c>
      <c r="S25" s="191">
        <v>0</v>
      </c>
      <c r="T25" s="191">
        <v>0</v>
      </c>
      <c r="U25" s="191">
        <v>0</v>
      </c>
      <c r="V25" s="191">
        <v>0</v>
      </c>
      <c r="W25" s="196">
        <v>0</v>
      </c>
      <c r="X25" s="195">
        <v>0</v>
      </c>
      <c r="Y25" s="190">
        <v>45</v>
      </c>
      <c r="Z25" s="191">
        <v>16</v>
      </c>
      <c r="AA25" s="196">
        <v>61</v>
      </c>
      <c r="AB25" s="193">
        <v>0</v>
      </c>
      <c r="AC25" s="191">
        <v>143</v>
      </c>
      <c r="AD25" s="191">
        <v>146</v>
      </c>
      <c r="AE25" s="191">
        <v>17</v>
      </c>
      <c r="AF25" s="191">
        <v>16</v>
      </c>
      <c r="AG25" s="191">
        <v>9</v>
      </c>
      <c r="AH25" s="196">
        <v>331</v>
      </c>
      <c r="AI25" s="195">
        <v>392</v>
      </c>
      <c r="AJ25" s="190">
        <v>0</v>
      </c>
      <c r="AK25" s="191">
        <v>3</v>
      </c>
      <c r="AL25" s="196">
        <v>3</v>
      </c>
      <c r="AM25" s="193">
        <v>0</v>
      </c>
      <c r="AN25" s="191">
        <v>15</v>
      </c>
      <c r="AO25" s="191">
        <v>18</v>
      </c>
      <c r="AP25" s="191">
        <v>10</v>
      </c>
      <c r="AQ25" s="191">
        <v>0</v>
      </c>
      <c r="AR25" s="191">
        <v>0</v>
      </c>
      <c r="AS25" s="196">
        <v>43</v>
      </c>
      <c r="AT25" s="195">
        <v>46</v>
      </c>
      <c r="AU25" s="190">
        <v>0</v>
      </c>
      <c r="AV25" s="191">
        <v>0</v>
      </c>
      <c r="AW25" s="196">
        <v>0</v>
      </c>
      <c r="AX25" s="193">
        <v>0</v>
      </c>
      <c r="AY25" s="191">
        <v>108</v>
      </c>
      <c r="AZ25" s="191">
        <v>181</v>
      </c>
      <c r="BA25" s="191">
        <v>30</v>
      </c>
      <c r="BB25" s="191">
        <v>31</v>
      </c>
      <c r="BC25" s="191">
        <v>24</v>
      </c>
      <c r="BD25" s="194">
        <v>374</v>
      </c>
      <c r="BE25" s="195">
        <v>374</v>
      </c>
      <c r="BF25" s="190">
        <v>0</v>
      </c>
      <c r="BG25" s="191">
        <v>0</v>
      </c>
      <c r="BH25" s="196">
        <v>0</v>
      </c>
      <c r="BI25" s="193">
        <v>0</v>
      </c>
      <c r="BJ25" s="191">
        <v>18</v>
      </c>
      <c r="BK25" s="191">
        <v>27</v>
      </c>
      <c r="BL25" s="191">
        <v>0</v>
      </c>
      <c r="BM25" s="191">
        <v>0</v>
      </c>
      <c r="BN25" s="191">
        <v>0</v>
      </c>
      <c r="BO25" s="196">
        <v>45</v>
      </c>
      <c r="BP25" s="195">
        <v>45</v>
      </c>
      <c r="BQ25" s="190">
        <v>0</v>
      </c>
      <c r="BR25" s="191">
        <v>0</v>
      </c>
      <c r="BS25" s="196">
        <v>0</v>
      </c>
      <c r="BT25" s="193">
        <v>0</v>
      </c>
      <c r="BU25" s="191">
        <v>2</v>
      </c>
      <c r="BV25" s="191">
        <v>0</v>
      </c>
      <c r="BW25" s="191">
        <v>30</v>
      </c>
      <c r="BX25" s="191">
        <v>20</v>
      </c>
      <c r="BY25" s="191">
        <v>38</v>
      </c>
      <c r="BZ25" s="196">
        <v>90</v>
      </c>
      <c r="CA25" s="195">
        <v>90</v>
      </c>
      <c r="CB25" s="190">
        <v>0</v>
      </c>
      <c r="CC25" s="191">
        <v>0</v>
      </c>
      <c r="CD25" s="196">
        <v>0</v>
      </c>
      <c r="CE25" s="193">
        <v>0</v>
      </c>
      <c r="CF25" s="191">
        <v>3</v>
      </c>
      <c r="CG25" s="191">
        <v>3</v>
      </c>
      <c r="CH25" s="191">
        <v>0</v>
      </c>
      <c r="CI25" s="191">
        <v>0</v>
      </c>
      <c r="CJ25" s="191">
        <v>0</v>
      </c>
      <c r="CK25" s="196">
        <v>6</v>
      </c>
      <c r="CL25" s="195">
        <v>6</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89</v>
      </c>
      <c r="H26" s="191">
        <v>27</v>
      </c>
      <c r="I26" s="191">
        <v>59</v>
      </c>
      <c r="J26" s="191">
        <v>254</v>
      </c>
      <c r="K26" s="191">
        <v>196</v>
      </c>
      <c r="L26" s="194">
        <v>625</v>
      </c>
      <c r="M26" s="195">
        <v>625</v>
      </c>
      <c r="N26" s="190">
        <v>0</v>
      </c>
      <c r="O26" s="191">
        <v>0</v>
      </c>
      <c r="P26" s="196">
        <v>0</v>
      </c>
      <c r="Q26" s="193">
        <v>0</v>
      </c>
      <c r="R26" s="191">
        <v>0</v>
      </c>
      <c r="S26" s="191">
        <v>0</v>
      </c>
      <c r="T26" s="191">
        <v>0</v>
      </c>
      <c r="U26" s="191">
        <v>10</v>
      </c>
      <c r="V26" s="191">
        <v>0</v>
      </c>
      <c r="W26" s="196">
        <v>10</v>
      </c>
      <c r="X26" s="195">
        <v>10</v>
      </c>
      <c r="Y26" s="190">
        <v>5</v>
      </c>
      <c r="Z26" s="191">
        <v>11</v>
      </c>
      <c r="AA26" s="196">
        <v>16</v>
      </c>
      <c r="AB26" s="193">
        <v>0</v>
      </c>
      <c r="AC26" s="191">
        <v>67</v>
      </c>
      <c r="AD26" s="191">
        <v>65</v>
      </c>
      <c r="AE26" s="191">
        <v>90</v>
      </c>
      <c r="AF26" s="191">
        <v>52</v>
      </c>
      <c r="AG26" s="191">
        <v>4</v>
      </c>
      <c r="AH26" s="196">
        <v>278</v>
      </c>
      <c r="AI26" s="195">
        <v>294</v>
      </c>
      <c r="AJ26" s="190">
        <v>0</v>
      </c>
      <c r="AK26" s="191">
        <v>0</v>
      </c>
      <c r="AL26" s="196">
        <v>0</v>
      </c>
      <c r="AM26" s="193">
        <v>0</v>
      </c>
      <c r="AN26" s="191">
        <v>15</v>
      </c>
      <c r="AO26" s="191">
        <v>18</v>
      </c>
      <c r="AP26" s="191">
        <v>0</v>
      </c>
      <c r="AQ26" s="191">
        <v>0</v>
      </c>
      <c r="AR26" s="191">
        <v>0</v>
      </c>
      <c r="AS26" s="196">
        <v>33</v>
      </c>
      <c r="AT26" s="195">
        <v>33</v>
      </c>
      <c r="AU26" s="190">
        <v>0</v>
      </c>
      <c r="AV26" s="191">
        <v>0</v>
      </c>
      <c r="AW26" s="196">
        <v>0</v>
      </c>
      <c r="AX26" s="193">
        <v>0</v>
      </c>
      <c r="AY26" s="191">
        <v>116</v>
      </c>
      <c r="AZ26" s="191">
        <v>112</v>
      </c>
      <c r="BA26" s="191">
        <v>30</v>
      </c>
      <c r="BB26" s="191">
        <v>19</v>
      </c>
      <c r="BC26" s="191">
        <v>8</v>
      </c>
      <c r="BD26" s="194">
        <v>285</v>
      </c>
      <c r="BE26" s="195">
        <v>285</v>
      </c>
      <c r="BF26" s="190">
        <v>0</v>
      </c>
      <c r="BG26" s="191">
        <v>0</v>
      </c>
      <c r="BH26" s="196">
        <v>0</v>
      </c>
      <c r="BI26" s="193">
        <v>0</v>
      </c>
      <c r="BJ26" s="191">
        <v>0</v>
      </c>
      <c r="BK26" s="191">
        <v>69</v>
      </c>
      <c r="BL26" s="191">
        <v>55</v>
      </c>
      <c r="BM26" s="191">
        <v>16</v>
      </c>
      <c r="BN26" s="191">
        <v>15</v>
      </c>
      <c r="BO26" s="196">
        <v>155</v>
      </c>
      <c r="BP26" s="195">
        <v>155</v>
      </c>
      <c r="BQ26" s="190">
        <v>0</v>
      </c>
      <c r="BR26" s="191">
        <v>0</v>
      </c>
      <c r="BS26" s="196">
        <v>0</v>
      </c>
      <c r="BT26" s="193">
        <v>0</v>
      </c>
      <c r="BU26" s="191">
        <v>8</v>
      </c>
      <c r="BV26" s="191">
        <v>30</v>
      </c>
      <c r="BW26" s="191">
        <v>29</v>
      </c>
      <c r="BX26" s="191">
        <v>44</v>
      </c>
      <c r="BY26" s="191">
        <v>0</v>
      </c>
      <c r="BZ26" s="196">
        <v>111</v>
      </c>
      <c r="CA26" s="195">
        <v>111</v>
      </c>
      <c r="CB26" s="190">
        <v>0</v>
      </c>
      <c r="CC26" s="191">
        <v>0</v>
      </c>
      <c r="CD26" s="196">
        <v>0</v>
      </c>
      <c r="CE26" s="193">
        <v>0</v>
      </c>
      <c r="CF26" s="191">
        <v>0</v>
      </c>
      <c r="CG26" s="191">
        <v>2</v>
      </c>
      <c r="CH26" s="191">
        <v>20</v>
      </c>
      <c r="CI26" s="191">
        <v>0</v>
      </c>
      <c r="CJ26" s="191">
        <v>0</v>
      </c>
      <c r="CK26" s="196">
        <v>22</v>
      </c>
      <c r="CL26" s="195">
        <v>22</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68</v>
      </c>
      <c r="H27" s="191">
        <v>38</v>
      </c>
      <c r="I27" s="191">
        <v>51</v>
      </c>
      <c r="J27" s="191">
        <v>146</v>
      </c>
      <c r="K27" s="191">
        <v>0</v>
      </c>
      <c r="L27" s="194">
        <v>303</v>
      </c>
      <c r="M27" s="195">
        <v>303</v>
      </c>
      <c r="N27" s="190">
        <v>0</v>
      </c>
      <c r="O27" s="191">
        <v>0</v>
      </c>
      <c r="P27" s="196">
        <v>0</v>
      </c>
      <c r="Q27" s="193">
        <v>0</v>
      </c>
      <c r="R27" s="191">
        <v>0</v>
      </c>
      <c r="S27" s="191">
        <v>4</v>
      </c>
      <c r="T27" s="191">
        <v>5</v>
      </c>
      <c r="U27" s="191">
        <v>0</v>
      </c>
      <c r="V27" s="191">
        <v>0</v>
      </c>
      <c r="W27" s="196">
        <v>9</v>
      </c>
      <c r="X27" s="195">
        <v>9</v>
      </c>
      <c r="Y27" s="190">
        <v>2</v>
      </c>
      <c r="Z27" s="191">
        <v>18</v>
      </c>
      <c r="AA27" s="196">
        <v>20</v>
      </c>
      <c r="AB27" s="193">
        <v>0</v>
      </c>
      <c r="AC27" s="191">
        <v>30</v>
      </c>
      <c r="AD27" s="191">
        <v>88</v>
      </c>
      <c r="AE27" s="191">
        <v>19</v>
      </c>
      <c r="AF27" s="191">
        <v>16</v>
      </c>
      <c r="AG27" s="191">
        <v>0</v>
      </c>
      <c r="AH27" s="196">
        <v>153</v>
      </c>
      <c r="AI27" s="195">
        <v>173</v>
      </c>
      <c r="AJ27" s="190">
        <v>0</v>
      </c>
      <c r="AK27" s="191">
        <v>24</v>
      </c>
      <c r="AL27" s="196">
        <v>24</v>
      </c>
      <c r="AM27" s="193">
        <v>0</v>
      </c>
      <c r="AN27" s="191">
        <v>0</v>
      </c>
      <c r="AO27" s="191">
        <v>24</v>
      </c>
      <c r="AP27" s="191">
        <v>0</v>
      </c>
      <c r="AQ27" s="191">
        <v>0</v>
      </c>
      <c r="AR27" s="191">
        <v>0</v>
      </c>
      <c r="AS27" s="196">
        <v>24</v>
      </c>
      <c r="AT27" s="195">
        <v>48</v>
      </c>
      <c r="AU27" s="190">
        <v>0</v>
      </c>
      <c r="AV27" s="191">
        <v>0</v>
      </c>
      <c r="AW27" s="196">
        <v>0</v>
      </c>
      <c r="AX27" s="193">
        <v>0</v>
      </c>
      <c r="AY27" s="191">
        <v>58</v>
      </c>
      <c r="AZ27" s="191">
        <v>9</v>
      </c>
      <c r="BA27" s="191">
        <v>1</v>
      </c>
      <c r="BB27" s="191">
        <v>39</v>
      </c>
      <c r="BC27" s="191">
        <v>4</v>
      </c>
      <c r="BD27" s="194">
        <v>111</v>
      </c>
      <c r="BE27" s="195">
        <v>111</v>
      </c>
      <c r="BF27" s="190">
        <v>0</v>
      </c>
      <c r="BG27" s="191">
        <v>0</v>
      </c>
      <c r="BH27" s="196">
        <v>0</v>
      </c>
      <c r="BI27" s="193">
        <v>0</v>
      </c>
      <c r="BJ27" s="191">
        <v>12</v>
      </c>
      <c r="BK27" s="191">
        <v>20</v>
      </c>
      <c r="BL27" s="191">
        <v>16</v>
      </c>
      <c r="BM27" s="191">
        <v>6</v>
      </c>
      <c r="BN27" s="191">
        <v>0</v>
      </c>
      <c r="BO27" s="196">
        <v>54</v>
      </c>
      <c r="BP27" s="195">
        <v>54</v>
      </c>
      <c r="BQ27" s="190">
        <v>0</v>
      </c>
      <c r="BR27" s="191">
        <v>0</v>
      </c>
      <c r="BS27" s="196">
        <v>0</v>
      </c>
      <c r="BT27" s="193">
        <v>0</v>
      </c>
      <c r="BU27" s="191">
        <v>5</v>
      </c>
      <c r="BV27" s="191">
        <v>15</v>
      </c>
      <c r="BW27" s="191">
        <v>6</v>
      </c>
      <c r="BX27" s="191">
        <v>11</v>
      </c>
      <c r="BY27" s="191">
        <v>0</v>
      </c>
      <c r="BZ27" s="196">
        <v>37</v>
      </c>
      <c r="CA27" s="195">
        <v>37</v>
      </c>
      <c r="CB27" s="190">
        <v>0</v>
      </c>
      <c r="CC27" s="191">
        <v>0</v>
      </c>
      <c r="CD27" s="196">
        <v>0</v>
      </c>
      <c r="CE27" s="193">
        <v>0</v>
      </c>
      <c r="CF27" s="191">
        <v>6</v>
      </c>
      <c r="CG27" s="191">
        <v>0</v>
      </c>
      <c r="CH27" s="191">
        <v>6</v>
      </c>
      <c r="CI27" s="191">
        <v>0</v>
      </c>
      <c r="CJ27" s="191">
        <v>0</v>
      </c>
      <c r="CK27" s="196">
        <v>12</v>
      </c>
      <c r="CL27" s="195">
        <v>12</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127</v>
      </c>
      <c r="H28" s="191">
        <v>82</v>
      </c>
      <c r="I28" s="191">
        <v>124</v>
      </c>
      <c r="J28" s="191">
        <v>141</v>
      </c>
      <c r="K28" s="191">
        <v>119</v>
      </c>
      <c r="L28" s="194">
        <v>593</v>
      </c>
      <c r="M28" s="195">
        <v>593</v>
      </c>
      <c r="N28" s="190">
        <v>0</v>
      </c>
      <c r="O28" s="191">
        <v>0</v>
      </c>
      <c r="P28" s="196">
        <v>0</v>
      </c>
      <c r="Q28" s="193">
        <v>0</v>
      </c>
      <c r="R28" s="191">
        <v>0</v>
      </c>
      <c r="S28" s="191">
        <v>0</v>
      </c>
      <c r="T28" s="191">
        <v>0</v>
      </c>
      <c r="U28" s="191">
        <v>9</v>
      </c>
      <c r="V28" s="191">
        <v>5</v>
      </c>
      <c r="W28" s="196">
        <v>14</v>
      </c>
      <c r="X28" s="195">
        <v>14</v>
      </c>
      <c r="Y28" s="190">
        <v>6</v>
      </c>
      <c r="Z28" s="191">
        <v>0</v>
      </c>
      <c r="AA28" s="196">
        <v>6</v>
      </c>
      <c r="AB28" s="193">
        <v>0</v>
      </c>
      <c r="AC28" s="191">
        <v>59</v>
      </c>
      <c r="AD28" s="191">
        <v>60</v>
      </c>
      <c r="AE28" s="191">
        <v>11</v>
      </c>
      <c r="AF28" s="191">
        <v>31</v>
      </c>
      <c r="AG28" s="191">
        <v>26</v>
      </c>
      <c r="AH28" s="196">
        <v>187</v>
      </c>
      <c r="AI28" s="195">
        <v>193</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52</v>
      </c>
      <c r="AZ28" s="191">
        <v>53</v>
      </c>
      <c r="BA28" s="191">
        <v>47</v>
      </c>
      <c r="BB28" s="191">
        <v>18</v>
      </c>
      <c r="BC28" s="191">
        <v>0</v>
      </c>
      <c r="BD28" s="194">
        <v>170</v>
      </c>
      <c r="BE28" s="195">
        <v>170</v>
      </c>
      <c r="BF28" s="190">
        <v>0</v>
      </c>
      <c r="BG28" s="191">
        <v>0</v>
      </c>
      <c r="BH28" s="196">
        <v>0</v>
      </c>
      <c r="BI28" s="193">
        <v>0</v>
      </c>
      <c r="BJ28" s="191">
        <v>25</v>
      </c>
      <c r="BK28" s="191">
        <v>17</v>
      </c>
      <c r="BL28" s="191">
        <v>0</v>
      </c>
      <c r="BM28" s="191">
        <v>8</v>
      </c>
      <c r="BN28" s="191">
        <v>3</v>
      </c>
      <c r="BO28" s="196">
        <v>53</v>
      </c>
      <c r="BP28" s="195">
        <v>53</v>
      </c>
      <c r="BQ28" s="190">
        <v>0</v>
      </c>
      <c r="BR28" s="191">
        <v>0</v>
      </c>
      <c r="BS28" s="196">
        <v>0</v>
      </c>
      <c r="BT28" s="193">
        <v>0</v>
      </c>
      <c r="BU28" s="191">
        <v>18</v>
      </c>
      <c r="BV28" s="191">
        <v>0</v>
      </c>
      <c r="BW28" s="191">
        <v>17</v>
      </c>
      <c r="BX28" s="191">
        <v>6</v>
      </c>
      <c r="BY28" s="191">
        <v>0</v>
      </c>
      <c r="BZ28" s="196">
        <v>41</v>
      </c>
      <c r="CA28" s="195">
        <v>41</v>
      </c>
      <c r="CB28" s="190">
        <v>0</v>
      </c>
      <c r="CC28" s="191">
        <v>0</v>
      </c>
      <c r="CD28" s="196">
        <v>0</v>
      </c>
      <c r="CE28" s="193">
        <v>0</v>
      </c>
      <c r="CF28" s="191">
        <v>0</v>
      </c>
      <c r="CG28" s="191">
        <v>0</v>
      </c>
      <c r="CH28" s="191">
        <v>3</v>
      </c>
      <c r="CI28" s="191">
        <v>5</v>
      </c>
      <c r="CJ28" s="191">
        <v>0</v>
      </c>
      <c r="CK28" s="196">
        <v>8</v>
      </c>
      <c r="CL28" s="195">
        <v>8</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23</v>
      </c>
      <c r="H29" s="191">
        <v>51</v>
      </c>
      <c r="I29" s="191">
        <v>150</v>
      </c>
      <c r="J29" s="191">
        <v>169</v>
      </c>
      <c r="K29" s="191">
        <v>245</v>
      </c>
      <c r="L29" s="194">
        <v>638</v>
      </c>
      <c r="M29" s="195">
        <v>638</v>
      </c>
      <c r="N29" s="190">
        <v>0</v>
      </c>
      <c r="O29" s="191">
        <v>0</v>
      </c>
      <c r="P29" s="196">
        <v>0</v>
      </c>
      <c r="Q29" s="193">
        <v>0</v>
      </c>
      <c r="R29" s="191">
        <v>0</v>
      </c>
      <c r="S29" s="191">
        <v>0</v>
      </c>
      <c r="T29" s="191">
        <v>0</v>
      </c>
      <c r="U29" s="191">
        <v>12</v>
      </c>
      <c r="V29" s="191">
        <v>0</v>
      </c>
      <c r="W29" s="196">
        <v>12</v>
      </c>
      <c r="X29" s="195">
        <v>12</v>
      </c>
      <c r="Y29" s="190">
        <v>15</v>
      </c>
      <c r="Z29" s="191">
        <v>58</v>
      </c>
      <c r="AA29" s="196">
        <v>73</v>
      </c>
      <c r="AB29" s="193">
        <v>0</v>
      </c>
      <c r="AC29" s="191">
        <v>37</v>
      </c>
      <c r="AD29" s="191">
        <v>18</v>
      </c>
      <c r="AE29" s="191">
        <v>18</v>
      </c>
      <c r="AF29" s="191">
        <v>44</v>
      </c>
      <c r="AG29" s="191">
        <v>23</v>
      </c>
      <c r="AH29" s="196">
        <v>140</v>
      </c>
      <c r="AI29" s="195">
        <v>213</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37</v>
      </c>
      <c r="AZ29" s="191">
        <v>60</v>
      </c>
      <c r="BA29" s="191">
        <v>32</v>
      </c>
      <c r="BB29" s="191">
        <v>25</v>
      </c>
      <c r="BC29" s="191">
        <v>0</v>
      </c>
      <c r="BD29" s="194">
        <v>154</v>
      </c>
      <c r="BE29" s="195">
        <v>154</v>
      </c>
      <c r="BF29" s="190">
        <v>0</v>
      </c>
      <c r="BG29" s="191">
        <v>0</v>
      </c>
      <c r="BH29" s="196">
        <v>0</v>
      </c>
      <c r="BI29" s="193">
        <v>0</v>
      </c>
      <c r="BJ29" s="191">
        <v>8</v>
      </c>
      <c r="BK29" s="191">
        <v>17</v>
      </c>
      <c r="BL29" s="191">
        <v>0</v>
      </c>
      <c r="BM29" s="191">
        <v>0</v>
      </c>
      <c r="BN29" s="191">
        <v>0</v>
      </c>
      <c r="BO29" s="196">
        <v>25</v>
      </c>
      <c r="BP29" s="195">
        <v>25</v>
      </c>
      <c r="BQ29" s="190">
        <v>0</v>
      </c>
      <c r="BR29" s="191">
        <v>4</v>
      </c>
      <c r="BS29" s="196">
        <v>4</v>
      </c>
      <c r="BT29" s="193">
        <v>0</v>
      </c>
      <c r="BU29" s="191">
        <v>0</v>
      </c>
      <c r="BV29" s="191">
        <v>0</v>
      </c>
      <c r="BW29" s="191">
        <v>0</v>
      </c>
      <c r="BX29" s="191">
        <v>0</v>
      </c>
      <c r="BY29" s="191">
        <v>0</v>
      </c>
      <c r="BZ29" s="196">
        <v>0</v>
      </c>
      <c r="CA29" s="195">
        <v>4</v>
      </c>
      <c r="CB29" s="190">
        <v>0</v>
      </c>
      <c r="CC29" s="191">
        <v>11</v>
      </c>
      <c r="CD29" s="196">
        <v>11</v>
      </c>
      <c r="CE29" s="193">
        <v>0</v>
      </c>
      <c r="CF29" s="191">
        <v>0</v>
      </c>
      <c r="CG29" s="191">
        <v>0</v>
      </c>
      <c r="CH29" s="191">
        <v>0</v>
      </c>
      <c r="CI29" s="191">
        <v>0</v>
      </c>
      <c r="CJ29" s="191">
        <v>0</v>
      </c>
      <c r="CK29" s="196">
        <v>0</v>
      </c>
      <c r="CL29" s="195">
        <v>11</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0</v>
      </c>
      <c r="H30" s="191">
        <v>0</v>
      </c>
      <c r="I30" s="191">
        <v>21</v>
      </c>
      <c r="J30" s="191">
        <v>0</v>
      </c>
      <c r="K30" s="191">
        <v>0</v>
      </c>
      <c r="L30" s="194">
        <v>21</v>
      </c>
      <c r="M30" s="195">
        <v>21</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19</v>
      </c>
      <c r="AD30" s="191">
        <v>0</v>
      </c>
      <c r="AE30" s="191">
        <v>8</v>
      </c>
      <c r="AF30" s="191">
        <v>11</v>
      </c>
      <c r="AG30" s="191">
        <v>0</v>
      </c>
      <c r="AH30" s="196">
        <v>38</v>
      </c>
      <c r="AI30" s="195">
        <v>38</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7</v>
      </c>
      <c r="AZ30" s="191">
        <v>18</v>
      </c>
      <c r="BA30" s="191">
        <v>11</v>
      </c>
      <c r="BB30" s="191">
        <v>0</v>
      </c>
      <c r="BC30" s="191">
        <v>0</v>
      </c>
      <c r="BD30" s="194">
        <v>36</v>
      </c>
      <c r="BE30" s="195">
        <v>36</v>
      </c>
      <c r="BF30" s="190">
        <v>0</v>
      </c>
      <c r="BG30" s="191">
        <v>0</v>
      </c>
      <c r="BH30" s="196">
        <v>0</v>
      </c>
      <c r="BI30" s="193">
        <v>0</v>
      </c>
      <c r="BJ30" s="191">
        <v>7</v>
      </c>
      <c r="BK30" s="191">
        <v>0</v>
      </c>
      <c r="BL30" s="191">
        <v>0</v>
      </c>
      <c r="BM30" s="191">
        <v>0</v>
      </c>
      <c r="BN30" s="191">
        <v>0</v>
      </c>
      <c r="BO30" s="196">
        <v>7</v>
      </c>
      <c r="BP30" s="195">
        <v>7</v>
      </c>
      <c r="BQ30" s="190">
        <v>0</v>
      </c>
      <c r="BR30" s="191">
        <v>0</v>
      </c>
      <c r="BS30" s="196">
        <v>0</v>
      </c>
      <c r="BT30" s="193">
        <v>0</v>
      </c>
      <c r="BU30" s="191">
        <v>0</v>
      </c>
      <c r="BV30" s="191">
        <v>6</v>
      </c>
      <c r="BW30" s="191">
        <v>0</v>
      </c>
      <c r="BX30" s="191">
        <v>0</v>
      </c>
      <c r="BY30" s="191">
        <v>0</v>
      </c>
      <c r="BZ30" s="196">
        <v>6</v>
      </c>
      <c r="CA30" s="195">
        <v>6</v>
      </c>
      <c r="CB30" s="190">
        <v>0</v>
      </c>
      <c r="CC30" s="191">
        <v>0</v>
      </c>
      <c r="CD30" s="196">
        <v>0</v>
      </c>
      <c r="CE30" s="193">
        <v>0</v>
      </c>
      <c r="CF30" s="191">
        <v>0</v>
      </c>
      <c r="CG30" s="191">
        <v>0</v>
      </c>
      <c r="CH30" s="191">
        <v>5</v>
      </c>
      <c r="CI30" s="191">
        <v>0</v>
      </c>
      <c r="CJ30" s="191">
        <v>0</v>
      </c>
      <c r="CK30" s="196">
        <v>5</v>
      </c>
      <c r="CL30" s="195">
        <v>5</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0</v>
      </c>
      <c r="H31" s="191">
        <v>42</v>
      </c>
      <c r="I31" s="191">
        <v>0</v>
      </c>
      <c r="J31" s="191">
        <v>80</v>
      </c>
      <c r="K31" s="191">
        <v>0</v>
      </c>
      <c r="L31" s="194">
        <v>122</v>
      </c>
      <c r="M31" s="195">
        <v>122</v>
      </c>
      <c r="N31" s="190">
        <v>0</v>
      </c>
      <c r="O31" s="191">
        <v>0</v>
      </c>
      <c r="P31" s="196">
        <v>0</v>
      </c>
      <c r="Q31" s="193">
        <v>0</v>
      </c>
      <c r="R31" s="191">
        <v>0</v>
      </c>
      <c r="S31" s="191">
        <v>0</v>
      </c>
      <c r="T31" s="191">
        <v>0</v>
      </c>
      <c r="U31" s="191">
        <v>4</v>
      </c>
      <c r="V31" s="191">
        <v>0</v>
      </c>
      <c r="W31" s="196">
        <v>4</v>
      </c>
      <c r="X31" s="195">
        <v>4</v>
      </c>
      <c r="Y31" s="190">
        <v>11</v>
      </c>
      <c r="Z31" s="191">
        <v>0</v>
      </c>
      <c r="AA31" s="196">
        <v>11</v>
      </c>
      <c r="AB31" s="193">
        <v>0</v>
      </c>
      <c r="AC31" s="191">
        <v>0</v>
      </c>
      <c r="AD31" s="191">
        <v>10</v>
      </c>
      <c r="AE31" s="191">
        <v>15</v>
      </c>
      <c r="AF31" s="191">
        <v>0</v>
      </c>
      <c r="AG31" s="191">
        <v>0</v>
      </c>
      <c r="AH31" s="196">
        <v>25</v>
      </c>
      <c r="AI31" s="195">
        <v>36</v>
      </c>
      <c r="AJ31" s="190">
        <v>0</v>
      </c>
      <c r="AK31" s="191">
        <v>0</v>
      </c>
      <c r="AL31" s="196">
        <v>0</v>
      </c>
      <c r="AM31" s="193">
        <v>0</v>
      </c>
      <c r="AN31" s="191">
        <v>0</v>
      </c>
      <c r="AO31" s="191">
        <v>12</v>
      </c>
      <c r="AP31" s="191">
        <v>0</v>
      </c>
      <c r="AQ31" s="191">
        <v>0</v>
      </c>
      <c r="AR31" s="191">
        <v>0</v>
      </c>
      <c r="AS31" s="196">
        <v>12</v>
      </c>
      <c r="AT31" s="195">
        <v>12</v>
      </c>
      <c r="AU31" s="190">
        <v>0</v>
      </c>
      <c r="AV31" s="191">
        <v>0</v>
      </c>
      <c r="AW31" s="196">
        <v>0</v>
      </c>
      <c r="AX31" s="193">
        <v>0</v>
      </c>
      <c r="AY31" s="191">
        <v>0</v>
      </c>
      <c r="AZ31" s="191">
        <v>27</v>
      </c>
      <c r="BA31" s="191">
        <v>18</v>
      </c>
      <c r="BB31" s="191">
        <v>0</v>
      </c>
      <c r="BC31" s="191">
        <v>0</v>
      </c>
      <c r="BD31" s="194">
        <v>45</v>
      </c>
      <c r="BE31" s="195">
        <v>45</v>
      </c>
      <c r="BF31" s="190">
        <v>0</v>
      </c>
      <c r="BG31" s="191">
        <v>0</v>
      </c>
      <c r="BH31" s="196">
        <v>0</v>
      </c>
      <c r="BI31" s="193">
        <v>0</v>
      </c>
      <c r="BJ31" s="191">
        <v>9</v>
      </c>
      <c r="BK31" s="191">
        <v>0</v>
      </c>
      <c r="BL31" s="191">
        <v>12</v>
      </c>
      <c r="BM31" s="191">
        <v>10</v>
      </c>
      <c r="BN31" s="191">
        <v>0</v>
      </c>
      <c r="BO31" s="196">
        <v>31</v>
      </c>
      <c r="BP31" s="195">
        <v>31</v>
      </c>
      <c r="BQ31" s="190">
        <v>0</v>
      </c>
      <c r="BR31" s="191">
        <v>0</v>
      </c>
      <c r="BS31" s="196">
        <v>0</v>
      </c>
      <c r="BT31" s="193">
        <v>0</v>
      </c>
      <c r="BU31" s="191">
        <v>0</v>
      </c>
      <c r="BV31" s="191">
        <v>2</v>
      </c>
      <c r="BW31" s="191">
        <v>0</v>
      </c>
      <c r="BX31" s="191">
        <v>0</v>
      </c>
      <c r="BY31" s="191">
        <v>0</v>
      </c>
      <c r="BZ31" s="196">
        <v>2</v>
      </c>
      <c r="CA31" s="195">
        <v>2</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11</v>
      </c>
      <c r="H32" s="191">
        <v>0</v>
      </c>
      <c r="I32" s="191">
        <v>5</v>
      </c>
      <c r="J32" s="191">
        <v>32</v>
      </c>
      <c r="K32" s="191">
        <v>62</v>
      </c>
      <c r="L32" s="194">
        <v>110</v>
      </c>
      <c r="M32" s="195">
        <v>110</v>
      </c>
      <c r="N32" s="190">
        <v>0</v>
      </c>
      <c r="O32" s="191">
        <v>0</v>
      </c>
      <c r="P32" s="196">
        <v>0</v>
      </c>
      <c r="Q32" s="193">
        <v>0</v>
      </c>
      <c r="R32" s="191">
        <v>0</v>
      </c>
      <c r="S32" s="191">
        <v>0</v>
      </c>
      <c r="T32" s="191">
        <v>0</v>
      </c>
      <c r="U32" s="191">
        <v>9</v>
      </c>
      <c r="V32" s="191">
        <v>0</v>
      </c>
      <c r="W32" s="196">
        <v>9</v>
      </c>
      <c r="X32" s="195">
        <v>9</v>
      </c>
      <c r="Y32" s="190">
        <v>11</v>
      </c>
      <c r="Z32" s="191">
        <v>9</v>
      </c>
      <c r="AA32" s="196">
        <v>20</v>
      </c>
      <c r="AB32" s="193">
        <v>0</v>
      </c>
      <c r="AC32" s="191">
        <v>0</v>
      </c>
      <c r="AD32" s="191">
        <v>0</v>
      </c>
      <c r="AE32" s="191">
        <v>23</v>
      </c>
      <c r="AF32" s="191">
        <v>19</v>
      </c>
      <c r="AG32" s="191">
        <v>9</v>
      </c>
      <c r="AH32" s="196">
        <v>51</v>
      </c>
      <c r="AI32" s="195">
        <v>71</v>
      </c>
      <c r="AJ32" s="190">
        <v>0</v>
      </c>
      <c r="AK32" s="191">
        <v>0</v>
      </c>
      <c r="AL32" s="196">
        <v>0</v>
      </c>
      <c r="AM32" s="193">
        <v>0</v>
      </c>
      <c r="AN32" s="191">
        <v>3</v>
      </c>
      <c r="AO32" s="191">
        <v>0</v>
      </c>
      <c r="AP32" s="191">
        <v>0</v>
      </c>
      <c r="AQ32" s="191">
        <v>0</v>
      </c>
      <c r="AR32" s="191">
        <v>0</v>
      </c>
      <c r="AS32" s="196">
        <v>3</v>
      </c>
      <c r="AT32" s="195">
        <v>3</v>
      </c>
      <c r="AU32" s="190">
        <v>0</v>
      </c>
      <c r="AV32" s="191">
        <v>0</v>
      </c>
      <c r="AW32" s="196">
        <v>0</v>
      </c>
      <c r="AX32" s="193">
        <v>0</v>
      </c>
      <c r="AY32" s="191">
        <v>25</v>
      </c>
      <c r="AZ32" s="191">
        <v>5</v>
      </c>
      <c r="BA32" s="191">
        <v>0</v>
      </c>
      <c r="BB32" s="191">
        <v>12</v>
      </c>
      <c r="BC32" s="191">
        <v>5</v>
      </c>
      <c r="BD32" s="194">
        <v>47</v>
      </c>
      <c r="BE32" s="195">
        <v>47</v>
      </c>
      <c r="BF32" s="190">
        <v>0</v>
      </c>
      <c r="BG32" s="191">
        <v>0</v>
      </c>
      <c r="BH32" s="196">
        <v>0</v>
      </c>
      <c r="BI32" s="193">
        <v>0</v>
      </c>
      <c r="BJ32" s="191">
        <v>5</v>
      </c>
      <c r="BK32" s="191">
        <v>0</v>
      </c>
      <c r="BL32" s="191">
        <v>0</v>
      </c>
      <c r="BM32" s="191">
        <v>0</v>
      </c>
      <c r="BN32" s="191">
        <v>0</v>
      </c>
      <c r="BO32" s="196">
        <v>5</v>
      </c>
      <c r="BP32" s="195">
        <v>5</v>
      </c>
      <c r="BQ32" s="190">
        <v>0</v>
      </c>
      <c r="BR32" s="191">
        <v>0</v>
      </c>
      <c r="BS32" s="196">
        <v>0</v>
      </c>
      <c r="BT32" s="193">
        <v>0</v>
      </c>
      <c r="BU32" s="191">
        <v>0</v>
      </c>
      <c r="BV32" s="191">
        <v>0</v>
      </c>
      <c r="BW32" s="191">
        <v>12</v>
      </c>
      <c r="BX32" s="191">
        <v>4</v>
      </c>
      <c r="BY32" s="191">
        <v>0</v>
      </c>
      <c r="BZ32" s="196">
        <v>16</v>
      </c>
      <c r="CA32" s="195">
        <v>16</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0</v>
      </c>
      <c r="H33" s="191">
        <v>4</v>
      </c>
      <c r="I33" s="191">
        <v>67</v>
      </c>
      <c r="J33" s="191">
        <v>0</v>
      </c>
      <c r="K33" s="191">
        <v>0</v>
      </c>
      <c r="L33" s="194">
        <v>71</v>
      </c>
      <c r="M33" s="195">
        <v>71</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0</v>
      </c>
      <c r="AD33" s="191">
        <v>17</v>
      </c>
      <c r="AE33" s="191">
        <v>8</v>
      </c>
      <c r="AF33" s="191">
        <v>0</v>
      </c>
      <c r="AG33" s="191">
        <v>0</v>
      </c>
      <c r="AH33" s="196">
        <v>25</v>
      </c>
      <c r="AI33" s="195">
        <v>25</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22</v>
      </c>
      <c r="AZ33" s="191">
        <v>27</v>
      </c>
      <c r="BA33" s="191">
        <v>0</v>
      </c>
      <c r="BB33" s="191">
        <v>10</v>
      </c>
      <c r="BC33" s="191">
        <v>0</v>
      </c>
      <c r="BD33" s="194">
        <v>59</v>
      </c>
      <c r="BE33" s="195">
        <v>59</v>
      </c>
      <c r="BF33" s="190">
        <v>0</v>
      </c>
      <c r="BG33" s="191">
        <v>0</v>
      </c>
      <c r="BH33" s="196">
        <v>0</v>
      </c>
      <c r="BI33" s="193">
        <v>0</v>
      </c>
      <c r="BJ33" s="191">
        <v>6</v>
      </c>
      <c r="BK33" s="191">
        <v>-30</v>
      </c>
      <c r="BL33" s="191">
        <v>9</v>
      </c>
      <c r="BM33" s="191">
        <v>0</v>
      </c>
      <c r="BN33" s="191">
        <v>0</v>
      </c>
      <c r="BO33" s="196">
        <v>-15</v>
      </c>
      <c r="BP33" s="195">
        <v>-15</v>
      </c>
      <c r="BQ33" s="190">
        <v>0</v>
      </c>
      <c r="BR33" s="191">
        <v>0</v>
      </c>
      <c r="BS33" s="196">
        <v>0</v>
      </c>
      <c r="BT33" s="193">
        <v>0</v>
      </c>
      <c r="BU33" s="191">
        <v>0</v>
      </c>
      <c r="BV33" s="191">
        <v>0</v>
      </c>
      <c r="BW33" s="191">
        <v>0</v>
      </c>
      <c r="BX33" s="191">
        <v>3</v>
      </c>
      <c r="BY33" s="191">
        <v>0</v>
      </c>
      <c r="BZ33" s="196">
        <v>3</v>
      </c>
      <c r="CA33" s="195">
        <v>3</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21</v>
      </c>
      <c r="H34" s="191">
        <v>117</v>
      </c>
      <c r="I34" s="191">
        <v>36</v>
      </c>
      <c r="J34" s="191">
        <v>0</v>
      </c>
      <c r="K34" s="191">
        <v>89</v>
      </c>
      <c r="L34" s="194">
        <v>263</v>
      </c>
      <c r="M34" s="195">
        <v>263</v>
      </c>
      <c r="N34" s="190">
        <v>0</v>
      </c>
      <c r="O34" s="191">
        <v>0</v>
      </c>
      <c r="P34" s="196">
        <v>0</v>
      </c>
      <c r="Q34" s="193">
        <v>0</v>
      </c>
      <c r="R34" s="191">
        <v>0</v>
      </c>
      <c r="S34" s="191">
        <v>0</v>
      </c>
      <c r="T34" s="191">
        <v>0</v>
      </c>
      <c r="U34" s="191">
        <v>0</v>
      </c>
      <c r="V34" s="191">
        <v>4</v>
      </c>
      <c r="W34" s="196">
        <v>4</v>
      </c>
      <c r="X34" s="195">
        <v>4</v>
      </c>
      <c r="Y34" s="190">
        <v>5</v>
      </c>
      <c r="Z34" s="191">
        <v>0</v>
      </c>
      <c r="AA34" s="196">
        <v>5</v>
      </c>
      <c r="AB34" s="193">
        <v>0</v>
      </c>
      <c r="AC34" s="191">
        <v>33</v>
      </c>
      <c r="AD34" s="191">
        <v>34</v>
      </c>
      <c r="AE34" s="191">
        <v>0</v>
      </c>
      <c r="AF34" s="191">
        <v>0</v>
      </c>
      <c r="AG34" s="191">
        <v>5</v>
      </c>
      <c r="AH34" s="196">
        <v>72</v>
      </c>
      <c r="AI34" s="195">
        <v>77</v>
      </c>
      <c r="AJ34" s="190">
        <v>0</v>
      </c>
      <c r="AK34" s="191">
        <v>0</v>
      </c>
      <c r="AL34" s="196">
        <v>0</v>
      </c>
      <c r="AM34" s="193">
        <v>0</v>
      </c>
      <c r="AN34" s="191">
        <v>24</v>
      </c>
      <c r="AO34" s="191">
        <v>0</v>
      </c>
      <c r="AP34" s="191">
        <v>0</v>
      </c>
      <c r="AQ34" s="191">
        <v>0</v>
      </c>
      <c r="AR34" s="191">
        <v>0</v>
      </c>
      <c r="AS34" s="196">
        <v>24</v>
      </c>
      <c r="AT34" s="195">
        <v>24</v>
      </c>
      <c r="AU34" s="190">
        <v>0</v>
      </c>
      <c r="AV34" s="191">
        <v>0</v>
      </c>
      <c r="AW34" s="196">
        <v>0</v>
      </c>
      <c r="AX34" s="193">
        <v>0</v>
      </c>
      <c r="AY34" s="191">
        <v>14</v>
      </c>
      <c r="AZ34" s="191">
        <v>44</v>
      </c>
      <c r="BA34" s="191">
        <v>9</v>
      </c>
      <c r="BB34" s="191">
        <v>0</v>
      </c>
      <c r="BC34" s="191">
        <v>0</v>
      </c>
      <c r="BD34" s="194">
        <v>67</v>
      </c>
      <c r="BE34" s="195">
        <v>67</v>
      </c>
      <c r="BF34" s="190">
        <v>0</v>
      </c>
      <c r="BG34" s="191">
        <v>0</v>
      </c>
      <c r="BH34" s="196">
        <v>0</v>
      </c>
      <c r="BI34" s="193">
        <v>0</v>
      </c>
      <c r="BJ34" s="191">
        <v>0</v>
      </c>
      <c r="BK34" s="191">
        <v>36</v>
      </c>
      <c r="BL34" s="191">
        <v>0</v>
      </c>
      <c r="BM34" s="191">
        <v>0</v>
      </c>
      <c r="BN34" s="191">
        <v>0</v>
      </c>
      <c r="BO34" s="196">
        <v>36</v>
      </c>
      <c r="BP34" s="195">
        <v>36</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10</v>
      </c>
      <c r="H35" s="191">
        <v>0</v>
      </c>
      <c r="I35" s="191">
        <v>0</v>
      </c>
      <c r="J35" s="191">
        <v>0</v>
      </c>
      <c r="K35" s="191">
        <v>0</v>
      </c>
      <c r="L35" s="194">
        <v>10</v>
      </c>
      <c r="M35" s="195">
        <v>1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5</v>
      </c>
      <c r="AD35" s="191">
        <v>0</v>
      </c>
      <c r="AE35" s="191">
        <v>0</v>
      </c>
      <c r="AF35" s="191">
        <v>0</v>
      </c>
      <c r="AG35" s="191">
        <v>0</v>
      </c>
      <c r="AH35" s="196">
        <v>5</v>
      </c>
      <c r="AI35" s="195">
        <v>5</v>
      </c>
      <c r="AJ35" s="190">
        <v>24</v>
      </c>
      <c r="AK35" s="191">
        <v>6</v>
      </c>
      <c r="AL35" s="196">
        <v>30</v>
      </c>
      <c r="AM35" s="193">
        <v>0</v>
      </c>
      <c r="AN35" s="191">
        <v>0</v>
      </c>
      <c r="AO35" s="191">
        <v>0</v>
      </c>
      <c r="AP35" s="191">
        <v>0</v>
      </c>
      <c r="AQ35" s="191">
        <v>0</v>
      </c>
      <c r="AR35" s="191">
        <v>0</v>
      </c>
      <c r="AS35" s="196">
        <v>0</v>
      </c>
      <c r="AT35" s="195">
        <v>30</v>
      </c>
      <c r="AU35" s="190">
        <v>0</v>
      </c>
      <c r="AV35" s="191">
        <v>0</v>
      </c>
      <c r="AW35" s="196">
        <v>0</v>
      </c>
      <c r="AX35" s="193">
        <v>0</v>
      </c>
      <c r="AY35" s="191">
        <v>0</v>
      </c>
      <c r="AZ35" s="191">
        <v>0</v>
      </c>
      <c r="BA35" s="191">
        <v>0</v>
      </c>
      <c r="BB35" s="191">
        <v>0</v>
      </c>
      <c r="BC35" s="191">
        <v>0</v>
      </c>
      <c r="BD35" s="194">
        <v>0</v>
      </c>
      <c r="BE35" s="195">
        <v>0</v>
      </c>
      <c r="BF35" s="190">
        <v>0</v>
      </c>
      <c r="BG35" s="191">
        <v>0</v>
      </c>
      <c r="BH35" s="196">
        <v>0</v>
      </c>
      <c r="BI35" s="193">
        <v>0</v>
      </c>
      <c r="BJ35" s="191">
        <v>0</v>
      </c>
      <c r="BK35" s="191">
        <v>0</v>
      </c>
      <c r="BL35" s="191">
        <v>0</v>
      </c>
      <c r="BM35" s="191">
        <v>0</v>
      </c>
      <c r="BN35" s="191">
        <v>0</v>
      </c>
      <c r="BO35" s="196">
        <v>0</v>
      </c>
      <c r="BP35" s="195">
        <v>0</v>
      </c>
      <c r="BQ35" s="190">
        <v>0</v>
      </c>
      <c r="BR35" s="191">
        <v>0</v>
      </c>
      <c r="BS35" s="196">
        <v>0</v>
      </c>
      <c r="BT35" s="193">
        <v>0</v>
      </c>
      <c r="BU35" s="191">
        <v>0</v>
      </c>
      <c r="BV35" s="191">
        <v>0</v>
      </c>
      <c r="BW35" s="191">
        <v>0</v>
      </c>
      <c r="BX35" s="191">
        <v>0</v>
      </c>
      <c r="BY35" s="191">
        <v>32</v>
      </c>
      <c r="BZ35" s="196">
        <v>32</v>
      </c>
      <c r="CA35" s="195">
        <v>32</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3</v>
      </c>
      <c r="AD36" s="191">
        <v>37</v>
      </c>
      <c r="AE36" s="191">
        <v>0</v>
      </c>
      <c r="AF36" s="191">
        <v>0</v>
      </c>
      <c r="AG36" s="191">
        <v>17</v>
      </c>
      <c r="AH36" s="196">
        <v>57</v>
      </c>
      <c r="AI36" s="195">
        <v>57</v>
      </c>
      <c r="AJ36" s="190">
        <v>0</v>
      </c>
      <c r="AK36" s="191">
        <v>0</v>
      </c>
      <c r="AL36" s="196">
        <v>0</v>
      </c>
      <c r="AM36" s="193">
        <v>0</v>
      </c>
      <c r="AN36" s="191">
        <v>0</v>
      </c>
      <c r="AO36" s="191">
        <v>0</v>
      </c>
      <c r="AP36" s="191">
        <v>0</v>
      </c>
      <c r="AQ36" s="191">
        <v>0</v>
      </c>
      <c r="AR36" s="191">
        <v>20</v>
      </c>
      <c r="AS36" s="196">
        <v>20</v>
      </c>
      <c r="AT36" s="195">
        <v>20</v>
      </c>
      <c r="AU36" s="190">
        <v>0</v>
      </c>
      <c r="AV36" s="191">
        <v>0</v>
      </c>
      <c r="AW36" s="196">
        <v>0</v>
      </c>
      <c r="AX36" s="193">
        <v>0</v>
      </c>
      <c r="AY36" s="191">
        <v>9</v>
      </c>
      <c r="AZ36" s="191">
        <v>12</v>
      </c>
      <c r="BA36" s="191">
        <v>5</v>
      </c>
      <c r="BB36" s="191">
        <v>0</v>
      </c>
      <c r="BC36" s="191">
        <v>0</v>
      </c>
      <c r="BD36" s="194">
        <v>26</v>
      </c>
      <c r="BE36" s="195">
        <v>26</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17</v>
      </c>
      <c r="H37" s="191">
        <v>98</v>
      </c>
      <c r="I37" s="191">
        <v>8</v>
      </c>
      <c r="J37" s="191">
        <v>0</v>
      </c>
      <c r="K37" s="191">
        <v>0</v>
      </c>
      <c r="L37" s="194">
        <v>123</v>
      </c>
      <c r="M37" s="195">
        <v>123</v>
      </c>
      <c r="N37" s="190">
        <v>0</v>
      </c>
      <c r="O37" s="191">
        <v>0</v>
      </c>
      <c r="P37" s="196">
        <v>0</v>
      </c>
      <c r="Q37" s="193">
        <v>0</v>
      </c>
      <c r="R37" s="191">
        <v>0</v>
      </c>
      <c r="S37" s="191">
        <v>0</v>
      </c>
      <c r="T37" s="191">
        <v>0</v>
      </c>
      <c r="U37" s="191">
        <v>0</v>
      </c>
      <c r="V37" s="191">
        <v>0</v>
      </c>
      <c r="W37" s="196">
        <v>0</v>
      </c>
      <c r="X37" s="195">
        <v>0</v>
      </c>
      <c r="Y37" s="190">
        <v>0</v>
      </c>
      <c r="Z37" s="191">
        <v>5</v>
      </c>
      <c r="AA37" s="196">
        <v>5</v>
      </c>
      <c r="AB37" s="193">
        <v>0</v>
      </c>
      <c r="AC37" s="191">
        <v>24</v>
      </c>
      <c r="AD37" s="191">
        <v>15</v>
      </c>
      <c r="AE37" s="191">
        <v>30</v>
      </c>
      <c r="AF37" s="191">
        <v>0</v>
      </c>
      <c r="AG37" s="191">
        <v>75</v>
      </c>
      <c r="AH37" s="196">
        <v>144</v>
      </c>
      <c r="AI37" s="195">
        <v>149</v>
      </c>
      <c r="AJ37" s="190">
        <v>0</v>
      </c>
      <c r="AK37" s="191">
        <v>14</v>
      </c>
      <c r="AL37" s="196">
        <v>14</v>
      </c>
      <c r="AM37" s="193">
        <v>0</v>
      </c>
      <c r="AN37" s="191">
        <v>9</v>
      </c>
      <c r="AO37" s="191">
        <v>0</v>
      </c>
      <c r="AP37" s="191">
        <v>0</v>
      </c>
      <c r="AQ37" s="191">
        <v>0</v>
      </c>
      <c r="AR37" s="191">
        <v>5</v>
      </c>
      <c r="AS37" s="196">
        <v>14</v>
      </c>
      <c r="AT37" s="195">
        <v>28</v>
      </c>
      <c r="AU37" s="190">
        <v>0</v>
      </c>
      <c r="AV37" s="191">
        <v>0</v>
      </c>
      <c r="AW37" s="196">
        <v>0</v>
      </c>
      <c r="AX37" s="193">
        <v>0</v>
      </c>
      <c r="AY37" s="191">
        <v>52</v>
      </c>
      <c r="AZ37" s="191">
        <v>15</v>
      </c>
      <c r="BA37" s="191">
        <v>14</v>
      </c>
      <c r="BB37" s="191">
        <v>0</v>
      </c>
      <c r="BC37" s="191">
        <v>0</v>
      </c>
      <c r="BD37" s="194">
        <v>81</v>
      </c>
      <c r="BE37" s="195">
        <v>81</v>
      </c>
      <c r="BF37" s="190">
        <v>0</v>
      </c>
      <c r="BG37" s="191">
        <v>0</v>
      </c>
      <c r="BH37" s="196">
        <v>0</v>
      </c>
      <c r="BI37" s="193">
        <v>0</v>
      </c>
      <c r="BJ37" s="191">
        <v>35</v>
      </c>
      <c r="BK37" s="191">
        <v>7</v>
      </c>
      <c r="BL37" s="191">
        <v>9</v>
      </c>
      <c r="BM37" s="191">
        <v>0</v>
      </c>
      <c r="BN37" s="191">
        <v>0</v>
      </c>
      <c r="BO37" s="196">
        <v>51</v>
      </c>
      <c r="BP37" s="195">
        <v>5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10</v>
      </c>
      <c r="H38" s="191">
        <v>0</v>
      </c>
      <c r="I38" s="191">
        <v>0</v>
      </c>
      <c r="J38" s="191">
        <v>75</v>
      </c>
      <c r="K38" s="191">
        <v>124</v>
      </c>
      <c r="L38" s="194">
        <v>209</v>
      </c>
      <c r="M38" s="195">
        <v>209</v>
      </c>
      <c r="N38" s="190">
        <v>0</v>
      </c>
      <c r="O38" s="191">
        <v>0</v>
      </c>
      <c r="P38" s="196">
        <v>0</v>
      </c>
      <c r="Q38" s="193">
        <v>0</v>
      </c>
      <c r="R38" s="191">
        <v>0</v>
      </c>
      <c r="S38" s="191">
        <v>0</v>
      </c>
      <c r="T38" s="191">
        <v>4</v>
      </c>
      <c r="U38" s="191">
        <v>0</v>
      </c>
      <c r="V38" s="191">
        <v>8</v>
      </c>
      <c r="W38" s="196">
        <v>12</v>
      </c>
      <c r="X38" s="195">
        <v>12</v>
      </c>
      <c r="Y38" s="190">
        <v>0</v>
      </c>
      <c r="Z38" s="191">
        <v>3</v>
      </c>
      <c r="AA38" s="196">
        <v>3</v>
      </c>
      <c r="AB38" s="193">
        <v>0</v>
      </c>
      <c r="AC38" s="191">
        <v>44</v>
      </c>
      <c r="AD38" s="191">
        <v>0</v>
      </c>
      <c r="AE38" s="191">
        <v>10</v>
      </c>
      <c r="AF38" s="191">
        <v>0</v>
      </c>
      <c r="AG38" s="191">
        <v>0</v>
      </c>
      <c r="AH38" s="196">
        <v>54</v>
      </c>
      <c r="AI38" s="195">
        <v>57</v>
      </c>
      <c r="AJ38" s="190">
        <v>0</v>
      </c>
      <c r="AK38" s="191">
        <v>0</v>
      </c>
      <c r="AL38" s="196">
        <v>0</v>
      </c>
      <c r="AM38" s="193">
        <v>0</v>
      </c>
      <c r="AN38" s="191">
        <v>8</v>
      </c>
      <c r="AO38" s="191">
        <v>6</v>
      </c>
      <c r="AP38" s="191">
        <v>0</v>
      </c>
      <c r="AQ38" s="191">
        <v>0</v>
      </c>
      <c r="AR38" s="191">
        <v>0</v>
      </c>
      <c r="AS38" s="196">
        <v>14</v>
      </c>
      <c r="AT38" s="195">
        <v>14</v>
      </c>
      <c r="AU38" s="190">
        <v>0</v>
      </c>
      <c r="AV38" s="191">
        <v>0</v>
      </c>
      <c r="AW38" s="196">
        <v>0</v>
      </c>
      <c r="AX38" s="193">
        <v>0</v>
      </c>
      <c r="AY38" s="191">
        <v>0</v>
      </c>
      <c r="AZ38" s="191">
        <v>12</v>
      </c>
      <c r="BA38" s="191">
        <v>0</v>
      </c>
      <c r="BB38" s="191">
        <v>0</v>
      </c>
      <c r="BC38" s="191">
        <v>0</v>
      </c>
      <c r="BD38" s="194">
        <v>12</v>
      </c>
      <c r="BE38" s="195">
        <v>12</v>
      </c>
      <c r="BF38" s="190">
        <v>0</v>
      </c>
      <c r="BG38" s="191">
        <v>0</v>
      </c>
      <c r="BH38" s="196">
        <v>0</v>
      </c>
      <c r="BI38" s="193">
        <v>0</v>
      </c>
      <c r="BJ38" s="191">
        <v>14</v>
      </c>
      <c r="BK38" s="191">
        <v>8</v>
      </c>
      <c r="BL38" s="191">
        <v>0</v>
      </c>
      <c r="BM38" s="191">
        <v>0</v>
      </c>
      <c r="BN38" s="191">
        <v>0</v>
      </c>
      <c r="BO38" s="196">
        <v>22</v>
      </c>
      <c r="BP38" s="195">
        <v>22</v>
      </c>
      <c r="BQ38" s="190">
        <v>2</v>
      </c>
      <c r="BR38" s="191">
        <v>0</v>
      </c>
      <c r="BS38" s="196">
        <v>2</v>
      </c>
      <c r="BT38" s="193">
        <v>0</v>
      </c>
      <c r="BU38" s="191">
        <v>0</v>
      </c>
      <c r="BV38" s="191">
        <v>3</v>
      </c>
      <c r="BW38" s="191">
        <v>0</v>
      </c>
      <c r="BX38" s="191">
        <v>0</v>
      </c>
      <c r="BY38" s="191">
        <v>0</v>
      </c>
      <c r="BZ38" s="196">
        <v>3</v>
      </c>
      <c r="CA38" s="195">
        <v>5</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1">
        <v>0</v>
      </c>
      <c r="BE39" s="202">
        <v>0</v>
      </c>
      <c r="BF39" s="197">
        <v>0</v>
      </c>
      <c r="BG39" s="198">
        <v>0</v>
      </c>
      <c r="BH39" s="203">
        <v>0</v>
      </c>
      <c r="BI39" s="200">
        <v>0</v>
      </c>
      <c r="BJ39" s="198">
        <v>4</v>
      </c>
      <c r="BK39" s="198">
        <v>9</v>
      </c>
      <c r="BL39" s="198">
        <v>0</v>
      </c>
      <c r="BM39" s="198">
        <v>0</v>
      </c>
      <c r="BN39" s="198">
        <v>0</v>
      </c>
      <c r="BO39" s="203">
        <v>13</v>
      </c>
      <c r="BP39" s="202">
        <v>13</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7.55468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0">
        <f>第１表!F2</f>
        <v>6</v>
      </c>
      <c r="K1" s="440"/>
      <c r="L1" s="18">
        <f>第１表!G2</f>
        <v>12</v>
      </c>
      <c r="M1" s="445">
        <f>IF(L1&lt;3,L1+12-2,L1-2)</f>
        <v>10</v>
      </c>
      <c r="N1" s="445"/>
    </row>
    <row r="2" spans="2:112" ht="24" customHeight="1" thickBot="1" x14ac:dyDescent="0.25">
      <c r="B2" s="142" t="s">
        <v>151</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58</v>
      </c>
      <c r="CN3" s="480"/>
      <c r="CO3" s="480"/>
      <c r="CP3" s="480"/>
      <c r="CQ3" s="480"/>
      <c r="CR3" s="480"/>
      <c r="CS3" s="480"/>
      <c r="CT3" s="480"/>
      <c r="CU3" s="480"/>
      <c r="CV3" s="480"/>
      <c r="CW3" s="481"/>
      <c r="CX3" s="479" t="s">
        <v>154</v>
      </c>
      <c r="CY3" s="480"/>
      <c r="CZ3" s="480"/>
      <c r="DA3" s="480"/>
      <c r="DB3" s="480"/>
      <c r="DC3" s="480"/>
      <c r="DD3" s="480"/>
      <c r="DE3" s="480"/>
      <c r="DF3" s="480"/>
      <c r="DG3" s="480"/>
      <c r="DH3" s="481"/>
    </row>
    <row r="4" spans="2:112" ht="21" customHeight="1" x14ac:dyDescent="0.2">
      <c r="B4" s="483"/>
      <c r="C4" s="487" t="s">
        <v>61</v>
      </c>
      <c r="D4" s="464"/>
      <c r="E4" s="465"/>
      <c r="F4" s="466" t="s">
        <v>62</v>
      </c>
      <c r="G4" s="464"/>
      <c r="H4" s="464"/>
      <c r="I4" s="464"/>
      <c r="J4" s="464"/>
      <c r="K4" s="464"/>
      <c r="L4" s="469"/>
      <c r="M4" s="467" t="s">
        <v>52</v>
      </c>
      <c r="N4" s="487" t="s">
        <v>61</v>
      </c>
      <c r="O4" s="464"/>
      <c r="P4" s="465"/>
      <c r="Q4" s="466" t="s">
        <v>62</v>
      </c>
      <c r="R4" s="464"/>
      <c r="S4" s="464"/>
      <c r="T4" s="464"/>
      <c r="U4" s="464"/>
      <c r="V4" s="464"/>
      <c r="W4" s="465"/>
      <c r="X4" s="467" t="s">
        <v>52</v>
      </c>
      <c r="Y4" s="463" t="s">
        <v>61</v>
      </c>
      <c r="Z4" s="464"/>
      <c r="AA4" s="469"/>
      <c r="AB4" s="466" t="s">
        <v>62</v>
      </c>
      <c r="AC4" s="464"/>
      <c r="AD4" s="464"/>
      <c r="AE4" s="464"/>
      <c r="AF4" s="464"/>
      <c r="AG4" s="464"/>
      <c r="AH4" s="465"/>
      <c r="AI4" s="467" t="s">
        <v>52</v>
      </c>
      <c r="AJ4" s="463" t="s">
        <v>61</v>
      </c>
      <c r="AK4" s="464"/>
      <c r="AL4" s="465"/>
      <c r="AM4" s="466" t="s">
        <v>62</v>
      </c>
      <c r="AN4" s="464"/>
      <c r="AO4" s="464"/>
      <c r="AP4" s="464"/>
      <c r="AQ4" s="464"/>
      <c r="AR4" s="464"/>
      <c r="AS4" s="465"/>
      <c r="AT4" s="467" t="s">
        <v>52</v>
      </c>
      <c r="AU4" s="463" t="s">
        <v>61</v>
      </c>
      <c r="AV4" s="464"/>
      <c r="AW4" s="469"/>
      <c r="AX4" s="466" t="s">
        <v>62</v>
      </c>
      <c r="AY4" s="464"/>
      <c r="AZ4" s="464"/>
      <c r="BA4" s="464"/>
      <c r="BB4" s="464"/>
      <c r="BC4" s="464"/>
      <c r="BD4" s="469"/>
      <c r="BE4" s="467" t="s">
        <v>52</v>
      </c>
      <c r="BF4" s="463" t="s">
        <v>61</v>
      </c>
      <c r="BG4" s="464"/>
      <c r="BH4" s="465"/>
      <c r="BI4" s="466" t="s">
        <v>62</v>
      </c>
      <c r="BJ4" s="464"/>
      <c r="BK4" s="464"/>
      <c r="BL4" s="464"/>
      <c r="BM4" s="464"/>
      <c r="BN4" s="464"/>
      <c r="BO4" s="465"/>
      <c r="BP4" s="467" t="s">
        <v>52</v>
      </c>
      <c r="BQ4" s="463" t="s">
        <v>61</v>
      </c>
      <c r="BR4" s="464"/>
      <c r="BS4" s="465"/>
      <c r="BT4" s="466" t="s">
        <v>62</v>
      </c>
      <c r="BU4" s="464"/>
      <c r="BV4" s="464"/>
      <c r="BW4" s="464"/>
      <c r="BX4" s="464"/>
      <c r="BY4" s="464"/>
      <c r="BZ4" s="465"/>
      <c r="CA4" s="467" t="s">
        <v>52</v>
      </c>
      <c r="CB4" s="463" t="s">
        <v>61</v>
      </c>
      <c r="CC4" s="464"/>
      <c r="CD4" s="465"/>
      <c r="CE4" s="466" t="s">
        <v>62</v>
      </c>
      <c r="CF4" s="464"/>
      <c r="CG4" s="464"/>
      <c r="CH4" s="464"/>
      <c r="CI4" s="464"/>
      <c r="CJ4" s="464"/>
      <c r="CK4" s="465"/>
      <c r="CL4" s="467" t="s">
        <v>52</v>
      </c>
      <c r="CM4" s="463" t="s">
        <v>61</v>
      </c>
      <c r="CN4" s="464"/>
      <c r="CO4" s="465"/>
      <c r="CP4" s="466" t="s">
        <v>62</v>
      </c>
      <c r="CQ4" s="464"/>
      <c r="CR4" s="464"/>
      <c r="CS4" s="464"/>
      <c r="CT4" s="464"/>
      <c r="CU4" s="464"/>
      <c r="CV4" s="465"/>
      <c r="CW4" s="467" t="s">
        <v>52</v>
      </c>
      <c r="CX4" s="463" t="s">
        <v>61</v>
      </c>
      <c r="CY4" s="464"/>
      <c r="CZ4" s="465"/>
      <c r="DA4" s="466" t="s">
        <v>62</v>
      </c>
      <c r="DB4" s="464"/>
      <c r="DC4" s="464"/>
      <c r="DD4" s="464"/>
      <c r="DE4" s="464"/>
      <c r="DF4" s="464"/>
      <c r="DG4" s="465"/>
      <c r="DH4" s="467" t="s">
        <v>52</v>
      </c>
    </row>
    <row r="5" spans="2:112" ht="30" customHeight="1" thickBot="1" x14ac:dyDescent="0.25">
      <c r="B5" s="484"/>
      <c r="C5" s="204" t="s">
        <v>43</v>
      </c>
      <c r="D5" s="182" t="s">
        <v>44</v>
      </c>
      <c r="E5" s="205" t="s">
        <v>45</v>
      </c>
      <c r="F5" s="180" t="s">
        <v>83</v>
      </c>
      <c r="G5" s="178" t="s">
        <v>47</v>
      </c>
      <c r="H5" s="178" t="s">
        <v>48</v>
      </c>
      <c r="I5" s="178" t="s">
        <v>49</v>
      </c>
      <c r="J5" s="178" t="s">
        <v>50</v>
      </c>
      <c r="K5" s="178" t="s">
        <v>51</v>
      </c>
      <c r="L5" s="181" t="s">
        <v>45</v>
      </c>
      <c r="M5" s="468"/>
      <c r="N5" s="204" t="s">
        <v>43</v>
      </c>
      <c r="O5" s="178" t="s">
        <v>44</v>
      </c>
      <c r="P5" s="182" t="s">
        <v>45</v>
      </c>
      <c r="Q5" s="180" t="s">
        <v>83</v>
      </c>
      <c r="R5" s="178" t="s">
        <v>47</v>
      </c>
      <c r="S5" s="178" t="s">
        <v>48</v>
      </c>
      <c r="T5" s="178" t="s">
        <v>49</v>
      </c>
      <c r="U5" s="178" t="s">
        <v>50</v>
      </c>
      <c r="V5" s="178" t="s">
        <v>51</v>
      </c>
      <c r="W5" s="182" t="s">
        <v>45</v>
      </c>
      <c r="X5" s="468"/>
      <c r="Y5" s="177" t="s">
        <v>43</v>
      </c>
      <c r="Z5" s="178" t="s">
        <v>44</v>
      </c>
      <c r="AA5" s="181" t="s">
        <v>45</v>
      </c>
      <c r="AB5" s="180" t="s">
        <v>83</v>
      </c>
      <c r="AC5" s="178" t="s">
        <v>47</v>
      </c>
      <c r="AD5" s="178" t="s">
        <v>48</v>
      </c>
      <c r="AE5" s="178" t="s">
        <v>49</v>
      </c>
      <c r="AF5" s="178" t="s">
        <v>50</v>
      </c>
      <c r="AG5" s="178" t="s">
        <v>51</v>
      </c>
      <c r="AH5" s="182" t="s">
        <v>45</v>
      </c>
      <c r="AI5" s="468"/>
      <c r="AJ5" s="177" t="s">
        <v>43</v>
      </c>
      <c r="AK5" s="178" t="s">
        <v>44</v>
      </c>
      <c r="AL5" s="182" t="s">
        <v>45</v>
      </c>
      <c r="AM5" s="180" t="s">
        <v>83</v>
      </c>
      <c r="AN5" s="178" t="s">
        <v>47</v>
      </c>
      <c r="AO5" s="178" t="s">
        <v>48</v>
      </c>
      <c r="AP5" s="178" t="s">
        <v>49</v>
      </c>
      <c r="AQ5" s="178" t="s">
        <v>50</v>
      </c>
      <c r="AR5" s="178" t="s">
        <v>51</v>
      </c>
      <c r="AS5" s="182" t="s">
        <v>45</v>
      </c>
      <c r="AT5" s="468"/>
      <c r="AU5" s="177" t="s">
        <v>43</v>
      </c>
      <c r="AV5" s="178" t="s">
        <v>44</v>
      </c>
      <c r="AW5" s="181" t="s">
        <v>45</v>
      </c>
      <c r="AX5" s="180" t="s">
        <v>83</v>
      </c>
      <c r="AY5" s="178" t="s">
        <v>47</v>
      </c>
      <c r="AZ5" s="178" t="s">
        <v>48</v>
      </c>
      <c r="BA5" s="178" t="s">
        <v>49</v>
      </c>
      <c r="BB5" s="178" t="s">
        <v>50</v>
      </c>
      <c r="BC5" s="178" t="s">
        <v>51</v>
      </c>
      <c r="BD5" s="181" t="s">
        <v>45</v>
      </c>
      <c r="BE5" s="468"/>
      <c r="BF5" s="177" t="s">
        <v>43</v>
      </c>
      <c r="BG5" s="178" t="s">
        <v>44</v>
      </c>
      <c r="BH5" s="182" t="s">
        <v>45</v>
      </c>
      <c r="BI5" s="180" t="s">
        <v>83</v>
      </c>
      <c r="BJ5" s="178" t="s">
        <v>47</v>
      </c>
      <c r="BK5" s="178" t="s">
        <v>48</v>
      </c>
      <c r="BL5" s="178" t="s">
        <v>49</v>
      </c>
      <c r="BM5" s="178" t="s">
        <v>50</v>
      </c>
      <c r="BN5" s="178" t="s">
        <v>51</v>
      </c>
      <c r="BO5" s="182" t="s">
        <v>45</v>
      </c>
      <c r="BP5" s="468"/>
      <c r="BQ5" s="177" t="s">
        <v>43</v>
      </c>
      <c r="BR5" s="178" t="s">
        <v>44</v>
      </c>
      <c r="BS5" s="182" t="s">
        <v>45</v>
      </c>
      <c r="BT5" s="180" t="s">
        <v>83</v>
      </c>
      <c r="BU5" s="178" t="s">
        <v>47</v>
      </c>
      <c r="BV5" s="178" t="s">
        <v>48</v>
      </c>
      <c r="BW5" s="178" t="s">
        <v>49</v>
      </c>
      <c r="BX5" s="178" t="s">
        <v>50</v>
      </c>
      <c r="BY5" s="178" t="s">
        <v>51</v>
      </c>
      <c r="BZ5" s="182" t="s">
        <v>45</v>
      </c>
      <c r="CA5" s="468"/>
      <c r="CB5" s="177" t="s">
        <v>43</v>
      </c>
      <c r="CC5" s="178" t="s">
        <v>44</v>
      </c>
      <c r="CD5" s="182" t="s">
        <v>45</v>
      </c>
      <c r="CE5" s="180" t="s">
        <v>83</v>
      </c>
      <c r="CF5" s="178" t="s">
        <v>47</v>
      </c>
      <c r="CG5" s="178" t="s">
        <v>48</v>
      </c>
      <c r="CH5" s="178" t="s">
        <v>49</v>
      </c>
      <c r="CI5" s="178" t="s">
        <v>50</v>
      </c>
      <c r="CJ5" s="178" t="s">
        <v>51</v>
      </c>
      <c r="CK5" s="182" t="s">
        <v>45</v>
      </c>
      <c r="CL5" s="468"/>
      <c r="CM5" s="177" t="s">
        <v>43</v>
      </c>
      <c r="CN5" s="178" t="s">
        <v>44</v>
      </c>
      <c r="CO5" s="182" t="s">
        <v>45</v>
      </c>
      <c r="CP5" s="180" t="s">
        <v>83</v>
      </c>
      <c r="CQ5" s="178" t="s">
        <v>47</v>
      </c>
      <c r="CR5" s="178" t="s">
        <v>48</v>
      </c>
      <c r="CS5" s="178" t="s">
        <v>49</v>
      </c>
      <c r="CT5" s="178" t="s">
        <v>50</v>
      </c>
      <c r="CU5" s="178" t="s">
        <v>51</v>
      </c>
      <c r="CV5" s="182" t="s">
        <v>45</v>
      </c>
      <c r="CW5" s="468"/>
      <c r="CX5" s="177" t="s">
        <v>43</v>
      </c>
      <c r="CY5" s="178" t="s">
        <v>44</v>
      </c>
      <c r="CZ5" s="182" t="s">
        <v>45</v>
      </c>
      <c r="DA5" s="180" t="s">
        <v>83</v>
      </c>
      <c r="DB5" s="178" t="s">
        <v>47</v>
      </c>
      <c r="DC5" s="178" t="s">
        <v>48</v>
      </c>
      <c r="DD5" s="178" t="s">
        <v>49</v>
      </c>
      <c r="DE5" s="178" t="s">
        <v>50</v>
      </c>
      <c r="DF5" s="178" t="s">
        <v>51</v>
      </c>
      <c r="DG5" s="182" t="s">
        <v>45</v>
      </c>
      <c r="DH5" s="468"/>
    </row>
    <row r="6" spans="2:112" ht="21" customHeight="1" x14ac:dyDescent="0.2">
      <c r="B6" s="84" t="s">
        <v>4</v>
      </c>
      <c r="C6" s="183">
        <v>0</v>
      </c>
      <c r="D6" s="189">
        <v>0</v>
      </c>
      <c r="E6" s="206">
        <v>0</v>
      </c>
      <c r="F6" s="186">
        <v>0</v>
      </c>
      <c r="G6" s="184">
        <v>12893</v>
      </c>
      <c r="H6" s="184">
        <v>22206</v>
      </c>
      <c r="I6" s="184">
        <v>21207</v>
      </c>
      <c r="J6" s="184">
        <v>26097</v>
      </c>
      <c r="K6" s="184">
        <v>25675</v>
      </c>
      <c r="L6" s="187">
        <v>108078</v>
      </c>
      <c r="M6" s="188">
        <v>108078</v>
      </c>
      <c r="N6" s="183">
        <v>0</v>
      </c>
      <c r="O6" s="184">
        <v>5</v>
      </c>
      <c r="P6" s="189">
        <v>5</v>
      </c>
      <c r="Q6" s="186">
        <v>0</v>
      </c>
      <c r="R6" s="184">
        <v>36</v>
      </c>
      <c r="S6" s="184">
        <v>93</v>
      </c>
      <c r="T6" s="184">
        <v>237</v>
      </c>
      <c r="U6" s="184">
        <v>638</v>
      </c>
      <c r="V6" s="184">
        <v>1242</v>
      </c>
      <c r="W6" s="189">
        <v>2246</v>
      </c>
      <c r="X6" s="188">
        <v>2251</v>
      </c>
      <c r="Y6" s="183">
        <v>1767</v>
      </c>
      <c r="Z6" s="184">
        <v>4691</v>
      </c>
      <c r="AA6" s="189">
        <v>6458</v>
      </c>
      <c r="AB6" s="186">
        <v>0</v>
      </c>
      <c r="AC6" s="184">
        <v>11498</v>
      </c>
      <c r="AD6" s="184">
        <v>17766</v>
      </c>
      <c r="AE6" s="184">
        <v>9764</v>
      </c>
      <c r="AF6" s="184">
        <v>8885</v>
      </c>
      <c r="AG6" s="184">
        <v>5842</v>
      </c>
      <c r="AH6" s="189">
        <v>53755</v>
      </c>
      <c r="AI6" s="188">
        <v>60213</v>
      </c>
      <c r="AJ6" s="183">
        <v>234</v>
      </c>
      <c r="AK6" s="184">
        <v>1044</v>
      </c>
      <c r="AL6" s="189">
        <v>1278</v>
      </c>
      <c r="AM6" s="186">
        <v>0</v>
      </c>
      <c r="AN6" s="184">
        <v>1422</v>
      </c>
      <c r="AO6" s="184">
        <v>1977</v>
      </c>
      <c r="AP6" s="184">
        <v>1069</v>
      </c>
      <c r="AQ6" s="184">
        <v>1128</v>
      </c>
      <c r="AR6" s="184">
        <v>732</v>
      </c>
      <c r="AS6" s="189">
        <v>6328</v>
      </c>
      <c r="AT6" s="188">
        <v>7606</v>
      </c>
      <c r="AU6" s="183">
        <v>0</v>
      </c>
      <c r="AV6" s="184">
        <v>0</v>
      </c>
      <c r="AW6" s="189">
        <v>0</v>
      </c>
      <c r="AX6" s="186">
        <v>0</v>
      </c>
      <c r="AY6" s="184">
        <v>11490</v>
      </c>
      <c r="AZ6" s="184">
        <v>11092</v>
      </c>
      <c r="BA6" s="184">
        <v>6102</v>
      </c>
      <c r="BB6" s="184">
        <v>3341</v>
      </c>
      <c r="BC6" s="184">
        <v>1345</v>
      </c>
      <c r="BD6" s="187">
        <v>33370</v>
      </c>
      <c r="BE6" s="188">
        <v>33370</v>
      </c>
      <c r="BF6" s="183">
        <v>0</v>
      </c>
      <c r="BG6" s="184">
        <v>0</v>
      </c>
      <c r="BH6" s="189">
        <v>0</v>
      </c>
      <c r="BI6" s="186">
        <v>0</v>
      </c>
      <c r="BJ6" s="184">
        <v>2492</v>
      </c>
      <c r="BK6" s="184">
        <v>3350</v>
      </c>
      <c r="BL6" s="184">
        <v>2520</v>
      </c>
      <c r="BM6" s="184">
        <v>1463</v>
      </c>
      <c r="BN6" s="184">
        <v>381</v>
      </c>
      <c r="BO6" s="189">
        <v>10206</v>
      </c>
      <c r="BP6" s="188">
        <v>10206</v>
      </c>
      <c r="BQ6" s="183">
        <v>76</v>
      </c>
      <c r="BR6" s="184">
        <v>118</v>
      </c>
      <c r="BS6" s="189">
        <v>194</v>
      </c>
      <c r="BT6" s="186">
        <v>0</v>
      </c>
      <c r="BU6" s="184">
        <v>1169</v>
      </c>
      <c r="BV6" s="184">
        <v>1968</v>
      </c>
      <c r="BW6" s="184">
        <v>2947</v>
      </c>
      <c r="BX6" s="184">
        <v>2072</v>
      </c>
      <c r="BY6" s="184">
        <v>1074</v>
      </c>
      <c r="BZ6" s="189">
        <v>9230</v>
      </c>
      <c r="CA6" s="188">
        <v>9424</v>
      </c>
      <c r="CB6" s="183">
        <v>5</v>
      </c>
      <c r="CC6" s="184">
        <v>27</v>
      </c>
      <c r="CD6" s="189">
        <v>32</v>
      </c>
      <c r="CE6" s="186">
        <v>0</v>
      </c>
      <c r="CF6" s="184">
        <v>104</v>
      </c>
      <c r="CG6" s="184">
        <v>365</v>
      </c>
      <c r="CH6" s="184">
        <v>433</v>
      </c>
      <c r="CI6" s="184">
        <v>538</v>
      </c>
      <c r="CJ6" s="184">
        <v>244</v>
      </c>
      <c r="CK6" s="189">
        <v>1684</v>
      </c>
      <c r="CL6" s="188">
        <v>1716</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6</v>
      </c>
      <c r="DC6" s="184">
        <v>0</v>
      </c>
      <c r="DD6" s="184">
        <v>0</v>
      </c>
      <c r="DE6" s="184">
        <v>0</v>
      </c>
      <c r="DF6" s="184">
        <v>0</v>
      </c>
      <c r="DG6" s="189">
        <v>6</v>
      </c>
      <c r="DH6" s="188">
        <v>6</v>
      </c>
    </row>
    <row r="7" spans="2:112" ht="21" customHeight="1" x14ac:dyDescent="0.2">
      <c r="B7" s="95" t="s">
        <v>5</v>
      </c>
      <c r="C7" s="190">
        <v>0</v>
      </c>
      <c r="D7" s="196">
        <v>0</v>
      </c>
      <c r="E7" s="207">
        <v>0</v>
      </c>
      <c r="F7" s="193">
        <v>0</v>
      </c>
      <c r="G7" s="191">
        <v>4819</v>
      </c>
      <c r="H7" s="191">
        <v>9668</v>
      </c>
      <c r="I7" s="191">
        <v>8088</v>
      </c>
      <c r="J7" s="191">
        <v>11232</v>
      </c>
      <c r="K7" s="191">
        <v>10998</v>
      </c>
      <c r="L7" s="194">
        <v>44805</v>
      </c>
      <c r="M7" s="195">
        <v>44805</v>
      </c>
      <c r="N7" s="190">
        <v>0</v>
      </c>
      <c r="O7" s="191">
        <v>5</v>
      </c>
      <c r="P7" s="196">
        <v>5</v>
      </c>
      <c r="Q7" s="193">
        <v>0</v>
      </c>
      <c r="R7" s="191">
        <v>6</v>
      </c>
      <c r="S7" s="191">
        <v>33</v>
      </c>
      <c r="T7" s="191">
        <v>78</v>
      </c>
      <c r="U7" s="191">
        <v>233</v>
      </c>
      <c r="V7" s="191">
        <v>729</v>
      </c>
      <c r="W7" s="196">
        <v>1079</v>
      </c>
      <c r="X7" s="195">
        <v>1084</v>
      </c>
      <c r="Y7" s="190">
        <v>799</v>
      </c>
      <c r="Z7" s="191">
        <v>2645</v>
      </c>
      <c r="AA7" s="196">
        <v>3444</v>
      </c>
      <c r="AB7" s="193">
        <v>0</v>
      </c>
      <c r="AC7" s="191">
        <v>4114</v>
      </c>
      <c r="AD7" s="191">
        <v>9945</v>
      </c>
      <c r="AE7" s="191">
        <v>4762</v>
      </c>
      <c r="AF7" s="191">
        <v>4345</v>
      </c>
      <c r="AG7" s="191">
        <v>2895</v>
      </c>
      <c r="AH7" s="196">
        <v>26061</v>
      </c>
      <c r="AI7" s="195">
        <v>29505</v>
      </c>
      <c r="AJ7" s="190">
        <v>126</v>
      </c>
      <c r="AK7" s="191">
        <v>697</v>
      </c>
      <c r="AL7" s="196">
        <v>823</v>
      </c>
      <c r="AM7" s="193">
        <v>0</v>
      </c>
      <c r="AN7" s="191">
        <v>459</v>
      </c>
      <c r="AO7" s="191">
        <v>901</v>
      </c>
      <c r="AP7" s="191">
        <v>397</v>
      </c>
      <c r="AQ7" s="191">
        <v>539</v>
      </c>
      <c r="AR7" s="191">
        <v>339</v>
      </c>
      <c r="AS7" s="196">
        <v>2635</v>
      </c>
      <c r="AT7" s="195">
        <v>3458</v>
      </c>
      <c r="AU7" s="190">
        <v>0</v>
      </c>
      <c r="AV7" s="191">
        <v>0</v>
      </c>
      <c r="AW7" s="196">
        <v>0</v>
      </c>
      <c r="AX7" s="193">
        <v>0</v>
      </c>
      <c r="AY7" s="191">
        <v>3851</v>
      </c>
      <c r="AZ7" s="191">
        <v>4844</v>
      </c>
      <c r="BA7" s="191">
        <v>2200</v>
      </c>
      <c r="BB7" s="191">
        <v>1178</v>
      </c>
      <c r="BC7" s="191">
        <v>426</v>
      </c>
      <c r="BD7" s="194">
        <v>12499</v>
      </c>
      <c r="BE7" s="195">
        <v>12499</v>
      </c>
      <c r="BF7" s="190">
        <v>0</v>
      </c>
      <c r="BG7" s="191">
        <v>0</v>
      </c>
      <c r="BH7" s="196">
        <v>0</v>
      </c>
      <c r="BI7" s="193">
        <v>0</v>
      </c>
      <c r="BJ7" s="191">
        <v>754</v>
      </c>
      <c r="BK7" s="191">
        <v>1633</v>
      </c>
      <c r="BL7" s="191">
        <v>1164</v>
      </c>
      <c r="BM7" s="191">
        <v>659</v>
      </c>
      <c r="BN7" s="191">
        <v>216</v>
      </c>
      <c r="BO7" s="196">
        <v>4426</v>
      </c>
      <c r="BP7" s="195">
        <v>4426</v>
      </c>
      <c r="BQ7" s="190">
        <v>0</v>
      </c>
      <c r="BR7" s="191">
        <v>63</v>
      </c>
      <c r="BS7" s="196">
        <v>63</v>
      </c>
      <c r="BT7" s="193">
        <v>0</v>
      </c>
      <c r="BU7" s="191">
        <v>383</v>
      </c>
      <c r="BV7" s="191">
        <v>762</v>
      </c>
      <c r="BW7" s="191">
        <v>1481</v>
      </c>
      <c r="BX7" s="191">
        <v>840</v>
      </c>
      <c r="BY7" s="191">
        <v>460</v>
      </c>
      <c r="BZ7" s="196">
        <v>3926</v>
      </c>
      <c r="CA7" s="195">
        <v>3989</v>
      </c>
      <c r="CB7" s="190">
        <v>5</v>
      </c>
      <c r="CC7" s="191">
        <v>27</v>
      </c>
      <c r="CD7" s="196">
        <v>32</v>
      </c>
      <c r="CE7" s="193">
        <v>0</v>
      </c>
      <c r="CF7" s="191">
        <v>35</v>
      </c>
      <c r="CG7" s="191">
        <v>201</v>
      </c>
      <c r="CH7" s="191">
        <v>266</v>
      </c>
      <c r="CI7" s="191">
        <v>300</v>
      </c>
      <c r="CJ7" s="191">
        <v>136</v>
      </c>
      <c r="CK7" s="196">
        <v>938</v>
      </c>
      <c r="CL7" s="195">
        <v>970</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6">
        <v>0</v>
      </c>
      <c r="E8" s="207">
        <v>0</v>
      </c>
      <c r="F8" s="193">
        <v>0</v>
      </c>
      <c r="G8" s="191">
        <v>2140</v>
      </c>
      <c r="H8" s="191">
        <v>3465</v>
      </c>
      <c r="I8" s="191">
        <v>3089</v>
      </c>
      <c r="J8" s="191">
        <v>4190</v>
      </c>
      <c r="K8" s="191">
        <v>4108</v>
      </c>
      <c r="L8" s="194">
        <v>16992</v>
      </c>
      <c r="M8" s="195">
        <v>16992</v>
      </c>
      <c r="N8" s="190">
        <v>0</v>
      </c>
      <c r="O8" s="191">
        <v>0</v>
      </c>
      <c r="P8" s="196">
        <v>0</v>
      </c>
      <c r="Q8" s="193">
        <v>0</v>
      </c>
      <c r="R8" s="191">
        <v>17</v>
      </c>
      <c r="S8" s="191">
        <v>8</v>
      </c>
      <c r="T8" s="191">
        <v>62</v>
      </c>
      <c r="U8" s="191">
        <v>126</v>
      </c>
      <c r="V8" s="191">
        <v>125</v>
      </c>
      <c r="W8" s="196">
        <v>338</v>
      </c>
      <c r="X8" s="195">
        <v>338</v>
      </c>
      <c r="Y8" s="190">
        <v>340</v>
      </c>
      <c r="Z8" s="191">
        <v>818</v>
      </c>
      <c r="AA8" s="196">
        <v>1158</v>
      </c>
      <c r="AB8" s="193">
        <v>0</v>
      </c>
      <c r="AC8" s="191">
        <v>3084</v>
      </c>
      <c r="AD8" s="191">
        <v>2776</v>
      </c>
      <c r="AE8" s="191">
        <v>1883</v>
      </c>
      <c r="AF8" s="191">
        <v>1514</v>
      </c>
      <c r="AG8" s="191">
        <v>1043</v>
      </c>
      <c r="AH8" s="196">
        <v>10300</v>
      </c>
      <c r="AI8" s="195">
        <v>11458</v>
      </c>
      <c r="AJ8" s="190">
        <v>12</v>
      </c>
      <c r="AK8" s="191">
        <v>100</v>
      </c>
      <c r="AL8" s="196">
        <v>112</v>
      </c>
      <c r="AM8" s="193">
        <v>0</v>
      </c>
      <c r="AN8" s="191">
        <v>313</v>
      </c>
      <c r="AO8" s="191">
        <v>243</v>
      </c>
      <c r="AP8" s="191">
        <v>166</v>
      </c>
      <c r="AQ8" s="191">
        <v>234</v>
      </c>
      <c r="AR8" s="191">
        <v>95</v>
      </c>
      <c r="AS8" s="196">
        <v>1051</v>
      </c>
      <c r="AT8" s="195">
        <v>1163</v>
      </c>
      <c r="AU8" s="190">
        <v>0</v>
      </c>
      <c r="AV8" s="191">
        <v>0</v>
      </c>
      <c r="AW8" s="196">
        <v>0</v>
      </c>
      <c r="AX8" s="193">
        <v>0</v>
      </c>
      <c r="AY8" s="191">
        <v>2231</v>
      </c>
      <c r="AZ8" s="191">
        <v>1815</v>
      </c>
      <c r="BA8" s="191">
        <v>900</v>
      </c>
      <c r="BB8" s="191">
        <v>621</v>
      </c>
      <c r="BC8" s="191">
        <v>200</v>
      </c>
      <c r="BD8" s="194">
        <v>5767</v>
      </c>
      <c r="BE8" s="195">
        <v>5767</v>
      </c>
      <c r="BF8" s="190">
        <v>0</v>
      </c>
      <c r="BG8" s="191">
        <v>0</v>
      </c>
      <c r="BH8" s="196">
        <v>0</v>
      </c>
      <c r="BI8" s="193">
        <v>0</v>
      </c>
      <c r="BJ8" s="191">
        <v>437</v>
      </c>
      <c r="BK8" s="191">
        <v>444</v>
      </c>
      <c r="BL8" s="191">
        <v>277</v>
      </c>
      <c r="BM8" s="191">
        <v>185</v>
      </c>
      <c r="BN8" s="191">
        <v>33</v>
      </c>
      <c r="BO8" s="196">
        <v>1376</v>
      </c>
      <c r="BP8" s="195">
        <v>1376</v>
      </c>
      <c r="BQ8" s="190">
        <v>0</v>
      </c>
      <c r="BR8" s="191">
        <v>6</v>
      </c>
      <c r="BS8" s="196">
        <v>6</v>
      </c>
      <c r="BT8" s="193">
        <v>0</v>
      </c>
      <c r="BU8" s="191">
        <v>215</v>
      </c>
      <c r="BV8" s="191">
        <v>256</v>
      </c>
      <c r="BW8" s="191">
        <v>268</v>
      </c>
      <c r="BX8" s="191">
        <v>275</v>
      </c>
      <c r="BY8" s="191">
        <v>98</v>
      </c>
      <c r="BZ8" s="196">
        <v>1112</v>
      </c>
      <c r="CA8" s="195">
        <v>1118</v>
      </c>
      <c r="CB8" s="190">
        <v>0</v>
      </c>
      <c r="CC8" s="191">
        <v>0</v>
      </c>
      <c r="CD8" s="196">
        <v>0</v>
      </c>
      <c r="CE8" s="193">
        <v>0</v>
      </c>
      <c r="CF8" s="191">
        <v>4</v>
      </c>
      <c r="CG8" s="191">
        <v>51</v>
      </c>
      <c r="CH8" s="191">
        <v>42</v>
      </c>
      <c r="CI8" s="191">
        <v>70</v>
      </c>
      <c r="CJ8" s="191">
        <v>45</v>
      </c>
      <c r="CK8" s="196">
        <v>212</v>
      </c>
      <c r="CL8" s="195">
        <v>212</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6">
        <v>0</v>
      </c>
      <c r="E9" s="207">
        <v>0</v>
      </c>
      <c r="F9" s="193">
        <v>0</v>
      </c>
      <c r="G9" s="191">
        <v>527</v>
      </c>
      <c r="H9" s="191">
        <v>1626</v>
      </c>
      <c r="I9" s="191">
        <v>1394</v>
      </c>
      <c r="J9" s="191">
        <v>1408</v>
      </c>
      <c r="K9" s="191">
        <v>1836</v>
      </c>
      <c r="L9" s="194">
        <v>6791</v>
      </c>
      <c r="M9" s="195">
        <v>6791</v>
      </c>
      <c r="N9" s="190">
        <v>0</v>
      </c>
      <c r="O9" s="191">
        <v>0</v>
      </c>
      <c r="P9" s="196">
        <v>0</v>
      </c>
      <c r="Q9" s="193">
        <v>0</v>
      </c>
      <c r="R9" s="191">
        <v>0</v>
      </c>
      <c r="S9" s="191">
        <v>5</v>
      </c>
      <c r="T9" s="191">
        <v>35</v>
      </c>
      <c r="U9" s="191">
        <v>58</v>
      </c>
      <c r="V9" s="191">
        <v>80</v>
      </c>
      <c r="W9" s="196">
        <v>178</v>
      </c>
      <c r="X9" s="195">
        <v>178</v>
      </c>
      <c r="Y9" s="190">
        <v>46</v>
      </c>
      <c r="Z9" s="191">
        <v>215</v>
      </c>
      <c r="AA9" s="196">
        <v>261</v>
      </c>
      <c r="AB9" s="193">
        <v>0</v>
      </c>
      <c r="AC9" s="191">
        <v>369</v>
      </c>
      <c r="AD9" s="191">
        <v>756</v>
      </c>
      <c r="AE9" s="191">
        <v>567</v>
      </c>
      <c r="AF9" s="191">
        <v>530</v>
      </c>
      <c r="AG9" s="191">
        <v>413</v>
      </c>
      <c r="AH9" s="196">
        <v>2635</v>
      </c>
      <c r="AI9" s="195">
        <v>2896</v>
      </c>
      <c r="AJ9" s="190">
        <v>0</v>
      </c>
      <c r="AK9" s="191">
        <v>28</v>
      </c>
      <c r="AL9" s="196">
        <v>28</v>
      </c>
      <c r="AM9" s="193">
        <v>0</v>
      </c>
      <c r="AN9" s="191">
        <v>0</v>
      </c>
      <c r="AO9" s="191">
        <v>153</v>
      </c>
      <c r="AP9" s="191">
        <v>8</v>
      </c>
      <c r="AQ9" s="191">
        <v>27</v>
      </c>
      <c r="AR9" s="191">
        <v>49</v>
      </c>
      <c r="AS9" s="196">
        <v>237</v>
      </c>
      <c r="AT9" s="195">
        <v>265</v>
      </c>
      <c r="AU9" s="190">
        <v>0</v>
      </c>
      <c r="AV9" s="191">
        <v>0</v>
      </c>
      <c r="AW9" s="196">
        <v>0</v>
      </c>
      <c r="AX9" s="193">
        <v>0</v>
      </c>
      <c r="AY9" s="191">
        <v>777</v>
      </c>
      <c r="AZ9" s="191">
        <v>874</v>
      </c>
      <c r="BA9" s="191">
        <v>793</v>
      </c>
      <c r="BB9" s="191">
        <v>231</v>
      </c>
      <c r="BC9" s="191">
        <v>173</v>
      </c>
      <c r="BD9" s="194">
        <v>2848</v>
      </c>
      <c r="BE9" s="195">
        <v>2848</v>
      </c>
      <c r="BF9" s="190">
        <v>0</v>
      </c>
      <c r="BG9" s="191">
        <v>0</v>
      </c>
      <c r="BH9" s="196">
        <v>0</v>
      </c>
      <c r="BI9" s="193">
        <v>0</v>
      </c>
      <c r="BJ9" s="191">
        <v>37</v>
      </c>
      <c r="BK9" s="191">
        <v>128</v>
      </c>
      <c r="BL9" s="191">
        <v>101</v>
      </c>
      <c r="BM9" s="191">
        <v>122</v>
      </c>
      <c r="BN9" s="191">
        <v>7</v>
      </c>
      <c r="BO9" s="196">
        <v>395</v>
      </c>
      <c r="BP9" s="195">
        <v>395</v>
      </c>
      <c r="BQ9" s="190">
        <v>0</v>
      </c>
      <c r="BR9" s="191">
        <v>5</v>
      </c>
      <c r="BS9" s="196">
        <v>5</v>
      </c>
      <c r="BT9" s="193">
        <v>0</v>
      </c>
      <c r="BU9" s="191">
        <v>39</v>
      </c>
      <c r="BV9" s="191">
        <v>127</v>
      </c>
      <c r="BW9" s="191">
        <v>140</v>
      </c>
      <c r="BX9" s="191">
        <v>228</v>
      </c>
      <c r="BY9" s="191">
        <v>81</v>
      </c>
      <c r="BZ9" s="196">
        <v>615</v>
      </c>
      <c r="CA9" s="195">
        <v>620</v>
      </c>
      <c r="CB9" s="190">
        <v>0</v>
      </c>
      <c r="CC9" s="191">
        <v>0</v>
      </c>
      <c r="CD9" s="196">
        <v>0</v>
      </c>
      <c r="CE9" s="193">
        <v>0</v>
      </c>
      <c r="CF9" s="191">
        <v>13</v>
      </c>
      <c r="CG9" s="191">
        <v>0</v>
      </c>
      <c r="CH9" s="191">
        <v>9</v>
      </c>
      <c r="CI9" s="191">
        <v>0</v>
      </c>
      <c r="CJ9" s="191">
        <v>0</v>
      </c>
      <c r="CK9" s="196">
        <v>22</v>
      </c>
      <c r="CL9" s="195">
        <v>22</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6">
        <v>0</v>
      </c>
      <c r="E10" s="207">
        <v>0</v>
      </c>
      <c r="F10" s="193">
        <v>0</v>
      </c>
      <c r="G10" s="191">
        <v>889</v>
      </c>
      <c r="H10" s="191">
        <v>601</v>
      </c>
      <c r="I10" s="191">
        <v>809</v>
      </c>
      <c r="J10" s="191">
        <v>892</v>
      </c>
      <c r="K10" s="191">
        <v>532</v>
      </c>
      <c r="L10" s="194">
        <v>3723</v>
      </c>
      <c r="M10" s="195">
        <v>3723</v>
      </c>
      <c r="N10" s="190">
        <v>0</v>
      </c>
      <c r="O10" s="191">
        <v>0</v>
      </c>
      <c r="P10" s="196">
        <v>0</v>
      </c>
      <c r="Q10" s="193">
        <v>0</v>
      </c>
      <c r="R10" s="191">
        <v>5</v>
      </c>
      <c r="S10" s="191">
        <v>2</v>
      </c>
      <c r="T10" s="191">
        <v>2</v>
      </c>
      <c r="U10" s="191">
        <v>41</v>
      </c>
      <c r="V10" s="191">
        <v>55</v>
      </c>
      <c r="W10" s="196">
        <v>105</v>
      </c>
      <c r="X10" s="195">
        <v>105</v>
      </c>
      <c r="Y10" s="190">
        <v>0</v>
      </c>
      <c r="Z10" s="191">
        <v>37</v>
      </c>
      <c r="AA10" s="196">
        <v>37</v>
      </c>
      <c r="AB10" s="193">
        <v>0</v>
      </c>
      <c r="AC10" s="191">
        <v>419</v>
      </c>
      <c r="AD10" s="191">
        <v>219</v>
      </c>
      <c r="AE10" s="191">
        <v>307</v>
      </c>
      <c r="AF10" s="191">
        <v>226</v>
      </c>
      <c r="AG10" s="191">
        <v>151</v>
      </c>
      <c r="AH10" s="196">
        <v>1322</v>
      </c>
      <c r="AI10" s="195">
        <v>1359</v>
      </c>
      <c r="AJ10" s="190">
        <v>8</v>
      </c>
      <c r="AK10" s="191">
        <v>6</v>
      </c>
      <c r="AL10" s="196">
        <v>14</v>
      </c>
      <c r="AM10" s="193">
        <v>0</v>
      </c>
      <c r="AN10" s="191">
        <v>54</v>
      </c>
      <c r="AO10" s="191">
        <v>70</v>
      </c>
      <c r="AP10" s="191">
        <v>39</v>
      </c>
      <c r="AQ10" s="191">
        <v>48</v>
      </c>
      <c r="AR10" s="191">
        <v>0</v>
      </c>
      <c r="AS10" s="196">
        <v>211</v>
      </c>
      <c r="AT10" s="195">
        <v>225</v>
      </c>
      <c r="AU10" s="190">
        <v>0</v>
      </c>
      <c r="AV10" s="191">
        <v>0</v>
      </c>
      <c r="AW10" s="196">
        <v>0</v>
      </c>
      <c r="AX10" s="193">
        <v>0</v>
      </c>
      <c r="AY10" s="191">
        <v>703</v>
      </c>
      <c r="AZ10" s="191">
        <v>314</v>
      </c>
      <c r="BA10" s="191">
        <v>163</v>
      </c>
      <c r="BB10" s="191">
        <v>67</v>
      </c>
      <c r="BC10" s="191">
        <v>23</v>
      </c>
      <c r="BD10" s="194">
        <v>1270</v>
      </c>
      <c r="BE10" s="195">
        <v>1270</v>
      </c>
      <c r="BF10" s="190">
        <v>0</v>
      </c>
      <c r="BG10" s="191">
        <v>0</v>
      </c>
      <c r="BH10" s="196">
        <v>0</v>
      </c>
      <c r="BI10" s="193">
        <v>0</v>
      </c>
      <c r="BJ10" s="191">
        <v>121</v>
      </c>
      <c r="BK10" s="191">
        <v>88</v>
      </c>
      <c r="BL10" s="191">
        <v>66</v>
      </c>
      <c r="BM10" s="191">
        <v>54</v>
      </c>
      <c r="BN10" s="191">
        <v>0</v>
      </c>
      <c r="BO10" s="196">
        <v>329</v>
      </c>
      <c r="BP10" s="195">
        <v>329</v>
      </c>
      <c r="BQ10" s="190">
        <v>0</v>
      </c>
      <c r="BR10" s="191">
        <v>0</v>
      </c>
      <c r="BS10" s="196">
        <v>0</v>
      </c>
      <c r="BT10" s="193">
        <v>0</v>
      </c>
      <c r="BU10" s="191">
        <v>143</v>
      </c>
      <c r="BV10" s="191">
        <v>36</v>
      </c>
      <c r="BW10" s="191">
        <v>71</v>
      </c>
      <c r="BX10" s="191">
        <v>63</v>
      </c>
      <c r="BY10" s="191">
        <v>33</v>
      </c>
      <c r="BZ10" s="196">
        <v>346</v>
      </c>
      <c r="CA10" s="195">
        <v>346</v>
      </c>
      <c r="CB10" s="190">
        <v>0</v>
      </c>
      <c r="CC10" s="191">
        <v>0</v>
      </c>
      <c r="CD10" s="196">
        <v>0</v>
      </c>
      <c r="CE10" s="193">
        <v>0</v>
      </c>
      <c r="CF10" s="191">
        <v>0</v>
      </c>
      <c r="CG10" s="191">
        <v>12</v>
      </c>
      <c r="CH10" s="191">
        <v>-27</v>
      </c>
      <c r="CI10" s="191">
        <v>0</v>
      </c>
      <c r="CJ10" s="191">
        <v>0</v>
      </c>
      <c r="CK10" s="196">
        <v>-15</v>
      </c>
      <c r="CL10" s="195">
        <v>-15</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6">
        <v>0</v>
      </c>
      <c r="E11" s="207">
        <v>0</v>
      </c>
      <c r="F11" s="193">
        <v>0</v>
      </c>
      <c r="G11" s="191">
        <v>259</v>
      </c>
      <c r="H11" s="191">
        <v>410</v>
      </c>
      <c r="I11" s="191">
        <v>773</v>
      </c>
      <c r="J11" s="191">
        <v>695</v>
      </c>
      <c r="K11" s="191">
        <v>673</v>
      </c>
      <c r="L11" s="194">
        <v>2810</v>
      </c>
      <c r="M11" s="195">
        <v>2810</v>
      </c>
      <c r="N11" s="190">
        <v>0</v>
      </c>
      <c r="O11" s="191">
        <v>0</v>
      </c>
      <c r="P11" s="196">
        <v>0</v>
      </c>
      <c r="Q11" s="193">
        <v>0</v>
      </c>
      <c r="R11" s="191">
        <v>0</v>
      </c>
      <c r="S11" s="191">
        <v>9</v>
      </c>
      <c r="T11" s="191">
        <v>9</v>
      </c>
      <c r="U11" s="191">
        <v>2</v>
      </c>
      <c r="V11" s="191">
        <v>5</v>
      </c>
      <c r="W11" s="196">
        <v>25</v>
      </c>
      <c r="X11" s="195">
        <v>25</v>
      </c>
      <c r="Y11" s="190">
        <v>27</v>
      </c>
      <c r="Z11" s="191">
        <v>33</v>
      </c>
      <c r="AA11" s="196">
        <v>60</v>
      </c>
      <c r="AB11" s="193">
        <v>0</v>
      </c>
      <c r="AC11" s="191">
        <v>198</v>
      </c>
      <c r="AD11" s="191">
        <v>259</v>
      </c>
      <c r="AE11" s="191">
        <v>143</v>
      </c>
      <c r="AF11" s="191">
        <v>151</v>
      </c>
      <c r="AG11" s="191">
        <v>109</v>
      </c>
      <c r="AH11" s="196">
        <v>860</v>
      </c>
      <c r="AI11" s="195">
        <v>920</v>
      </c>
      <c r="AJ11" s="190">
        <v>0</v>
      </c>
      <c r="AK11" s="191">
        <v>2</v>
      </c>
      <c r="AL11" s="196">
        <v>2</v>
      </c>
      <c r="AM11" s="193">
        <v>0</v>
      </c>
      <c r="AN11" s="191">
        <v>75</v>
      </c>
      <c r="AO11" s="191">
        <v>69</v>
      </c>
      <c r="AP11" s="191">
        <v>34</v>
      </c>
      <c r="AQ11" s="191">
        <v>5</v>
      </c>
      <c r="AR11" s="191">
        <v>0</v>
      </c>
      <c r="AS11" s="196">
        <v>183</v>
      </c>
      <c r="AT11" s="195">
        <v>185</v>
      </c>
      <c r="AU11" s="190">
        <v>0</v>
      </c>
      <c r="AV11" s="191">
        <v>0</v>
      </c>
      <c r="AW11" s="196">
        <v>0</v>
      </c>
      <c r="AX11" s="193">
        <v>0</v>
      </c>
      <c r="AY11" s="191">
        <v>214</v>
      </c>
      <c r="AZ11" s="191">
        <v>283</v>
      </c>
      <c r="BA11" s="191">
        <v>179</v>
      </c>
      <c r="BB11" s="191">
        <v>55</v>
      </c>
      <c r="BC11" s="191">
        <v>55</v>
      </c>
      <c r="BD11" s="194">
        <v>786</v>
      </c>
      <c r="BE11" s="195">
        <v>786</v>
      </c>
      <c r="BF11" s="190">
        <v>0</v>
      </c>
      <c r="BG11" s="191">
        <v>0</v>
      </c>
      <c r="BH11" s="196">
        <v>0</v>
      </c>
      <c r="BI11" s="193">
        <v>0</v>
      </c>
      <c r="BJ11" s="191">
        <v>85</v>
      </c>
      <c r="BK11" s="191">
        <v>55</v>
      </c>
      <c r="BL11" s="191">
        <v>101</v>
      </c>
      <c r="BM11" s="191">
        <v>47</v>
      </c>
      <c r="BN11" s="191">
        <v>19</v>
      </c>
      <c r="BO11" s="196">
        <v>307</v>
      </c>
      <c r="BP11" s="195">
        <v>307</v>
      </c>
      <c r="BQ11" s="190">
        <v>11</v>
      </c>
      <c r="BR11" s="191">
        <v>0</v>
      </c>
      <c r="BS11" s="196">
        <v>11</v>
      </c>
      <c r="BT11" s="193">
        <v>0</v>
      </c>
      <c r="BU11" s="191">
        <v>65</v>
      </c>
      <c r="BV11" s="191">
        <v>75</v>
      </c>
      <c r="BW11" s="191">
        <v>149</v>
      </c>
      <c r="BX11" s="191">
        <v>33</v>
      </c>
      <c r="BY11" s="191">
        <v>68</v>
      </c>
      <c r="BZ11" s="196">
        <v>390</v>
      </c>
      <c r="CA11" s="195">
        <v>401</v>
      </c>
      <c r="CB11" s="190">
        <v>0</v>
      </c>
      <c r="CC11" s="191">
        <v>0</v>
      </c>
      <c r="CD11" s="196">
        <v>0</v>
      </c>
      <c r="CE11" s="193">
        <v>0</v>
      </c>
      <c r="CF11" s="191">
        <v>12</v>
      </c>
      <c r="CG11" s="191">
        <v>0</v>
      </c>
      <c r="CH11" s="191">
        <v>3</v>
      </c>
      <c r="CI11" s="191">
        <v>0</v>
      </c>
      <c r="CJ11" s="191">
        <v>6</v>
      </c>
      <c r="CK11" s="196">
        <v>21</v>
      </c>
      <c r="CL11" s="195">
        <v>21</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6">
        <v>0</v>
      </c>
      <c r="E12" s="207">
        <v>0</v>
      </c>
      <c r="F12" s="193">
        <v>0</v>
      </c>
      <c r="G12" s="191">
        <v>753</v>
      </c>
      <c r="H12" s="191">
        <v>778</v>
      </c>
      <c r="I12" s="191">
        <v>1082</v>
      </c>
      <c r="J12" s="191">
        <v>1232</v>
      </c>
      <c r="K12" s="191">
        <v>1035</v>
      </c>
      <c r="L12" s="194">
        <v>4880</v>
      </c>
      <c r="M12" s="195">
        <v>4880</v>
      </c>
      <c r="N12" s="190">
        <v>0</v>
      </c>
      <c r="O12" s="191">
        <v>0</v>
      </c>
      <c r="P12" s="196">
        <v>0</v>
      </c>
      <c r="Q12" s="193">
        <v>0</v>
      </c>
      <c r="R12" s="191">
        <v>5</v>
      </c>
      <c r="S12" s="191">
        <v>0</v>
      </c>
      <c r="T12" s="191">
        <v>5</v>
      </c>
      <c r="U12" s="191">
        <v>26</v>
      </c>
      <c r="V12" s="191">
        <v>37</v>
      </c>
      <c r="W12" s="196">
        <v>73</v>
      </c>
      <c r="X12" s="195">
        <v>73</v>
      </c>
      <c r="Y12" s="190">
        <v>70</v>
      </c>
      <c r="Z12" s="191">
        <v>120</v>
      </c>
      <c r="AA12" s="196">
        <v>190</v>
      </c>
      <c r="AB12" s="193">
        <v>0</v>
      </c>
      <c r="AC12" s="191">
        <v>505</v>
      </c>
      <c r="AD12" s="191">
        <v>582</v>
      </c>
      <c r="AE12" s="191">
        <v>434</v>
      </c>
      <c r="AF12" s="191">
        <v>352</v>
      </c>
      <c r="AG12" s="191">
        <v>188</v>
      </c>
      <c r="AH12" s="196">
        <v>2061</v>
      </c>
      <c r="AI12" s="195">
        <v>2251</v>
      </c>
      <c r="AJ12" s="190">
        <v>0</v>
      </c>
      <c r="AK12" s="191">
        <v>0</v>
      </c>
      <c r="AL12" s="196">
        <v>0</v>
      </c>
      <c r="AM12" s="193">
        <v>0</v>
      </c>
      <c r="AN12" s="191">
        <v>62</v>
      </c>
      <c r="AO12" s="191">
        <v>104</v>
      </c>
      <c r="AP12" s="191">
        <v>30</v>
      </c>
      <c r="AQ12" s="191">
        <v>47</v>
      </c>
      <c r="AR12" s="191">
        <v>31</v>
      </c>
      <c r="AS12" s="196">
        <v>274</v>
      </c>
      <c r="AT12" s="195">
        <v>274</v>
      </c>
      <c r="AU12" s="190">
        <v>0</v>
      </c>
      <c r="AV12" s="191">
        <v>0</v>
      </c>
      <c r="AW12" s="196">
        <v>0</v>
      </c>
      <c r="AX12" s="193">
        <v>0</v>
      </c>
      <c r="AY12" s="191">
        <v>531</v>
      </c>
      <c r="AZ12" s="191">
        <v>358</v>
      </c>
      <c r="BA12" s="191">
        <v>235</v>
      </c>
      <c r="BB12" s="191">
        <v>178</v>
      </c>
      <c r="BC12" s="191">
        <v>33</v>
      </c>
      <c r="BD12" s="194">
        <v>1335</v>
      </c>
      <c r="BE12" s="195">
        <v>1335</v>
      </c>
      <c r="BF12" s="190">
        <v>0</v>
      </c>
      <c r="BG12" s="191">
        <v>0</v>
      </c>
      <c r="BH12" s="196">
        <v>0</v>
      </c>
      <c r="BI12" s="193">
        <v>0</v>
      </c>
      <c r="BJ12" s="191">
        <v>137</v>
      </c>
      <c r="BK12" s="191">
        <v>90</v>
      </c>
      <c r="BL12" s="191">
        <v>68</v>
      </c>
      <c r="BM12" s="191">
        <v>67</v>
      </c>
      <c r="BN12" s="191">
        <v>26</v>
      </c>
      <c r="BO12" s="196">
        <v>388</v>
      </c>
      <c r="BP12" s="195">
        <v>388</v>
      </c>
      <c r="BQ12" s="190">
        <v>47</v>
      </c>
      <c r="BR12" s="191">
        <v>0</v>
      </c>
      <c r="BS12" s="196">
        <v>47</v>
      </c>
      <c r="BT12" s="193">
        <v>0</v>
      </c>
      <c r="BU12" s="191">
        <v>46</v>
      </c>
      <c r="BV12" s="191">
        <v>25</v>
      </c>
      <c r="BW12" s="191">
        <v>86</v>
      </c>
      <c r="BX12" s="191">
        <v>83</v>
      </c>
      <c r="BY12" s="191">
        <v>24</v>
      </c>
      <c r="BZ12" s="196">
        <v>264</v>
      </c>
      <c r="CA12" s="195">
        <v>311</v>
      </c>
      <c r="CB12" s="190">
        <v>0</v>
      </c>
      <c r="CC12" s="191">
        <v>0</v>
      </c>
      <c r="CD12" s="196">
        <v>0</v>
      </c>
      <c r="CE12" s="193">
        <v>0</v>
      </c>
      <c r="CF12" s="191">
        <v>7</v>
      </c>
      <c r="CG12" s="191">
        <v>16</v>
      </c>
      <c r="CH12" s="191">
        <v>40</v>
      </c>
      <c r="CI12" s="191">
        <v>71</v>
      </c>
      <c r="CJ12" s="191">
        <v>3</v>
      </c>
      <c r="CK12" s="196">
        <v>137</v>
      </c>
      <c r="CL12" s="195">
        <v>137</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6">
        <v>0</v>
      </c>
      <c r="E13" s="207">
        <v>0</v>
      </c>
      <c r="F13" s="193">
        <v>0</v>
      </c>
      <c r="G13" s="191">
        <v>1184</v>
      </c>
      <c r="H13" s="191">
        <v>1529</v>
      </c>
      <c r="I13" s="191">
        <v>1798</v>
      </c>
      <c r="J13" s="191">
        <v>2324</v>
      </c>
      <c r="K13" s="191">
        <v>1688</v>
      </c>
      <c r="L13" s="194">
        <v>8523</v>
      </c>
      <c r="M13" s="195">
        <v>8523</v>
      </c>
      <c r="N13" s="190">
        <v>0</v>
      </c>
      <c r="O13" s="191">
        <v>0</v>
      </c>
      <c r="P13" s="196">
        <v>0</v>
      </c>
      <c r="Q13" s="193">
        <v>0</v>
      </c>
      <c r="R13" s="191">
        <v>1</v>
      </c>
      <c r="S13" s="191">
        <v>13</v>
      </c>
      <c r="T13" s="191">
        <v>9</v>
      </c>
      <c r="U13" s="191">
        <v>21</v>
      </c>
      <c r="V13" s="191">
        <v>24</v>
      </c>
      <c r="W13" s="196">
        <v>68</v>
      </c>
      <c r="X13" s="195">
        <v>68</v>
      </c>
      <c r="Y13" s="190">
        <v>147</v>
      </c>
      <c r="Z13" s="191">
        <v>241</v>
      </c>
      <c r="AA13" s="196">
        <v>388</v>
      </c>
      <c r="AB13" s="193">
        <v>0</v>
      </c>
      <c r="AC13" s="191">
        <v>730</v>
      </c>
      <c r="AD13" s="191">
        <v>567</v>
      </c>
      <c r="AE13" s="191">
        <v>252</v>
      </c>
      <c r="AF13" s="191">
        <v>376</v>
      </c>
      <c r="AG13" s="191">
        <v>149</v>
      </c>
      <c r="AH13" s="196">
        <v>2074</v>
      </c>
      <c r="AI13" s="195">
        <v>2462</v>
      </c>
      <c r="AJ13" s="190">
        <v>8</v>
      </c>
      <c r="AK13" s="191">
        <v>63</v>
      </c>
      <c r="AL13" s="196">
        <v>71</v>
      </c>
      <c r="AM13" s="193">
        <v>0</v>
      </c>
      <c r="AN13" s="191">
        <v>178</v>
      </c>
      <c r="AO13" s="191">
        <v>97</v>
      </c>
      <c r="AP13" s="191">
        <v>64</v>
      </c>
      <c r="AQ13" s="191">
        <v>39</v>
      </c>
      <c r="AR13" s="191">
        <v>26</v>
      </c>
      <c r="AS13" s="196">
        <v>404</v>
      </c>
      <c r="AT13" s="195">
        <v>475</v>
      </c>
      <c r="AU13" s="190">
        <v>0</v>
      </c>
      <c r="AV13" s="191">
        <v>0</v>
      </c>
      <c r="AW13" s="196">
        <v>0</v>
      </c>
      <c r="AX13" s="193">
        <v>0</v>
      </c>
      <c r="AY13" s="191">
        <v>1006</v>
      </c>
      <c r="AZ13" s="191">
        <v>416</v>
      </c>
      <c r="BA13" s="191">
        <v>355</v>
      </c>
      <c r="BB13" s="191">
        <v>241</v>
      </c>
      <c r="BC13" s="191">
        <v>136</v>
      </c>
      <c r="BD13" s="194">
        <v>2154</v>
      </c>
      <c r="BE13" s="195">
        <v>2154</v>
      </c>
      <c r="BF13" s="190">
        <v>0</v>
      </c>
      <c r="BG13" s="191">
        <v>0</v>
      </c>
      <c r="BH13" s="196">
        <v>0</v>
      </c>
      <c r="BI13" s="193">
        <v>0</v>
      </c>
      <c r="BJ13" s="191">
        <v>174</v>
      </c>
      <c r="BK13" s="191">
        <v>112</v>
      </c>
      <c r="BL13" s="191">
        <v>155</v>
      </c>
      <c r="BM13" s="191">
        <v>19</v>
      </c>
      <c r="BN13" s="191">
        <v>14</v>
      </c>
      <c r="BO13" s="196">
        <v>474</v>
      </c>
      <c r="BP13" s="195">
        <v>474</v>
      </c>
      <c r="BQ13" s="190">
        <v>7</v>
      </c>
      <c r="BR13" s="191">
        <v>11</v>
      </c>
      <c r="BS13" s="196">
        <v>18</v>
      </c>
      <c r="BT13" s="193">
        <v>0</v>
      </c>
      <c r="BU13" s="191">
        <v>93</v>
      </c>
      <c r="BV13" s="191">
        <v>141</v>
      </c>
      <c r="BW13" s="191">
        <v>137</v>
      </c>
      <c r="BX13" s="191">
        <v>132</v>
      </c>
      <c r="BY13" s="191">
        <v>31</v>
      </c>
      <c r="BZ13" s="196">
        <v>534</v>
      </c>
      <c r="CA13" s="195">
        <v>552</v>
      </c>
      <c r="CB13" s="190">
        <v>0</v>
      </c>
      <c r="CC13" s="191">
        <v>0</v>
      </c>
      <c r="CD13" s="196">
        <v>0</v>
      </c>
      <c r="CE13" s="193">
        <v>0</v>
      </c>
      <c r="CF13" s="191">
        <v>2</v>
      </c>
      <c r="CG13" s="191">
        <v>34</v>
      </c>
      <c r="CH13" s="191">
        <v>5</v>
      </c>
      <c r="CI13" s="191">
        <v>25</v>
      </c>
      <c r="CJ13" s="191">
        <v>4</v>
      </c>
      <c r="CK13" s="196">
        <v>70</v>
      </c>
      <c r="CL13" s="195">
        <v>70</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6">
        <v>0</v>
      </c>
      <c r="E14" s="207">
        <v>0</v>
      </c>
      <c r="F14" s="193">
        <v>0</v>
      </c>
      <c r="G14" s="191">
        <v>192</v>
      </c>
      <c r="H14" s="191">
        <v>159</v>
      </c>
      <c r="I14" s="191">
        <v>232</v>
      </c>
      <c r="J14" s="191">
        <v>329</v>
      </c>
      <c r="K14" s="191">
        <v>423</v>
      </c>
      <c r="L14" s="194">
        <v>1335</v>
      </c>
      <c r="M14" s="195">
        <v>1335</v>
      </c>
      <c r="N14" s="190">
        <v>0</v>
      </c>
      <c r="O14" s="191">
        <v>0</v>
      </c>
      <c r="P14" s="196">
        <v>0</v>
      </c>
      <c r="Q14" s="193">
        <v>0</v>
      </c>
      <c r="R14" s="191">
        <v>0</v>
      </c>
      <c r="S14" s="191">
        <v>5</v>
      </c>
      <c r="T14" s="191">
        <v>4</v>
      </c>
      <c r="U14" s="191">
        <v>13</v>
      </c>
      <c r="V14" s="191">
        <v>10</v>
      </c>
      <c r="W14" s="196">
        <v>32</v>
      </c>
      <c r="X14" s="195">
        <v>32</v>
      </c>
      <c r="Y14" s="190">
        <v>37</v>
      </c>
      <c r="Z14" s="191">
        <v>33</v>
      </c>
      <c r="AA14" s="196">
        <v>70</v>
      </c>
      <c r="AB14" s="193">
        <v>0</v>
      </c>
      <c r="AC14" s="191">
        <v>353</v>
      </c>
      <c r="AD14" s="191">
        <v>212</v>
      </c>
      <c r="AE14" s="191">
        <v>83</v>
      </c>
      <c r="AF14" s="191">
        <v>143</v>
      </c>
      <c r="AG14" s="191">
        <v>96</v>
      </c>
      <c r="AH14" s="196">
        <v>887</v>
      </c>
      <c r="AI14" s="195">
        <v>957</v>
      </c>
      <c r="AJ14" s="190">
        <v>0</v>
      </c>
      <c r="AK14" s="191">
        <v>0</v>
      </c>
      <c r="AL14" s="196">
        <v>0</v>
      </c>
      <c r="AM14" s="193">
        <v>0</v>
      </c>
      <c r="AN14" s="191">
        <v>6</v>
      </c>
      <c r="AO14" s="191">
        <v>54</v>
      </c>
      <c r="AP14" s="191">
        <v>39</v>
      </c>
      <c r="AQ14" s="191">
        <v>12</v>
      </c>
      <c r="AR14" s="191">
        <v>20</v>
      </c>
      <c r="AS14" s="196">
        <v>131</v>
      </c>
      <c r="AT14" s="195">
        <v>131</v>
      </c>
      <c r="AU14" s="190">
        <v>0</v>
      </c>
      <c r="AV14" s="191">
        <v>0</v>
      </c>
      <c r="AW14" s="196">
        <v>0</v>
      </c>
      <c r="AX14" s="193">
        <v>0</v>
      </c>
      <c r="AY14" s="191">
        <v>179</v>
      </c>
      <c r="AZ14" s="191">
        <v>142</v>
      </c>
      <c r="BA14" s="191">
        <v>137</v>
      </c>
      <c r="BB14" s="191">
        <v>74</v>
      </c>
      <c r="BC14" s="191">
        <v>25</v>
      </c>
      <c r="BD14" s="194">
        <v>557</v>
      </c>
      <c r="BE14" s="195">
        <v>557</v>
      </c>
      <c r="BF14" s="190">
        <v>0</v>
      </c>
      <c r="BG14" s="191">
        <v>0</v>
      </c>
      <c r="BH14" s="196">
        <v>0</v>
      </c>
      <c r="BI14" s="193">
        <v>0</v>
      </c>
      <c r="BJ14" s="191">
        <v>65</v>
      </c>
      <c r="BK14" s="191">
        <v>66</v>
      </c>
      <c r="BL14" s="191">
        <v>51</v>
      </c>
      <c r="BM14" s="191">
        <v>25</v>
      </c>
      <c r="BN14" s="191">
        <v>4</v>
      </c>
      <c r="BO14" s="196">
        <v>211</v>
      </c>
      <c r="BP14" s="195">
        <v>211</v>
      </c>
      <c r="BQ14" s="190">
        <v>0</v>
      </c>
      <c r="BR14" s="191">
        <v>0</v>
      </c>
      <c r="BS14" s="196">
        <v>0</v>
      </c>
      <c r="BT14" s="193">
        <v>0</v>
      </c>
      <c r="BU14" s="191">
        <v>0</v>
      </c>
      <c r="BV14" s="191">
        <v>10</v>
      </c>
      <c r="BW14" s="191">
        <v>12</v>
      </c>
      <c r="BX14" s="191">
        <v>36</v>
      </c>
      <c r="BY14" s="191">
        <v>59</v>
      </c>
      <c r="BZ14" s="196">
        <v>117</v>
      </c>
      <c r="CA14" s="195">
        <v>117</v>
      </c>
      <c r="CB14" s="190">
        <v>0</v>
      </c>
      <c r="CC14" s="191">
        <v>0</v>
      </c>
      <c r="CD14" s="196">
        <v>0</v>
      </c>
      <c r="CE14" s="193">
        <v>0</v>
      </c>
      <c r="CF14" s="191">
        <v>0</v>
      </c>
      <c r="CG14" s="191">
        <v>0</v>
      </c>
      <c r="CH14" s="191">
        <v>8</v>
      </c>
      <c r="CI14" s="191">
        <v>5</v>
      </c>
      <c r="CJ14" s="191">
        <v>26</v>
      </c>
      <c r="CK14" s="196">
        <v>39</v>
      </c>
      <c r="CL14" s="195">
        <v>39</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6">
        <v>0</v>
      </c>
      <c r="E15" s="207">
        <v>0</v>
      </c>
      <c r="F15" s="193">
        <v>0</v>
      </c>
      <c r="G15" s="191">
        <v>479</v>
      </c>
      <c r="H15" s="191">
        <v>538</v>
      </c>
      <c r="I15" s="191">
        <v>836</v>
      </c>
      <c r="J15" s="191">
        <v>757</v>
      </c>
      <c r="K15" s="191">
        <v>557</v>
      </c>
      <c r="L15" s="194">
        <v>3167</v>
      </c>
      <c r="M15" s="195">
        <v>3167</v>
      </c>
      <c r="N15" s="190">
        <v>0</v>
      </c>
      <c r="O15" s="191">
        <v>0</v>
      </c>
      <c r="P15" s="196">
        <v>0</v>
      </c>
      <c r="Q15" s="193">
        <v>0</v>
      </c>
      <c r="R15" s="191">
        <v>2</v>
      </c>
      <c r="S15" s="191">
        <v>5</v>
      </c>
      <c r="T15" s="191">
        <v>5</v>
      </c>
      <c r="U15" s="191">
        <v>22</v>
      </c>
      <c r="V15" s="191">
        <v>18</v>
      </c>
      <c r="W15" s="196">
        <v>52</v>
      </c>
      <c r="X15" s="195">
        <v>52</v>
      </c>
      <c r="Y15" s="190">
        <v>56</v>
      </c>
      <c r="Z15" s="191">
        <v>158</v>
      </c>
      <c r="AA15" s="196">
        <v>214</v>
      </c>
      <c r="AB15" s="193">
        <v>0</v>
      </c>
      <c r="AC15" s="191">
        <v>185</v>
      </c>
      <c r="AD15" s="191">
        <v>340</v>
      </c>
      <c r="AE15" s="191">
        <v>134</v>
      </c>
      <c r="AF15" s="191">
        <v>287</v>
      </c>
      <c r="AG15" s="191">
        <v>144</v>
      </c>
      <c r="AH15" s="196">
        <v>1090</v>
      </c>
      <c r="AI15" s="195">
        <v>1304</v>
      </c>
      <c r="AJ15" s="190">
        <v>12</v>
      </c>
      <c r="AK15" s="191">
        <v>8</v>
      </c>
      <c r="AL15" s="196">
        <v>20</v>
      </c>
      <c r="AM15" s="193">
        <v>0</v>
      </c>
      <c r="AN15" s="191">
        <v>17</v>
      </c>
      <c r="AO15" s="191">
        <v>4</v>
      </c>
      <c r="AP15" s="191">
        <v>21</v>
      </c>
      <c r="AQ15" s="191">
        <v>57</v>
      </c>
      <c r="AR15" s="191">
        <v>9</v>
      </c>
      <c r="AS15" s="196">
        <v>108</v>
      </c>
      <c r="AT15" s="195">
        <v>128</v>
      </c>
      <c r="AU15" s="190">
        <v>0</v>
      </c>
      <c r="AV15" s="191">
        <v>0</v>
      </c>
      <c r="AW15" s="196">
        <v>0</v>
      </c>
      <c r="AX15" s="193">
        <v>0</v>
      </c>
      <c r="AY15" s="191">
        <v>394</v>
      </c>
      <c r="AZ15" s="191">
        <v>371</v>
      </c>
      <c r="BA15" s="191">
        <v>186</v>
      </c>
      <c r="BB15" s="191">
        <v>76</v>
      </c>
      <c r="BC15" s="191">
        <v>40</v>
      </c>
      <c r="BD15" s="194">
        <v>1067</v>
      </c>
      <c r="BE15" s="195">
        <v>1067</v>
      </c>
      <c r="BF15" s="190">
        <v>0</v>
      </c>
      <c r="BG15" s="191">
        <v>0</v>
      </c>
      <c r="BH15" s="196">
        <v>0</v>
      </c>
      <c r="BI15" s="193">
        <v>0</v>
      </c>
      <c r="BJ15" s="191">
        <v>95</v>
      </c>
      <c r="BK15" s="191">
        <v>84</v>
      </c>
      <c r="BL15" s="191">
        <v>79</v>
      </c>
      <c r="BM15" s="191">
        <v>19</v>
      </c>
      <c r="BN15" s="191">
        <v>3</v>
      </c>
      <c r="BO15" s="196">
        <v>280</v>
      </c>
      <c r="BP15" s="195">
        <v>280</v>
      </c>
      <c r="BQ15" s="190">
        <v>7</v>
      </c>
      <c r="BR15" s="191">
        <v>0</v>
      </c>
      <c r="BS15" s="196">
        <v>7</v>
      </c>
      <c r="BT15" s="193">
        <v>0</v>
      </c>
      <c r="BU15" s="191">
        <v>59</v>
      </c>
      <c r="BV15" s="191">
        <v>53</v>
      </c>
      <c r="BW15" s="191">
        <v>82</v>
      </c>
      <c r="BX15" s="191">
        <v>86</v>
      </c>
      <c r="BY15" s="191">
        <v>9</v>
      </c>
      <c r="BZ15" s="196">
        <v>289</v>
      </c>
      <c r="CA15" s="195">
        <v>296</v>
      </c>
      <c r="CB15" s="190">
        <v>0</v>
      </c>
      <c r="CC15" s="191">
        <v>0</v>
      </c>
      <c r="CD15" s="196">
        <v>0</v>
      </c>
      <c r="CE15" s="193">
        <v>0</v>
      </c>
      <c r="CF15" s="191">
        <v>0</v>
      </c>
      <c r="CG15" s="191">
        <v>13</v>
      </c>
      <c r="CH15" s="191">
        <v>0</v>
      </c>
      <c r="CI15" s="191">
        <v>6</v>
      </c>
      <c r="CJ15" s="191">
        <v>13</v>
      </c>
      <c r="CK15" s="196">
        <v>32</v>
      </c>
      <c r="CL15" s="195">
        <v>32</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6">
        <v>0</v>
      </c>
      <c r="E16" s="207">
        <v>0</v>
      </c>
      <c r="F16" s="193">
        <v>0</v>
      </c>
      <c r="G16" s="191">
        <v>244</v>
      </c>
      <c r="H16" s="191">
        <v>470</v>
      </c>
      <c r="I16" s="191">
        <v>342</v>
      </c>
      <c r="J16" s="191">
        <v>383</v>
      </c>
      <c r="K16" s="191">
        <v>902</v>
      </c>
      <c r="L16" s="194">
        <v>2341</v>
      </c>
      <c r="M16" s="195">
        <v>2341</v>
      </c>
      <c r="N16" s="190">
        <v>0</v>
      </c>
      <c r="O16" s="191">
        <v>0</v>
      </c>
      <c r="P16" s="196">
        <v>0</v>
      </c>
      <c r="Q16" s="193">
        <v>0</v>
      </c>
      <c r="R16" s="191">
        <v>0</v>
      </c>
      <c r="S16" s="191">
        <v>5</v>
      </c>
      <c r="T16" s="191">
        <v>0</v>
      </c>
      <c r="U16" s="191">
        <v>4</v>
      </c>
      <c r="V16" s="191">
        <v>23</v>
      </c>
      <c r="W16" s="196">
        <v>32</v>
      </c>
      <c r="X16" s="195">
        <v>32</v>
      </c>
      <c r="Y16" s="190">
        <v>18</v>
      </c>
      <c r="Z16" s="191">
        <v>42</v>
      </c>
      <c r="AA16" s="196">
        <v>60</v>
      </c>
      <c r="AB16" s="193">
        <v>0</v>
      </c>
      <c r="AC16" s="191">
        <v>139</v>
      </c>
      <c r="AD16" s="191">
        <v>361</v>
      </c>
      <c r="AE16" s="191">
        <v>119</v>
      </c>
      <c r="AF16" s="191">
        <v>49</v>
      </c>
      <c r="AG16" s="191">
        <v>90</v>
      </c>
      <c r="AH16" s="196">
        <v>758</v>
      </c>
      <c r="AI16" s="195">
        <v>818</v>
      </c>
      <c r="AJ16" s="190">
        <v>0</v>
      </c>
      <c r="AK16" s="191">
        <v>0</v>
      </c>
      <c r="AL16" s="196">
        <v>0</v>
      </c>
      <c r="AM16" s="193">
        <v>0</v>
      </c>
      <c r="AN16" s="191">
        <v>18</v>
      </c>
      <c r="AO16" s="191">
        <v>45</v>
      </c>
      <c r="AP16" s="191">
        <v>12</v>
      </c>
      <c r="AQ16" s="191">
        <v>0</v>
      </c>
      <c r="AR16" s="191">
        <v>47</v>
      </c>
      <c r="AS16" s="196">
        <v>122</v>
      </c>
      <c r="AT16" s="195">
        <v>122</v>
      </c>
      <c r="AU16" s="190">
        <v>0</v>
      </c>
      <c r="AV16" s="191">
        <v>0</v>
      </c>
      <c r="AW16" s="196">
        <v>0</v>
      </c>
      <c r="AX16" s="193">
        <v>0</v>
      </c>
      <c r="AY16" s="191">
        <v>108</v>
      </c>
      <c r="AZ16" s="191">
        <v>75</v>
      </c>
      <c r="BA16" s="191">
        <v>42</v>
      </c>
      <c r="BB16" s="191">
        <v>29</v>
      </c>
      <c r="BC16" s="191">
        <v>9</v>
      </c>
      <c r="BD16" s="194">
        <v>263</v>
      </c>
      <c r="BE16" s="195">
        <v>263</v>
      </c>
      <c r="BF16" s="190">
        <v>0</v>
      </c>
      <c r="BG16" s="191">
        <v>0</v>
      </c>
      <c r="BH16" s="196">
        <v>0</v>
      </c>
      <c r="BI16" s="193">
        <v>0</v>
      </c>
      <c r="BJ16" s="191">
        <v>18</v>
      </c>
      <c r="BK16" s="191">
        <v>12</v>
      </c>
      <c r="BL16" s="191">
        <v>16</v>
      </c>
      <c r="BM16" s="191">
        <v>35</v>
      </c>
      <c r="BN16" s="191">
        <v>0</v>
      </c>
      <c r="BO16" s="196">
        <v>81</v>
      </c>
      <c r="BP16" s="195">
        <v>81</v>
      </c>
      <c r="BQ16" s="190">
        <v>0</v>
      </c>
      <c r="BR16" s="191">
        <v>0</v>
      </c>
      <c r="BS16" s="196">
        <v>0</v>
      </c>
      <c r="BT16" s="193">
        <v>0</v>
      </c>
      <c r="BU16" s="191">
        <v>0</v>
      </c>
      <c r="BV16" s="191">
        <v>26</v>
      </c>
      <c r="BW16" s="191">
        <v>7</v>
      </c>
      <c r="BX16" s="191">
        <v>0</v>
      </c>
      <c r="BY16" s="191">
        <v>0</v>
      </c>
      <c r="BZ16" s="196">
        <v>33</v>
      </c>
      <c r="CA16" s="195">
        <v>33</v>
      </c>
      <c r="CB16" s="190">
        <v>0</v>
      </c>
      <c r="CC16" s="191">
        <v>0</v>
      </c>
      <c r="CD16" s="196">
        <v>0</v>
      </c>
      <c r="CE16" s="193">
        <v>0</v>
      </c>
      <c r="CF16" s="191">
        <v>0</v>
      </c>
      <c r="CG16" s="191">
        <v>8</v>
      </c>
      <c r="CH16" s="191">
        <v>7</v>
      </c>
      <c r="CI16" s="191">
        <v>10</v>
      </c>
      <c r="CJ16" s="191">
        <v>0</v>
      </c>
      <c r="CK16" s="196">
        <v>25</v>
      </c>
      <c r="CL16" s="195">
        <v>25</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6">
        <v>0</v>
      </c>
      <c r="E17" s="207">
        <v>0</v>
      </c>
      <c r="F17" s="193">
        <v>0</v>
      </c>
      <c r="G17" s="191">
        <v>46</v>
      </c>
      <c r="H17" s="191">
        <v>23</v>
      </c>
      <c r="I17" s="191">
        <v>0</v>
      </c>
      <c r="J17" s="191">
        <v>2</v>
      </c>
      <c r="K17" s="191">
        <v>0</v>
      </c>
      <c r="L17" s="194">
        <v>71</v>
      </c>
      <c r="M17" s="195">
        <v>71</v>
      </c>
      <c r="N17" s="190">
        <v>0</v>
      </c>
      <c r="O17" s="191">
        <v>0</v>
      </c>
      <c r="P17" s="196">
        <v>0</v>
      </c>
      <c r="Q17" s="193">
        <v>0</v>
      </c>
      <c r="R17" s="191">
        <v>0</v>
      </c>
      <c r="S17" s="191">
        <v>3</v>
      </c>
      <c r="T17" s="191">
        <v>1</v>
      </c>
      <c r="U17" s="191">
        <v>0</v>
      </c>
      <c r="V17" s="191">
        <v>4</v>
      </c>
      <c r="W17" s="196">
        <v>8</v>
      </c>
      <c r="X17" s="195">
        <v>8</v>
      </c>
      <c r="Y17" s="190">
        <v>0</v>
      </c>
      <c r="Z17" s="191">
        <v>16</v>
      </c>
      <c r="AA17" s="196">
        <v>16</v>
      </c>
      <c r="AB17" s="193">
        <v>0</v>
      </c>
      <c r="AC17" s="191">
        <v>20</v>
      </c>
      <c r="AD17" s="191">
        <v>72</v>
      </c>
      <c r="AE17" s="191">
        <v>2</v>
      </c>
      <c r="AF17" s="191">
        <v>14</v>
      </c>
      <c r="AG17" s="191">
        <v>30</v>
      </c>
      <c r="AH17" s="196">
        <v>138</v>
      </c>
      <c r="AI17" s="195">
        <v>154</v>
      </c>
      <c r="AJ17" s="190">
        <v>0</v>
      </c>
      <c r="AK17" s="191">
        <v>0</v>
      </c>
      <c r="AL17" s="196">
        <v>0</v>
      </c>
      <c r="AM17" s="193">
        <v>0</v>
      </c>
      <c r="AN17" s="191">
        <v>0</v>
      </c>
      <c r="AO17" s="191">
        <v>15</v>
      </c>
      <c r="AP17" s="191">
        <v>0</v>
      </c>
      <c r="AQ17" s="191">
        <v>10</v>
      </c>
      <c r="AR17" s="191">
        <v>15</v>
      </c>
      <c r="AS17" s="196">
        <v>40</v>
      </c>
      <c r="AT17" s="195">
        <v>40</v>
      </c>
      <c r="AU17" s="190">
        <v>0</v>
      </c>
      <c r="AV17" s="191">
        <v>0</v>
      </c>
      <c r="AW17" s="196">
        <v>0</v>
      </c>
      <c r="AX17" s="193">
        <v>0</v>
      </c>
      <c r="AY17" s="191">
        <v>12</v>
      </c>
      <c r="AZ17" s="191">
        <v>10</v>
      </c>
      <c r="BA17" s="191">
        <v>0</v>
      </c>
      <c r="BB17" s="191">
        <v>4</v>
      </c>
      <c r="BC17" s="191">
        <v>0</v>
      </c>
      <c r="BD17" s="194">
        <v>26</v>
      </c>
      <c r="BE17" s="195">
        <v>26</v>
      </c>
      <c r="BF17" s="190">
        <v>0</v>
      </c>
      <c r="BG17" s="191">
        <v>0</v>
      </c>
      <c r="BH17" s="196">
        <v>0</v>
      </c>
      <c r="BI17" s="193">
        <v>0</v>
      </c>
      <c r="BJ17" s="191">
        <v>0</v>
      </c>
      <c r="BK17" s="191">
        <v>15</v>
      </c>
      <c r="BL17" s="191">
        <v>17</v>
      </c>
      <c r="BM17" s="191">
        <v>8</v>
      </c>
      <c r="BN17" s="191">
        <v>9</v>
      </c>
      <c r="BO17" s="196">
        <v>49</v>
      </c>
      <c r="BP17" s="195">
        <v>49</v>
      </c>
      <c r="BQ17" s="190">
        <v>0</v>
      </c>
      <c r="BR17" s="191">
        <v>0</v>
      </c>
      <c r="BS17" s="196">
        <v>0</v>
      </c>
      <c r="BT17" s="193">
        <v>0</v>
      </c>
      <c r="BU17" s="191">
        <v>17</v>
      </c>
      <c r="BV17" s="191">
        <v>6</v>
      </c>
      <c r="BW17" s="191">
        <v>0</v>
      </c>
      <c r="BX17" s="191">
        <v>3</v>
      </c>
      <c r="BY17" s="191">
        <v>4</v>
      </c>
      <c r="BZ17" s="196">
        <v>30</v>
      </c>
      <c r="CA17" s="195">
        <v>30</v>
      </c>
      <c r="CB17" s="190">
        <v>0</v>
      </c>
      <c r="CC17" s="191">
        <v>0</v>
      </c>
      <c r="CD17" s="196">
        <v>0</v>
      </c>
      <c r="CE17" s="193">
        <v>0</v>
      </c>
      <c r="CF17" s="191">
        <v>0</v>
      </c>
      <c r="CG17" s="191">
        <v>13</v>
      </c>
      <c r="CH17" s="191">
        <v>21</v>
      </c>
      <c r="CI17" s="191">
        <v>0</v>
      </c>
      <c r="CJ17" s="191">
        <v>0</v>
      </c>
      <c r="CK17" s="196">
        <v>34</v>
      </c>
      <c r="CL17" s="195">
        <v>34</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6">
        <v>0</v>
      </c>
      <c r="E18" s="207">
        <v>0</v>
      </c>
      <c r="F18" s="193">
        <v>0</v>
      </c>
      <c r="G18" s="191">
        <v>20</v>
      </c>
      <c r="H18" s="191">
        <v>437</v>
      </c>
      <c r="I18" s="191">
        <v>134</v>
      </c>
      <c r="J18" s="191">
        <v>224</v>
      </c>
      <c r="K18" s="191">
        <v>64</v>
      </c>
      <c r="L18" s="194">
        <v>879</v>
      </c>
      <c r="M18" s="195">
        <v>879</v>
      </c>
      <c r="N18" s="190">
        <v>0</v>
      </c>
      <c r="O18" s="191">
        <v>0</v>
      </c>
      <c r="P18" s="196">
        <v>0</v>
      </c>
      <c r="Q18" s="193">
        <v>0</v>
      </c>
      <c r="R18" s="191">
        <v>0</v>
      </c>
      <c r="S18" s="191">
        <v>0</v>
      </c>
      <c r="T18" s="191">
        <v>0</v>
      </c>
      <c r="U18" s="191">
        <v>9</v>
      </c>
      <c r="V18" s="191">
        <v>7</v>
      </c>
      <c r="W18" s="196">
        <v>16</v>
      </c>
      <c r="X18" s="195">
        <v>16</v>
      </c>
      <c r="Y18" s="190">
        <v>9</v>
      </c>
      <c r="Z18" s="191">
        <v>29</v>
      </c>
      <c r="AA18" s="196">
        <v>38</v>
      </c>
      <c r="AB18" s="193">
        <v>0</v>
      </c>
      <c r="AC18" s="191">
        <v>112</v>
      </c>
      <c r="AD18" s="191">
        <v>147</v>
      </c>
      <c r="AE18" s="191">
        <v>88</v>
      </c>
      <c r="AF18" s="191">
        <v>114</v>
      </c>
      <c r="AG18" s="191">
        <v>33</v>
      </c>
      <c r="AH18" s="196">
        <v>494</v>
      </c>
      <c r="AI18" s="195">
        <v>532</v>
      </c>
      <c r="AJ18" s="190">
        <v>15</v>
      </c>
      <c r="AK18" s="191">
        <v>0</v>
      </c>
      <c r="AL18" s="196">
        <v>15</v>
      </c>
      <c r="AM18" s="193">
        <v>0</v>
      </c>
      <c r="AN18" s="191">
        <v>0</v>
      </c>
      <c r="AO18" s="191">
        <v>0</v>
      </c>
      <c r="AP18" s="191">
        <v>0</v>
      </c>
      <c r="AQ18" s="191">
        <v>9</v>
      </c>
      <c r="AR18" s="191">
        <v>41</v>
      </c>
      <c r="AS18" s="196">
        <v>50</v>
      </c>
      <c r="AT18" s="195">
        <v>65</v>
      </c>
      <c r="AU18" s="190">
        <v>0</v>
      </c>
      <c r="AV18" s="191">
        <v>0</v>
      </c>
      <c r="AW18" s="196">
        <v>0</v>
      </c>
      <c r="AX18" s="193">
        <v>0</v>
      </c>
      <c r="AY18" s="191">
        <v>186</v>
      </c>
      <c r="AZ18" s="191">
        <v>213</v>
      </c>
      <c r="BA18" s="191">
        <v>56</v>
      </c>
      <c r="BB18" s="191">
        <v>76</v>
      </c>
      <c r="BC18" s="191">
        <v>11</v>
      </c>
      <c r="BD18" s="194">
        <v>542</v>
      </c>
      <c r="BE18" s="195">
        <v>542</v>
      </c>
      <c r="BF18" s="190">
        <v>0</v>
      </c>
      <c r="BG18" s="191">
        <v>0</v>
      </c>
      <c r="BH18" s="196">
        <v>0</v>
      </c>
      <c r="BI18" s="193">
        <v>0</v>
      </c>
      <c r="BJ18" s="191">
        <v>80</v>
      </c>
      <c r="BK18" s="191">
        <v>107</v>
      </c>
      <c r="BL18" s="191">
        <v>60</v>
      </c>
      <c r="BM18" s="191">
        <v>9</v>
      </c>
      <c r="BN18" s="191">
        <v>10</v>
      </c>
      <c r="BO18" s="196">
        <v>266</v>
      </c>
      <c r="BP18" s="195">
        <v>266</v>
      </c>
      <c r="BQ18" s="190">
        <v>0</v>
      </c>
      <c r="BR18" s="191">
        <v>4</v>
      </c>
      <c r="BS18" s="196">
        <v>4</v>
      </c>
      <c r="BT18" s="193">
        <v>0</v>
      </c>
      <c r="BU18" s="191">
        <v>6</v>
      </c>
      <c r="BV18" s="191">
        <v>46</v>
      </c>
      <c r="BW18" s="191">
        <v>2</v>
      </c>
      <c r="BX18" s="191">
        <v>17</v>
      </c>
      <c r="BY18" s="191">
        <v>25</v>
      </c>
      <c r="BZ18" s="196">
        <v>96</v>
      </c>
      <c r="CA18" s="195">
        <v>100</v>
      </c>
      <c r="CB18" s="190">
        <v>0</v>
      </c>
      <c r="CC18" s="191">
        <v>0</v>
      </c>
      <c r="CD18" s="196">
        <v>0</v>
      </c>
      <c r="CE18" s="193">
        <v>0</v>
      </c>
      <c r="CF18" s="191">
        <v>0</v>
      </c>
      <c r="CG18" s="191">
        <v>3</v>
      </c>
      <c r="CH18" s="191">
        <v>0</v>
      </c>
      <c r="CI18" s="191">
        <v>0</v>
      </c>
      <c r="CJ18" s="191">
        <v>0</v>
      </c>
      <c r="CK18" s="196">
        <v>3</v>
      </c>
      <c r="CL18" s="195">
        <v>3</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6">
        <v>0</v>
      </c>
      <c r="E19" s="207">
        <v>0</v>
      </c>
      <c r="F19" s="193">
        <v>0</v>
      </c>
      <c r="G19" s="191">
        <v>87</v>
      </c>
      <c r="H19" s="191">
        <v>602</v>
      </c>
      <c r="I19" s="191">
        <v>666</v>
      </c>
      <c r="J19" s="191">
        <v>342</v>
      </c>
      <c r="K19" s="191">
        <v>145</v>
      </c>
      <c r="L19" s="194">
        <v>1842</v>
      </c>
      <c r="M19" s="195">
        <v>1842</v>
      </c>
      <c r="N19" s="190">
        <v>0</v>
      </c>
      <c r="O19" s="191">
        <v>0</v>
      </c>
      <c r="P19" s="196">
        <v>0</v>
      </c>
      <c r="Q19" s="193">
        <v>0</v>
      </c>
      <c r="R19" s="191">
        <v>0</v>
      </c>
      <c r="S19" s="191">
        <v>0</v>
      </c>
      <c r="T19" s="191">
        <v>3</v>
      </c>
      <c r="U19" s="191">
        <v>24</v>
      </c>
      <c r="V19" s="191">
        <v>23</v>
      </c>
      <c r="W19" s="196">
        <v>50</v>
      </c>
      <c r="X19" s="195">
        <v>50</v>
      </c>
      <c r="Y19" s="190">
        <v>21</v>
      </c>
      <c r="Z19" s="191">
        <v>62</v>
      </c>
      <c r="AA19" s="196">
        <v>83</v>
      </c>
      <c r="AB19" s="193">
        <v>0</v>
      </c>
      <c r="AC19" s="191">
        <v>57</v>
      </c>
      <c r="AD19" s="191">
        <v>322</v>
      </c>
      <c r="AE19" s="191">
        <v>192</v>
      </c>
      <c r="AF19" s="191">
        <v>126</v>
      </c>
      <c r="AG19" s="191">
        <v>31</v>
      </c>
      <c r="AH19" s="196">
        <v>728</v>
      </c>
      <c r="AI19" s="195">
        <v>811</v>
      </c>
      <c r="AJ19" s="190">
        <v>17</v>
      </c>
      <c r="AK19" s="191">
        <v>0</v>
      </c>
      <c r="AL19" s="196">
        <v>17</v>
      </c>
      <c r="AM19" s="193">
        <v>0</v>
      </c>
      <c r="AN19" s="191">
        <v>33</v>
      </c>
      <c r="AO19" s="191">
        <v>63</v>
      </c>
      <c r="AP19" s="191">
        <v>89</v>
      </c>
      <c r="AQ19" s="191">
        <v>14</v>
      </c>
      <c r="AR19" s="191">
        <v>0</v>
      </c>
      <c r="AS19" s="196">
        <v>199</v>
      </c>
      <c r="AT19" s="195">
        <v>216</v>
      </c>
      <c r="AU19" s="190">
        <v>0</v>
      </c>
      <c r="AV19" s="191">
        <v>0</v>
      </c>
      <c r="AW19" s="196">
        <v>0</v>
      </c>
      <c r="AX19" s="193">
        <v>0</v>
      </c>
      <c r="AY19" s="191">
        <v>109</v>
      </c>
      <c r="AZ19" s="191">
        <v>297</v>
      </c>
      <c r="BA19" s="191">
        <v>130</v>
      </c>
      <c r="BB19" s="191">
        <v>86</v>
      </c>
      <c r="BC19" s="191">
        <v>12</v>
      </c>
      <c r="BD19" s="194">
        <v>634</v>
      </c>
      <c r="BE19" s="195">
        <v>634</v>
      </c>
      <c r="BF19" s="190">
        <v>0</v>
      </c>
      <c r="BG19" s="191">
        <v>0</v>
      </c>
      <c r="BH19" s="196">
        <v>0</v>
      </c>
      <c r="BI19" s="193">
        <v>0</v>
      </c>
      <c r="BJ19" s="191">
        <v>52</v>
      </c>
      <c r="BK19" s="191">
        <v>87</v>
      </c>
      <c r="BL19" s="191">
        <v>96</v>
      </c>
      <c r="BM19" s="191">
        <v>43</v>
      </c>
      <c r="BN19" s="191">
        <v>2</v>
      </c>
      <c r="BO19" s="196">
        <v>280</v>
      </c>
      <c r="BP19" s="195">
        <v>280</v>
      </c>
      <c r="BQ19" s="190">
        <v>0</v>
      </c>
      <c r="BR19" s="191">
        <v>3</v>
      </c>
      <c r="BS19" s="196">
        <v>3</v>
      </c>
      <c r="BT19" s="193">
        <v>0</v>
      </c>
      <c r="BU19" s="191">
        <v>3</v>
      </c>
      <c r="BV19" s="191">
        <v>64</v>
      </c>
      <c r="BW19" s="191">
        <v>125</v>
      </c>
      <c r="BX19" s="191">
        <v>84</v>
      </c>
      <c r="BY19" s="191">
        <v>0</v>
      </c>
      <c r="BZ19" s="196">
        <v>276</v>
      </c>
      <c r="CA19" s="195">
        <v>279</v>
      </c>
      <c r="CB19" s="190">
        <v>0</v>
      </c>
      <c r="CC19" s="191">
        <v>0</v>
      </c>
      <c r="CD19" s="196">
        <v>0</v>
      </c>
      <c r="CE19" s="193">
        <v>0</v>
      </c>
      <c r="CF19" s="191">
        <v>8</v>
      </c>
      <c r="CG19" s="191">
        <v>11</v>
      </c>
      <c r="CH19" s="191">
        <v>7</v>
      </c>
      <c r="CI19" s="191">
        <v>27</v>
      </c>
      <c r="CJ19" s="191">
        <v>0</v>
      </c>
      <c r="CK19" s="196">
        <v>53</v>
      </c>
      <c r="CL19" s="195">
        <v>53</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6">
        <v>0</v>
      </c>
      <c r="E20" s="207">
        <v>0</v>
      </c>
      <c r="F20" s="193">
        <v>0</v>
      </c>
      <c r="G20" s="191">
        <v>354</v>
      </c>
      <c r="H20" s="191">
        <v>452</v>
      </c>
      <c r="I20" s="191">
        <v>760</v>
      </c>
      <c r="J20" s="191">
        <v>517</v>
      </c>
      <c r="K20" s="191">
        <v>913</v>
      </c>
      <c r="L20" s="194">
        <v>2996</v>
      </c>
      <c r="M20" s="195">
        <v>2996</v>
      </c>
      <c r="N20" s="190">
        <v>0</v>
      </c>
      <c r="O20" s="191">
        <v>0</v>
      </c>
      <c r="P20" s="196">
        <v>0</v>
      </c>
      <c r="Q20" s="193">
        <v>0</v>
      </c>
      <c r="R20" s="191">
        <v>0</v>
      </c>
      <c r="S20" s="191">
        <v>0</v>
      </c>
      <c r="T20" s="191">
        <v>4</v>
      </c>
      <c r="U20" s="191">
        <v>9</v>
      </c>
      <c r="V20" s="191">
        <v>5</v>
      </c>
      <c r="W20" s="196">
        <v>18</v>
      </c>
      <c r="X20" s="195">
        <v>18</v>
      </c>
      <c r="Y20" s="190">
        <v>43</v>
      </c>
      <c r="Z20" s="191">
        <v>6</v>
      </c>
      <c r="AA20" s="196">
        <v>49</v>
      </c>
      <c r="AB20" s="193">
        <v>0</v>
      </c>
      <c r="AC20" s="191">
        <v>329</v>
      </c>
      <c r="AD20" s="191">
        <v>256</v>
      </c>
      <c r="AE20" s="191">
        <v>176</v>
      </c>
      <c r="AF20" s="191">
        <v>179</v>
      </c>
      <c r="AG20" s="191">
        <v>61</v>
      </c>
      <c r="AH20" s="196">
        <v>1001</v>
      </c>
      <c r="AI20" s="195">
        <v>1050</v>
      </c>
      <c r="AJ20" s="190">
        <v>12</v>
      </c>
      <c r="AK20" s="191">
        <v>10</v>
      </c>
      <c r="AL20" s="196">
        <v>22</v>
      </c>
      <c r="AM20" s="193">
        <v>0</v>
      </c>
      <c r="AN20" s="191">
        <v>21</v>
      </c>
      <c r="AO20" s="191">
        <v>68</v>
      </c>
      <c r="AP20" s="191">
        <v>27</v>
      </c>
      <c r="AQ20" s="191">
        <v>27</v>
      </c>
      <c r="AR20" s="191">
        <v>10</v>
      </c>
      <c r="AS20" s="196">
        <v>153</v>
      </c>
      <c r="AT20" s="195">
        <v>175</v>
      </c>
      <c r="AU20" s="190">
        <v>0</v>
      </c>
      <c r="AV20" s="191">
        <v>0</v>
      </c>
      <c r="AW20" s="196">
        <v>0</v>
      </c>
      <c r="AX20" s="193">
        <v>0</v>
      </c>
      <c r="AY20" s="191">
        <v>320</v>
      </c>
      <c r="AZ20" s="191">
        <v>361</v>
      </c>
      <c r="BA20" s="191">
        <v>257</v>
      </c>
      <c r="BB20" s="191">
        <v>123</v>
      </c>
      <c r="BC20" s="191">
        <v>60</v>
      </c>
      <c r="BD20" s="194">
        <v>1121</v>
      </c>
      <c r="BE20" s="195">
        <v>1121</v>
      </c>
      <c r="BF20" s="190">
        <v>0</v>
      </c>
      <c r="BG20" s="191">
        <v>0</v>
      </c>
      <c r="BH20" s="196">
        <v>0</v>
      </c>
      <c r="BI20" s="193">
        <v>0</v>
      </c>
      <c r="BJ20" s="191">
        <v>130</v>
      </c>
      <c r="BK20" s="191">
        <v>97</v>
      </c>
      <c r="BL20" s="191">
        <v>55</v>
      </c>
      <c r="BM20" s="191">
        <v>102</v>
      </c>
      <c r="BN20" s="191">
        <v>11</v>
      </c>
      <c r="BO20" s="196">
        <v>395</v>
      </c>
      <c r="BP20" s="195">
        <v>395</v>
      </c>
      <c r="BQ20" s="190">
        <v>0</v>
      </c>
      <c r="BR20" s="191">
        <v>23</v>
      </c>
      <c r="BS20" s="196">
        <v>23</v>
      </c>
      <c r="BT20" s="193">
        <v>0</v>
      </c>
      <c r="BU20" s="191">
        <v>19</v>
      </c>
      <c r="BV20" s="191">
        <v>90</v>
      </c>
      <c r="BW20" s="191">
        <v>141</v>
      </c>
      <c r="BX20" s="191">
        <v>85</v>
      </c>
      <c r="BY20" s="191">
        <v>90</v>
      </c>
      <c r="BZ20" s="196">
        <v>425</v>
      </c>
      <c r="CA20" s="195">
        <v>448</v>
      </c>
      <c r="CB20" s="190">
        <v>0</v>
      </c>
      <c r="CC20" s="191">
        <v>0</v>
      </c>
      <c r="CD20" s="196">
        <v>0</v>
      </c>
      <c r="CE20" s="193">
        <v>0</v>
      </c>
      <c r="CF20" s="191">
        <v>0</v>
      </c>
      <c r="CG20" s="191">
        <v>3</v>
      </c>
      <c r="CH20" s="191">
        <v>0</v>
      </c>
      <c r="CI20" s="191">
        <v>0</v>
      </c>
      <c r="CJ20" s="191">
        <v>0</v>
      </c>
      <c r="CK20" s="196">
        <v>3</v>
      </c>
      <c r="CL20" s="195">
        <v>3</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6">
        <v>0</v>
      </c>
      <c r="E21" s="207">
        <v>0</v>
      </c>
      <c r="F21" s="193">
        <v>0</v>
      </c>
      <c r="G21" s="191">
        <v>60</v>
      </c>
      <c r="H21" s="191">
        <v>167</v>
      </c>
      <c r="I21" s="191">
        <v>151</v>
      </c>
      <c r="J21" s="191">
        <v>147</v>
      </c>
      <c r="K21" s="191">
        <v>121</v>
      </c>
      <c r="L21" s="194">
        <v>646</v>
      </c>
      <c r="M21" s="195">
        <v>646</v>
      </c>
      <c r="N21" s="190">
        <v>0</v>
      </c>
      <c r="O21" s="191">
        <v>0</v>
      </c>
      <c r="P21" s="196">
        <v>0</v>
      </c>
      <c r="Q21" s="193">
        <v>0</v>
      </c>
      <c r="R21" s="191">
        <v>0</v>
      </c>
      <c r="S21" s="191">
        <v>0</v>
      </c>
      <c r="T21" s="191">
        <v>2</v>
      </c>
      <c r="U21" s="191">
        <v>7</v>
      </c>
      <c r="V21" s="191">
        <v>0</v>
      </c>
      <c r="W21" s="196">
        <v>9</v>
      </c>
      <c r="X21" s="195">
        <v>9</v>
      </c>
      <c r="Y21" s="190">
        <v>6</v>
      </c>
      <c r="Z21" s="191">
        <v>27</v>
      </c>
      <c r="AA21" s="196">
        <v>33</v>
      </c>
      <c r="AB21" s="193">
        <v>0</v>
      </c>
      <c r="AC21" s="191">
        <v>168</v>
      </c>
      <c r="AD21" s="191">
        <v>65</v>
      </c>
      <c r="AE21" s="191">
        <v>64</v>
      </c>
      <c r="AF21" s="191">
        <v>90</v>
      </c>
      <c r="AG21" s="191">
        <v>31</v>
      </c>
      <c r="AH21" s="196">
        <v>418</v>
      </c>
      <c r="AI21" s="195">
        <v>451</v>
      </c>
      <c r="AJ21" s="190">
        <v>6</v>
      </c>
      <c r="AK21" s="191">
        <v>0</v>
      </c>
      <c r="AL21" s="196">
        <v>6</v>
      </c>
      <c r="AM21" s="193">
        <v>0</v>
      </c>
      <c r="AN21" s="191">
        <v>48</v>
      </c>
      <c r="AO21" s="191">
        <v>8</v>
      </c>
      <c r="AP21" s="191">
        <v>30</v>
      </c>
      <c r="AQ21" s="191">
        <v>27</v>
      </c>
      <c r="AR21" s="191">
        <v>0</v>
      </c>
      <c r="AS21" s="196">
        <v>113</v>
      </c>
      <c r="AT21" s="195">
        <v>119</v>
      </c>
      <c r="AU21" s="190">
        <v>0</v>
      </c>
      <c r="AV21" s="191">
        <v>0</v>
      </c>
      <c r="AW21" s="196">
        <v>0</v>
      </c>
      <c r="AX21" s="193">
        <v>0</v>
      </c>
      <c r="AY21" s="191">
        <v>118</v>
      </c>
      <c r="AZ21" s="191">
        <v>99</v>
      </c>
      <c r="BA21" s="191">
        <v>17</v>
      </c>
      <c r="BB21" s="191">
        <v>11</v>
      </c>
      <c r="BC21" s="191">
        <v>24</v>
      </c>
      <c r="BD21" s="194">
        <v>269</v>
      </c>
      <c r="BE21" s="195">
        <v>269</v>
      </c>
      <c r="BF21" s="190">
        <v>0</v>
      </c>
      <c r="BG21" s="191">
        <v>0</v>
      </c>
      <c r="BH21" s="196">
        <v>0</v>
      </c>
      <c r="BI21" s="193">
        <v>0</v>
      </c>
      <c r="BJ21" s="191">
        <v>90</v>
      </c>
      <c r="BK21" s="191">
        <v>52</v>
      </c>
      <c r="BL21" s="191">
        <v>24</v>
      </c>
      <c r="BM21" s="191">
        <v>31</v>
      </c>
      <c r="BN21" s="191">
        <v>3</v>
      </c>
      <c r="BO21" s="196">
        <v>200</v>
      </c>
      <c r="BP21" s="195">
        <v>200</v>
      </c>
      <c r="BQ21" s="190">
        <v>0</v>
      </c>
      <c r="BR21" s="191">
        <v>0</v>
      </c>
      <c r="BS21" s="196">
        <v>0</v>
      </c>
      <c r="BT21" s="193">
        <v>0</v>
      </c>
      <c r="BU21" s="191">
        <v>10</v>
      </c>
      <c r="BV21" s="191">
        <v>0</v>
      </c>
      <c r="BW21" s="191">
        <v>10</v>
      </c>
      <c r="BX21" s="191">
        <v>2</v>
      </c>
      <c r="BY21" s="191">
        <v>0</v>
      </c>
      <c r="BZ21" s="196">
        <v>22</v>
      </c>
      <c r="CA21" s="195">
        <v>22</v>
      </c>
      <c r="CB21" s="190">
        <v>0</v>
      </c>
      <c r="CC21" s="191">
        <v>0</v>
      </c>
      <c r="CD21" s="196">
        <v>0</v>
      </c>
      <c r="CE21" s="193">
        <v>0</v>
      </c>
      <c r="CF21" s="191">
        <v>8</v>
      </c>
      <c r="CG21" s="191">
        <v>0</v>
      </c>
      <c r="CH21" s="191">
        <v>0</v>
      </c>
      <c r="CI21" s="191">
        <v>21</v>
      </c>
      <c r="CJ21" s="191">
        <v>0</v>
      </c>
      <c r="CK21" s="196">
        <v>29</v>
      </c>
      <c r="CL21" s="195">
        <v>29</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6">
        <v>0</v>
      </c>
      <c r="E22" s="207">
        <v>0</v>
      </c>
      <c r="F22" s="193">
        <v>0</v>
      </c>
      <c r="G22" s="191">
        <v>216</v>
      </c>
      <c r="H22" s="191">
        <v>198</v>
      </c>
      <c r="I22" s="191">
        <v>255</v>
      </c>
      <c r="J22" s="191">
        <v>597</v>
      </c>
      <c r="K22" s="191">
        <v>277</v>
      </c>
      <c r="L22" s="194">
        <v>1543</v>
      </c>
      <c r="M22" s="195">
        <v>1543</v>
      </c>
      <c r="N22" s="190">
        <v>0</v>
      </c>
      <c r="O22" s="191">
        <v>0</v>
      </c>
      <c r="P22" s="196">
        <v>0</v>
      </c>
      <c r="Q22" s="193">
        <v>0</v>
      </c>
      <c r="R22" s="191">
        <v>0</v>
      </c>
      <c r="S22" s="191">
        <v>1</v>
      </c>
      <c r="T22" s="191">
        <v>4</v>
      </c>
      <c r="U22" s="191">
        <v>6</v>
      </c>
      <c r="V22" s="191">
        <v>18</v>
      </c>
      <c r="W22" s="196">
        <v>29</v>
      </c>
      <c r="X22" s="195">
        <v>29</v>
      </c>
      <c r="Y22" s="190">
        <v>25</v>
      </c>
      <c r="Z22" s="191">
        <v>24</v>
      </c>
      <c r="AA22" s="196">
        <v>49</v>
      </c>
      <c r="AB22" s="193">
        <v>0</v>
      </c>
      <c r="AC22" s="191">
        <v>173</v>
      </c>
      <c r="AD22" s="191">
        <v>170</v>
      </c>
      <c r="AE22" s="191">
        <v>146</v>
      </c>
      <c r="AF22" s="191">
        <v>102</v>
      </c>
      <c r="AG22" s="191">
        <v>4</v>
      </c>
      <c r="AH22" s="196">
        <v>595</v>
      </c>
      <c r="AI22" s="195">
        <v>644</v>
      </c>
      <c r="AJ22" s="190">
        <v>0</v>
      </c>
      <c r="AK22" s="191">
        <v>65</v>
      </c>
      <c r="AL22" s="196">
        <v>65</v>
      </c>
      <c r="AM22" s="193">
        <v>0</v>
      </c>
      <c r="AN22" s="191">
        <v>60</v>
      </c>
      <c r="AO22" s="191">
        <v>32</v>
      </c>
      <c r="AP22" s="191">
        <v>36</v>
      </c>
      <c r="AQ22" s="191">
        <v>0</v>
      </c>
      <c r="AR22" s="191">
        <v>15</v>
      </c>
      <c r="AS22" s="196">
        <v>143</v>
      </c>
      <c r="AT22" s="195">
        <v>208</v>
      </c>
      <c r="AU22" s="190">
        <v>0</v>
      </c>
      <c r="AV22" s="191">
        <v>0</v>
      </c>
      <c r="AW22" s="196">
        <v>0</v>
      </c>
      <c r="AX22" s="193">
        <v>0</v>
      </c>
      <c r="AY22" s="191">
        <v>140</v>
      </c>
      <c r="AZ22" s="191">
        <v>135</v>
      </c>
      <c r="BA22" s="191">
        <v>149</v>
      </c>
      <c r="BB22" s="191">
        <v>58</v>
      </c>
      <c r="BC22" s="191">
        <v>31</v>
      </c>
      <c r="BD22" s="194">
        <v>513</v>
      </c>
      <c r="BE22" s="195">
        <v>513</v>
      </c>
      <c r="BF22" s="190">
        <v>0</v>
      </c>
      <c r="BG22" s="191">
        <v>0</v>
      </c>
      <c r="BH22" s="196">
        <v>0</v>
      </c>
      <c r="BI22" s="193">
        <v>0</v>
      </c>
      <c r="BJ22" s="191">
        <v>43</v>
      </c>
      <c r="BK22" s="191">
        <v>94</v>
      </c>
      <c r="BL22" s="191">
        <v>31</v>
      </c>
      <c r="BM22" s="191">
        <v>18</v>
      </c>
      <c r="BN22" s="191">
        <v>0</v>
      </c>
      <c r="BO22" s="196">
        <v>186</v>
      </c>
      <c r="BP22" s="195">
        <v>186</v>
      </c>
      <c r="BQ22" s="190">
        <v>0</v>
      </c>
      <c r="BR22" s="191">
        <v>3</v>
      </c>
      <c r="BS22" s="196">
        <v>3</v>
      </c>
      <c r="BT22" s="193">
        <v>0</v>
      </c>
      <c r="BU22" s="191">
        <v>16</v>
      </c>
      <c r="BV22" s="191">
        <v>20</v>
      </c>
      <c r="BW22" s="191">
        <v>67</v>
      </c>
      <c r="BX22" s="191">
        <v>24</v>
      </c>
      <c r="BY22" s="191">
        <v>16</v>
      </c>
      <c r="BZ22" s="196">
        <v>143</v>
      </c>
      <c r="CA22" s="195">
        <v>146</v>
      </c>
      <c r="CB22" s="190">
        <v>0</v>
      </c>
      <c r="CC22" s="191">
        <v>0</v>
      </c>
      <c r="CD22" s="196">
        <v>0</v>
      </c>
      <c r="CE22" s="193">
        <v>0</v>
      </c>
      <c r="CF22" s="191">
        <v>4</v>
      </c>
      <c r="CG22" s="191">
        <v>0</v>
      </c>
      <c r="CH22" s="191">
        <v>11</v>
      </c>
      <c r="CI22" s="191">
        <v>0</v>
      </c>
      <c r="CJ22" s="191">
        <v>0</v>
      </c>
      <c r="CK22" s="196">
        <v>15</v>
      </c>
      <c r="CL22" s="195">
        <v>15</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6">
        <v>0</v>
      </c>
      <c r="E23" s="207">
        <v>0</v>
      </c>
      <c r="F23" s="193">
        <v>0</v>
      </c>
      <c r="G23" s="191">
        <v>175</v>
      </c>
      <c r="H23" s="191">
        <v>324</v>
      </c>
      <c r="I23" s="191">
        <v>40</v>
      </c>
      <c r="J23" s="191">
        <v>251</v>
      </c>
      <c r="K23" s="191">
        <v>211</v>
      </c>
      <c r="L23" s="194">
        <v>1001</v>
      </c>
      <c r="M23" s="195">
        <v>1001</v>
      </c>
      <c r="N23" s="190">
        <v>0</v>
      </c>
      <c r="O23" s="191">
        <v>0</v>
      </c>
      <c r="P23" s="196">
        <v>0</v>
      </c>
      <c r="Q23" s="193">
        <v>0</v>
      </c>
      <c r="R23" s="191">
        <v>0</v>
      </c>
      <c r="S23" s="191">
        <v>0</v>
      </c>
      <c r="T23" s="191">
        <v>0</v>
      </c>
      <c r="U23" s="191">
        <v>13</v>
      </c>
      <c r="V23" s="191">
        <v>15</v>
      </c>
      <c r="W23" s="196">
        <v>28</v>
      </c>
      <c r="X23" s="195">
        <v>28</v>
      </c>
      <c r="Y23" s="190">
        <v>11</v>
      </c>
      <c r="Z23" s="191">
        <v>5</v>
      </c>
      <c r="AA23" s="196">
        <v>16</v>
      </c>
      <c r="AB23" s="193">
        <v>0</v>
      </c>
      <c r="AC23" s="191">
        <v>170</v>
      </c>
      <c r="AD23" s="191">
        <v>128</v>
      </c>
      <c r="AE23" s="191">
        <v>64</v>
      </c>
      <c r="AF23" s="191">
        <v>117</v>
      </c>
      <c r="AG23" s="191">
        <v>63</v>
      </c>
      <c r="AH23" s="196">
        <v>542</v>
      </c>
      <c r="AI23" s="195">
        <v>558</v>
      </c>
      <c r="AJ23" s="190">
        <v>14</v>
      </c>
      <c r="AK23" s="191">
        <v>21</v>
      </c>
      <c r="AL23" s="196">
        <v>35</v>
      </c>
      <c r="AM23" s="193">
        <v>0</v>
      </c>
      <c r="AN23" s="191">
        <v>0</v>
      </c>
      <c r="AO23" s="191">
        <v>0</v>
      </c>
      <c r="AP23" s="191">
        <v>38</v>
      </c>
      <c r="AQ23" s="191">
        <v>0</v>
      </c>
      <c r="AR23" s="191">
        <v>17</v>
      </c>
      <c r="AS23" s="196">
        <v>55</v>
      </c>
      <c r="AT23" s="195">
        <v>90</v>
      </c>
      <c r="AU23" s="190">
        <v>0</v>
      </c>
      <c r="AV23" s="191">
        <v>0</v>
      </c>
      <c r="AW23" s="196">
        <v>0</v>
      </c>
      <c r="AX23" s="193">
        <v>0</v>
      </c>
      <c r="AY23" s="191">
        <v>149</v>
      </c>
      <c r="AZ23" s="191">
        <v>89</v>
      </c>
      <c r="BA23" s="191">
        <v>57</v>
      </c>
      <c r="BB23" s="191">
        <v>9</v>
      </c>
      <c r="BC23" s="191">
        <v>27</v>
      </c>
      <c r="BD23" s="194">
        <v>331</v>
      </c>
      <c r="BE23" s="195">
        <v>331</v>
      </c>
      <c r="BF23" s="190">
        <v>0</v>
      </c>
      <c r="BG23" s="191">
        <v>0</v>
      </c>
      <c r="BH23" s="196">
        <v>0</v>
      </c>
      <c r="BI23" s="193">
        <v>0</v>
      </c>
      <c r="BJ23" s="191">
        <v>14</v>
      </c>
      <c r="BK23" s="191">
        <v>28</v>
      </c>
      <c r="BL23" s="191">
        <v>15</v>
      </c>
      <c r="BM23" s="191">
        <v>8</v>
      </c>
      <c r="BN23" s="191">
        <v>20</v>
      </c>
      <c r="BO23" s="196">
        <v>85</v>
      </c>
      <c r="BP23" s="195">
        <v>85</v>
      </c>
      <c r="BQ23" s="190">
        <v>0</v>
      </c>
      <c r="BR23" s="191">
        <v>0</v>
      </c>
      <c r="BS23" s="196">
        <v>0</v>
      </c>
      <c r="BT23" s="193">
        <v>0</v>
      </c>
      <c r="BU23" s="191">
        <v>12</v>
      </c>
      <c r="BV23" s="191">
        <v>37</v>
      </c>
      <c r="BW23" s="191">
        <v>17</v>
      </c>
      <c r="BX23" s="191">
        <v>0</v>
      </c>
      <c r="BY23" s="191">
        <v>32</v>
      </c>
      <c r="BZ23" s="196">
        <v>98</v>
      </c>
      <c r="CA23" s="195">
        <v>98</v>
      </c>
      <c r="CB23" s="190">
        <v>0</v>
      </c>
      <c r="CC23" s="191">
        <v>0</v>
      </c>
      <c r="CD23" s="196">
        <v>0</v>
      </c>
      <c r="CE23" s="193">
        <v>0</v>
      </c>
      <c r="CF23" s="191">
        <v>0</v>
      </c>
      <c r="CG23" s="191">
        <v>0</v>
      </c>
      <c r="CH23" s="191">
        <v>6</v>
      </c>
      <c r="CI23" s="191">
        <v>0</v>
      </c>
      <c r="CJ23" s="191">
        <v>0</v>
      </c>
      <c r="CK23" s="196">
        <v>6</v>
      </c>
      <c r="CL23" s="195">
        <v>6</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6">
        <v>0</v>
      </c>
      <c r="E24" s="207">
        <v>0</v>
      </c>
      <c r="F24" s="193">
        <v>0</v>
      </c>
      <c r="G24" s="191">
        <v>20</v>
      </c>
      <c r="H24" s="191">
        <v>24</v>
      </c>
      <c r="I24" s="191">
        <v>18</v>
      </c>
      <c r="J24" s="191">
        <v>9</v>
      </c>
      <c r="K24" s="191">
        <v>35</v>
      </c>
      <c r="L24" s="194">
        <v>106</v>
      </c>
      <c r="M24" s="195">
        <v>106</v>
      </c>
      <c r="N24" s="190">
        <v>0</v>
      </c>
      <c r="O24" s="191">
        <v>0</v>
      </c>
      <c r="P24" s="196">
        <v>0</v>
      </c>
      <c r="Q24" s="193">
        <v>0</v>
      </c>
      <c r="R24" s="191">
        <v>0</v>
      </c>
      <c r="S24" s="191">
        <v>0</v>
      </c>
      <c r="T24" s="191">
        <v>0</v>
      </c>
      <c r="U24" s="191">
        <v>8</v>
      </c>
      <c r="V24" s="191">
        <v>14</v>
      </c>
      <c r="W24" s="196">
        <v>22</v>
      </c>
      <c r="X24" s="195">
        <v>22</v>
      </c>
      <c r="Y24" s="190">
        <v>0</v>
      </c>
      <c r="Z24" s="191">
        <v>2</v>
      </c>
      <c r="AA24" s="196">
        <v>2</v>
      </c>
      <c r="AB24" s="193">
        <v>0</v>
      </c>
      <c r="AC24" s="191">
        <v>53</v>
      </c>
      <c r="AD24" s="191">
        <v>34</v>
      </c>
      <c r="AE24" s="191">
        <v>5</v>
      </c>
      <c r="AF24" s="191">
        <v>6</v>
      </c>
      <c r="AG24" s="191">
        <v>62</v>
      </c>
      <c r="AH24" s="196">
        <v>160</v>
      </c>
      <c r="AI24" s="195">
        <v>162</v>
      </c>
      <c r="AJ24" s="190">
        <v>0</v>
      </c>
      <c r="AK24" s="191">
        <v>0</v>
      </c>
      <c r="AL24" s="196">
        <v>0</v>
      </c>
      <c r="AM24" s="193">
        <v>0</v>
      </c>
      <c r="AN24" s="191">
        <v>21</v>
      </c>
      <c r="AO24" s="191">
        <v>9</v>
      </c>
      <c r="AP24" s="191">
        <v>0</v>
      </c>
      <c r="AQ24" s="191">
        <v>12</v>
      </c>
      <c r="AR24" s="191">
        <v>0</v>
      </c>
      <c r="AS24" s="196">
        <v>42</v>
      </c>
      <c r="AT24" s="195">
        <v>42</v>
      </c>
      <c r="AU24" s="190">
        <v>0</v>
      </c>
      <c r="AV24" s="191">
        <v>0</v>
      </c>
      <c r="AW24" s="196">
        <v>0</v>
      </c>
      <c r="AX24" s="193">
        <v>0</v>
      </c>
      <c r="AY24" s="191">
        <v>25</v>
      </c>
      <c r="AZ24" s="191">
        <v>42</v>
      </c>
      <c r="BA24" s="191">
        <v>5</v>
      </c>
      <c r="BB24" s="191">
        <v>66</v>
      </c>
      <c r="BC24" s="191">
        <v>10</v>
      </c>
      <c r="BD24" s="194">
        <v>148</v>
      </c>
      <c r="BE24" s="195">
        <v>148</v>
      </c>
      <c r="BF24" s="190">
        <v>0</v>
      </c>
      <c r="BG24" s="191">
        <v>0</v>
      </c>
      <c r="BH24" s="196">
        <v>0</v>
      </c>
      <c r="BI24" s="193">
        <v>0</v>
      </c>
      <c r="BJ24" s="191">
        <v>31</v>
      </c>
      <c r="BK24" s="191">
        <v>23</v>
      </c>
      <c r="BL24" s="191">
        <v>0</v>
      </c>
      <c r="BM24" s="191">
        <v>0</v>
      </c>
      <c r="BN24" s="191">
        <v>0</v>
      </c>
      <c r="BO24" s="196">
        <v>54</v>
      </c>
      <c r="BP24" s="195">
        <v>54</v>
      </c>
      <c r="BQ24" s="190">
        <v>0</v>
      </c>
      <c r="BR24" s="191">
        <v>0</v>
      </c>
      <c r="BS24" s="196">
        <v>0</v>
      </c>
      <c r="BT24" s="193">
        <v>0</v>
      </c>
      <c r="BU24" s="191">
        <v>0</v>
      </c>
      <c r="BV24" s="191">
        <v>20</v>
      </c>
      <c r="BW24" s="191">
        <v>2</v>
      </c>
      <c r="BX24" s="191">
        <v>0</v>
      </c>
      <c r="BY24" s="191">
        <v>0</v>
      </c>
      <c r="BZ24" s="196">
        <v>22</v>
      </c>
      <c r="CA24" s="195">
        <v>22</v>
      </c>
      <c r="CB24" s="190">
        <v>0</v>
      </c>
      <c r="CC24" s="191">
        <v>0</v>
      </c>
      <c r="CD24" s="196">
        <v>0</v>
      </c>
      <c r="CE24" s="193">
        <v>0</v>
      </c>
      <c r="CF24" s="191">
        <v>0</v>
      </c>
      <c r="CG24" s="191">
        <v>0</v>
      </c>
      <c r="CH24" s="191">
        <v>0</v>
      </c>
      <c r="CI24" s="191">
        <v>0</v>
      </c>
      <c r="CJ24" s="191">
        <v>0</v>
      </c>
      <c r="CK24" s="196">
        <v>0</v>
      </c>
      <c r="CL24" s="195">
        <v>0</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6">
        <v>0</v>
      </c>
      <c r="E25" s="207">
        <v>0</v>
      </c>
      <c r="F25" s="193">
        <v>0</v>
      </c>
      <c r="G25" s="191">
        <v>7</v>
      </c>
      <c r="H25" s="191">
        <v>34</v>
      </c>
      <c r="I25" s="191">
        <v>233</v>
      </c>
      <c r="J25" s="191">
        <v>9</v>
      </c>
      <c r="K25" s="191">
        <v>286</v>
      </c>
      <c r="L25" s="194">
        <v>569</v>
      </c>
      <c r="M25" s="195">
        <v>569</v>
      </c>
      <c r="N25" s="190">
        <v>0</v>
      </c>
      <c r="O25" s="191">
        <v>0</v>
      </c>
      <c r="P25" s="196">
        <v>0</v>
      </c>
      <c r="Q25" s="193">
        <v>0</v>
      </c>
      <c r="R25" s="191">
        <v>0</v>
      </c>
      <c r="S25" s="191">
        <v>4</v>
      </c>
      <c r="T25" s="191">
        <v>5</v>
      </c>
      <c r="U25" s="191">
        <v>10</v>
      </c>
      <c r="V25" s="191">
        <v>0</v>
      </c>
      <c r="W25" s="196">
        <v>19</v>
      </c>
      <c r="X25" s="195">
        <v>19</v>
      </c>
      <c r="Y25" s="190">
        <v>28</v>
      </c>
      <c r="Z25" s="191">
        <v>41</v>
      </c>
      <c r="AA25" s="196">
        <v>69</v>
      </c>
      <c r="AB25" s="193">
        <v>0</v>
      </c>
      <c r="AC25" s="191">
        <v>22</v>
      </c>
      <c r="AD25" s="191">
        <v>152</v>
      </c>
      <c r="AE25" s="191">
        <v>88</v>
      </c>
      <c r="AF25" s="191">
        <v>57</v>
      </c>
      <c r="AG25" s="191">
        <v>28</v>
      </c>
      <c r="AH25" s="196">
        <v>347</v>
      </c>
      <c r="AI25" s="195">
        <v>416</v>
      </c>
      <c r="AJ25" s="190">
        <v>0</v>
      </c>
      <c r="AK25" s="191">
        <v>15</v>
      </c>
      <c r="AL25" s="196">
        <v>15</v>
      </c>
      <c r="AM25" s="193">
        <v>0</v>
      </c>
      <c r="AN25" s="191">
        <v>6</v>
      </c>
      <c r="AO25" s="191">
        <v>27</v>
      </c>
      <c r="AP25" s="191">
        <v>0</v>
      </c>
      <c r="AQ25" s="191">
        <v>0</v>
      </c>
      <c r="AR25" s="191">
        <v>0</v>
      </c>
      <c r="AS25" s="196">
        <v>33</v>
      </c>
      <c r="AT25" s="195">
        <v>48</v>
      </c>
      <c r="AU25" s="190">
        <v>0</v>
      </c>
      <c r="AV25" s="191">
        <v>0</v>
      </c>
      <c r="AW25" s="196">
        <v>0</v>
      </c>
      <c r="AX25" s="193">
        <v>0</v>
      </c>
      <c r="AY25" s="191">
        <v>84</v>
      </c>
      <c r="AZ25" s="191">
        <v>101</v>
      </c>
      <c r="BA25" s="191">
        <v>49</v>
      </c>
      <c r="BB25" s="191">
        <v>20</v>
      </c>
      <c r="BC25" s="191">
        <v>25</v>
      </c>
      <c r="BD25" s="194">
        <v>279</v>
      </c>
      <c r="BE25" s="195">
        <v>279</v>
      </c>
      <c r="BF25" s="190">
        <v>0</v>
      </c>
      <c r="BG25" s="191">
        <v>0</v>
      </c>
      <c r="BH25" s="196">
        <v>0</v>
      </c>
      <c r="BI25" s="193">
        <v>0</v>
      </c>
      <c r="BJ25" s="191">
        <v>0</v>
      </c>
      <c r="BK25" s="191">
        <v>0</v>
      </c>
      <c r="BL25" s="191">
        <v>62</v>
      </c>
      <c r="BM25" s="191">
        <v>0</v>
      </c>
      <c r="BN25" s="191">
        <v>0</v>
      </c>
      <c r="BO25" s="196">
        <v>62</v>
      </c>
      <c r="BP25" s="195">
        <v>62</v>
      </c>
      <c r="BQ25" s="190">
        <v>4</v>
      </c>
      <c r="BR25" s="191">
        <v>0</v>
      </c>
      <c r="BS25" s="196">
        <v>4</v>
      </c>
      <c r="BT25" s="193">
        <v>0</v>
      </c>
      <c r="BU25" s="191">
        <v>11</v>
      </c>
      <c r="BV25" s="191">
        <v>51</v>
      </c>
      <c r="BW25" s="191">
        <v>20</v>
      </c>
      <c r="BX25" s="191">
        <v>6</v>
      </c>
      <c r="BY25" s="191">
        <v>0</v>
      </c>
      <c r="BZ25" s="196">
        <v>88</v>
      </c>
      <c r="CA25" s="195">
        <v>92</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6">
        <v>0</v>
      </c>
      <c r="E26" s="207">
        <v>0</v>
      </c>
      <c r="F26" s="193">
        <v>0</v>
      </c>
      <c r="G26" s="191">
        <v>153</v>
      </c>
      <c r="H26" s="191">
        <v>121</v>
      </c>
      <c r="I26" s="191">
        <v>24</v>
      </c>
      <c r="J26" s="191">
        <v>150</v>
      </c>
      <c r="K26" s="191">
        <v>354</v>
      </c>
      <c r="L26" s="194">
        <v>802</v>
      </c>
      <c r="M26" s="195">
        <v>802</v>
      </c>
      <c r="N26" s="190">
        <v>0</v>
      </c>
      <c r="O26" s="191">
        <v>0</v>
      </c>
      <c r="P26" s="196">
        <v>0</v>
      </c>
      <c r="Q26" s="193">
        <v>0</v>
      </c>
      <c r="R26" s="191">
        <v>0</v>
      </c>
      <c r="S26" s="191">
        <v>0</v>
      </c>
      <c r="T26" s="191">
        <v>0</v>
      </c>
      <c r="U26" s="191">
        <v>0</v>
      </c>
      <c r="V26" s="191">
        <v>17</v>
      </c>
      <c r="W26" s="196">
        <v>17</v>
      </c>
      <c r="X26" s="195">
        <v>17</v>
      </c>
      <c r="Y26" s="190">
        <v>15</v>
      </c>
      <c r="Z26" s="191">
        <v>23</v>
      </c>
      <c r="AA26" s="196">
        <v>38</v>
      </c>
      <c r="AB26" s="193">
        <v>0</v>
      </c>
      <c r="AC26" s="191">
        <v>68</v>
      </c>
      <c r="AD26" s="191">
        <v>102</v>
      </c>
      <c r="AE26" s="191">
        <v>51</v>
      </c>
      <c r="AF26" s="191">
        <v>5</v>
      </c>
      <c r="AG26" s="191">
        <v>85</v>
      </c>
      <c r="AH26" s="196">
        <v>311</v>
      </c>
      <c r="AI26" s="195">
        <v>349</v>
      </c>
      <c r="AJ26" s="190">
        <v>0</v>
      </c>
      <c r="AK26" s="191">
        <v>0</v>
      </c>
      <c r="AL26" s="196">
        <v>0</v>
      </c>
      <c r="AM26" s="193">
        <v>0</v>
      </c>
      <c r="AN26" s="191">
        <v>0</v>
      </c>
      <c r="AO26" s="191">
        <v>0</v>
      </c>
      <c r="AP26" s="191">
        <v>0</v>
      </c>
      <c r="AQ26" s="191">
        <v>0</v>
      </c>
      <c r="AR26" s="191">
        <v>0</v>
      </c>
      <c r="AS26" s="196">
        <v>0</v>
      </c>
      <c r="AT26" s="195">
        <v>0</v>
      </c>
      <c r="AU26" s="190">
        <v>0</v>
      </c>
      <c r="AV26" s="191">
        <v>0</v>
      </c>
      <c r="AW26" s="196">
        <v>0</v>
      </c>
      <c r="AX26" s="193">
        <v>0</v>
      </c>
      <c r="AY26" s="191">
        <v>64</v>
      </c>
      <c r="AZ26" s="191">
        <v>63</v>
      </c>
      <c r="BA26" s="191">
        <v>18</v>
      </c>
      <c r="BB26" s="191">
        <v>4</v>
      </c>
      <c r="BC26" s="191">
        <v>0</v>
      </c>
      <c r="BD26" s="194">
        <v>149</v>
      </c>
      <c r="BE26" s="195">
        <v>149</v>
      </c>
      <c r="BF26" s="190">
        <v>0</v>
      </c>
      <c r="BG26" s="191">
        <v>0</v>
      </c>
      <c r="BH26" s="196">
        <v>0</v>
      </c>
      <c r="BI26" s="193">
        <v>0</v>
      </c>
      <c r="BJ26" s="191">
        <v>51</v>
      </c>
      <c r="BK26" s="191">
        <v>14</v>
      </c>
      <c r="BL26" s="191">
        <v>0</v>
      </c>
      <c r="BM26" s="191">
        <v>0</v>
      </c>
      <c r="BN26" s="191">
        <v>4</v>
      </c>
      <c r="BO26" s="196">
        <v>69</v>
      </c>
      <c r="BP26" s="195">
        <v>69</v>
      </c>
      <c r="BQ26" s="190">
        <v>0</v>
      </c>
      <c r="BR26" s="191">
        <v>0</v>
      </c>
      <c r="BS26" s="196">
        <v>0</v>
      </c>
      <c r="BT26" s="193">
        <v>0</v>
      </c>
      <c r="BU26" s="191">
        <v>0</v>
      </c>
      <c r="BV26" s="191">
        <v>17</v>
      </c>
      <c r="BW26" s="191">
        <v>18</v>
      </c>
      <c r="BX26" s="191">
        <v>0</v>
      </c>
      <c r="BY26" s="191">
        <v>0</v>
      </c>
      <c r="BZ26" s="196">
        <v>35</v>
      </c>
      <c r="CA26" s="195">
        <v>35</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6">
        <v>0</v>
      </c>
      <c r="E27" s="207">
        <v>0</v>
      </c>
      <c r="F27" s="193">
        <v>0</v>
      </c>
      <c r="G27" s="191">
        <v>52</v>
      </c>
      <c r="H27" s="191">
        <v>23</v>
      </c>
      <c r="I27" s="191">
        <v>80</v>
      </c>
      <c r="J27" s="191">
        <v>102</v>
      </c>
      <c r="K27" s="191">
        <v>93</v>
      </c>
      <c r="L27" s="194">
        <v>350</v>
      </c>
      <c r="M27" s="195">
        <v>350</v>
      </c>
      <c r="N27" s="190">
        <v>0</v>
      </c>
      <c r="O27" s="191">
        <v>0</v>
      </c>
      <c r="P27" s="196">
        <v>0</v>
      </c>
      <c r="Q27" s="193">
        <v>0</v>
      </c>
      <c r="R27" s="191">
        <v>0</v>
      </c>
      <c r="S27" s="191">
        <v>0</v>
      </c>
      <c r="T27" s="191">
        <v>9</v>
      </c>
      <c r="U27" s="191">
        <v>0</v>
      </c>
      <c r="V27" s="191">
        <v>22</v>
      </c>
      <c r="W27" s="196">
        <v>31</v>
      </c>
      <c r="X27" s="195">
        <v>31</v>
      </c>
      <c r="Y27" s="190">
        <v>24</v>
      </c>
      <c r="Z27" s="191">
        <v>55</v>
      </c>
      <c r="AA27" s="196">
        <v>79</v>
      </c>
      <c r="AB27" s="193">
        <v>0</v>
      </c>
      <c r="AC27" s="191">
        <v>4</v>
      </c>
      <c r="AD27" s="191">
        <v>5</v>
      </c>
      <c r="AE27" s="191">
        <v>41</v>
      </c>
      <c r="AF27" s="191">
        <v>36</v>
      </c>
      <c r="AG27" s="191">
        <v>61</v>
      </c>
      <c r="AH27" s="196">
        <v>147</v>
      </c>
      <c r="AI27" s="195">
        <v>226</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34</v>
      </c>
      <c r="AZ27" s="191">
        <v>25</v>
      </c>
      <c r="BA27" s="191">
        <v>27</v>
      </c>
      <c r="BB27" s="191">
        <v>18</v>
      </c>
      <c r="BC27" s="191">
        <v>0</v>
      </c>
      <c r="BD27" s="194">
        <v>104</v>
      </c>
      <c r="BE27" s="195">
        <v>104</v>
      </c>
      <c r="BF27" s="190">
        <v>0</v>
      </c>
      <c r="BG27" s="191">
        <v>0</v>
      </c>
      <c r="BH27" s="196">
        <v>0</v>
      </c>
      <c r="BI27" s="193">
        <v>0</v>
      </c>
      <c r="BJ27" s="191">
        <v>32</v>
      </c>
      <c r="BK27" s="191">
        <v>51</v>
      </c>
      <c r="BL27" s="191">
        <v>5</v>
      </c>
      <c r="BM27" s="191">
        <v>0</v>
      </c>
      <c r="BN27" s="191">
        <v>0</v>
      </c>
      <c r="BO27" s="196">
        <v>88</v>
      </c>
      <c r="BP27" s="195">
        <v>88</v>
      </c>
      <c r="BQ27" s="190">
        <v>0</v>
      </c>
      <c r="BR27" s="191">
        <v>0</v>
      </c>
      <c r="BS27" s="196">
        <v>0</v>
      </c>
      <c r="BT27" s="193">
        <v>0</v>
      </c>
      <c r="BU27" s="191">
        <v>14</v>
      </c>
      <c r="BV27" s="191">
        <v>29</v>
      </c>
      <c r="BW27" s="191">
        <v>85</v>
      </c>
      <c r="BX27" s="191">
        <v>0</v>
      </c>
      <c r="BY27" s="191">
        <v>0</v>
      </c>
      <c r="BZ27" s="196">
        <v>128</v>
      </c>
      <c r="CA27" s="195">
        <v>128</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6">
        <v>0</v>
      </c>
      <c r="E28" s="207">
        <v>0</v>
      </c>
      <c r="F28" s="193">
        <v>0</v>
      </c>
      <c r="G28" s="191">
        <v>16</v>
      </c>
      <c r="H28" s="191">
        <v>179</v>
      </c>
      <c r="I28" s="191">
        <v>54</v>
      </c>
      <c r="J28" s="191">
        <v>87</v>
      </c>
      <c r="K28" s="191">
        <v>264</v>
      </c>
      <c r="L28" s="194">
        <v>600</v>
      </c>
      <c r="M28" s="195">
        <v>600</v>
      </c>
      <c r="N28" s="190">
        <v>0</v>
      </c>
      <c r="O28" s="191">
        <v>0</v>
      </c>
      <c r="P28" s="196">
        <v>0</v>
      </c>
      <c r="Q28" s="193">
        <v>0</v>
      </c>
      <c r="R28" s="191">
        <v>0</v>
      </c>
      <c r="S28" s="191">
        <v>0</v>
      </c>
      <c r="T28" s="191">
        <v>0</v>
      </c>
      <c r="U28" s="191">
        <v>4</v>
      </c>
      <c r="V28" s="191">
        <v>0</v>
      </c>
      <c r="W28" s="196">
        <v>4</v>
      </c>
      <c r="X28" s="195">
        <v>4</v>
      </c>
      <c r="Y28" s="190">
        <v>24</v>
      </c>
      <c r="Z28" s="191">
        <v>0</v>
      </c>
      <c r="AA28" s="196">
        <v>24</v>
      </c>
      <c r="AB28" s="193">
        <v>0</v>
      </c>
      <c r="AC28" s="191">
        <v>42</v>
      </c>
      <c r="AD28" s="191">
        <v>72</v>
      </c>
      <c r="AE28" s="191">
        <v>28</v>
      </c>
      <c r="AF28" s="191">
        <v>6</v>
      </c>
      <c r="AG28" s="191">
        <v>20</v>
      </c>
      <c r="AH28" s="196">
        <v>168</v>
      </c>
      <c r="AI28" s="195">
        <v>192</v>
      </c>
      <c r="AJ28" s="190">
        <v>4</v>
      </c>
      <c r="AK28" s="191">
        <v>0</v>
      </c>
      <c r="AL28" s="196">
        <v>4</v>
      </c>
      <c r="AM28" s="193">
        <v>0</v>
      </c>
      <c r="AN28" s="191">
        <v>27</v>
      </c>
      <c r="AO28" s="191">
        <v>0</v>
      </c>
      <c r="AP28" s="191">
        <v>15</v>
      </c>
      <c r="AQ28" s="191">
        <v>0</v>
      </c>
      <c r="AR28" s="191">
        <v>0</v>
      </c>
      <c r="AS28" s="196">
        <v>42</v>
      </c>
      <c r="AT28" s="195">
        <v>46</v>
      </c>
      <c r="AU28" s="190">
        <v>0</v>
      </c>
      <c r="AV28" s="191">
        <v>0</v>
      </c>
      <c r="AW28" s="196">
        <v>0</v>
      </c>
      <c r="AX28" s="193">
        <v>0</v>
      </c>
      <c r="AY28" s="191">
        <v>57</v>
      </c>
      <c r="AZ28" s="191">
        <v>38</v>
      </c>
      <c r="BA28" s="191">
        <v>49</v>
      </c>
      <c r="BB28" s="191">
        <v>11</v>
      </c>
      <c r="BC28" s="191">
        <v>18</v>
      </c>
      <c r="BD28" s="194">
        <v>173</v>
      </c>
      <c r="BE28" s="195">
        <v>173</v>
      </c>
      <c r="BF28" s="190">
        <v>0</v>
      </c>
      <c r="BG28" s="191">
        <v>0</v>
      </c>
      <c r="BH28" s="196">
        <v>0</v>
      </c>
      <c r="BI28" s="193">
        <v>0</v>
      </c>
      <c r="BJ28" s="191">
        <v>0</v>
      </c>
      <c r="BK28" s="191">
        <v>21</v>
      </c>
      <c r="BL28" s="191">
        <v>8</v>
      </c>
      <c r="BM28" s="191">
        <v>0</v>
      </c>
      <c r="BN28" s="191">
        <v>0</v>
      </c>
      <c r="BO28" s="196">
        <v>29</v>
      </c>
      <c r="BP28" s="195">
        <v>29</v>
      </c>
      <c r="BQ28" s="190">
        <v>0</v>
      </c>
      <c r="BR28" s="191">
        <v>0</v>
      </c>
      <c r="BS28" s="196">
        <v>0</v>
      </c>
      <c r="BT28" s="193">
        <v>0</v>
      </c>
      <c r="BU28" s="191">
        <v>16</v>
      </c>
      <c r="BV28" s="191">
        <v>46</v>
      </c>
      <c r="BW28" s="191">
        <v>0</v>
      </c>
      <c r="BX28" s="191">
        <v>16</v>
      </c>
      <c r="BY28" s="191">
        <v>20</v>
      </c>
      <c r="BZ28" s="196">
        <v>98</v>
      </c>
      <c r="CA28" s="195">
        <v>98</v>
      </c>
      <c r="CB28" s="190">
        <v>0</v>
      </c>
      <c r="CC28" s="191">
        <v>0</v>
      </c>
      <c r="CD28" s="196">
        <v>0</v>
      </c>
      <c r="CE28" s="193">
        <v>0</v>
      </c>
      <c r="CF28" s="191">
        <v>0</v>
      </c>
      <c r="CG28" s="191">
        <v>0</v>
      </c>
      <c r="CH28" s="191">
        <v>0</v>
      </c>
      <c r="CI28" s="191">
        <v>0</v>
      </c>
      <c r="CJ28" s="191">
        <v>3</v>
      </c>
      <c r="CK28" s="196">
        <v>3</v>
      </c>
      <c r="CL28" s="195">
        <v>3</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6">
        <v>0</v>
      </c>
      <c r="E29" s="207">
        <v>0</v>
      </c>
      <c r="F29" s="193">
        <v>0</v>
      </c>
      <c r="G29" s="191">
        <v>14</v>
      </c>
      <c r="H29" s="191">
        <v>93</v>
      </c>
      <c r="I29" s="191">
        <v>144</v>
      </c>
      <c r="J29" s="191">
        <v>43</v>
      </c>
      <c r="K29" s="191">
        <v>139</v>
      </c>
      <c r="L29" s="194">
        <v>433</v>
      </c>
      <c r="M29" s="195">
        <v>433</v>
      </c>
      <c r="N29" s="190">
        <v>0</v>
      </c>
      <c r="O29" s="191">
        <v>0</v>
      </c>
      <c r="P29" s="196">
        <v>0</v>
      </c>
      <c r="Q29" s="193">
        <v>0</v>
      </c>
      <c r="R29" s="191">
        <v>0</v>
      </c>
      <c r="S29" s="191">
        <v>0</v>
      </c>
      <c r="T29" s="191">
        <v>0</v>
      </c>
      <c r="U29" s="191">
        <v>2</v>
      </c>
      <c r="V29" s="191">
        <v>0</v>
      </c>
      <c r="W29" s="196">
        <v>2</v>
      </c>
      <c r="X29" s="195">
        <v>2</v>
      </c>
      <c r="Y29" s="190">
        <v>5</v>
      </c>
      <c r="Z29" s="191">
        <v>17</v>
      </c>
      <c r="AA29" s="196">
        <v>22</v>
      </c>
      <c r="AB29" s="193">
        <v>0</v>
      </c>
      <c r="AC29" s="191">
        <v>13</v>
      </c>
      <c r="AD29" s="191">
        <v>30</v>
      </c>
      <c r="AE29" s="191">
        <v>31</v>
      </c>
      <c r="AF29" s="191">
        <v>54</v>
      </c>
      <c r="AG29" s="191">
        <v>22</v>
      </c>
      <c r="AH29" s="196">
        <v>150</v>
      </c>
      <c r="AI29" s="195">
        <v>172</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35</v>
      </c>
      <c r="AZ29" s="191">
        <v>13</v>
      </c>
      <c r="BA29" s="191">
        <v>18</v>
      </c>
      <c r="BB29" s="191">
        <v>33</v>
      </c>
      <c r="BC29" s="191">
        <v>2</v>
      </c>
      <c r="BD29" s="194">
        <v>101</v>
      </c>
      <c r="BE29" s="195">
        <v>101</v>
      </c>
      <c r="BF29" s="190">
        <v>0</v>
      </c>
      <c r="BG29" s="191">
        <v>0</v>
      </c>
      <c r="BH29" s="196">
        <v>0</v>
      </c>
      <c r="BI29" s="193">
        <v>0</v>
      </c>
      <c r="BJ29" s="191">
        <v>20</v>
      </c>
      <c r="BK29" s="191">
        <v>18</v>
      </c>
      <c r="BL29" s="191">
        <v>10</v>
      </c>
      <c r="BM29" s="191">
        <v>0</v>
      </c>
      <c r="BN29" s="191">
        <v>0</v>
      </c>
      <c r="BO29" s="196">
        <v>48</v>
      </c>
      <c r="BP29" s="195">
        <v>48</v>
      </c>
      <c r="BQ29" s="190">
        <v>0</v>
      </c>
      <c r="BR29" s="191">
        <v>0</v>
      </c>
      <c r="BS29" s="196">
        <v>0</v>
      </c>
      <c r="BT29" s="193">
        <v>0</v>
      </c>
      <c r="BU29" s="191">
        <v>0</v>
      </c>
      <c r="BV29" s="191">
        <v>0</v>
      </c>
      <c r="BW29" s="191">
        <v>12</v>
      </c>
      <c r="BX29" s="191">
        <v>8</v>
      </c>
      <c r="BY29" s="191">
        <v>0</v>
      </c>
      <c r="BZ29" s="196">
        <v>20</v>
      </c>
      <c r="CA29" s="195">
        <v>20</v>
      </c>
      <c r="CB29" s="190">
        <v>0</v>
      </c>
      <c r="CC29" s="191">
        <v>0</v>
      </c>
      <c r="CD29" s="196">
        <v>0</v>
      </c>
      <c r="CE29" s="193">
        <v>0</v>
      </c>
      <c r="CF29" s="191">
        <v>6</v>
      </c>
      <c r="CG29" s="191">
        <v>0</v>
      </c>
      <c r="CH29" s="191">
        <v>5</v>
      </c>
      <c r="CI29" s="191">
        <v>0</v>
      </c>
      <c r="CJ29" s="191">
        <v>0</v>
      </c>
      <c r="CK29" s="196">
        <v>11</v>
      </c>
      <c r="CL29" s="195">
        <v>11</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6">
        <v>0</v>
      </c>
      <c r="E30" s="207">
        <v>0</v>
      </c>
      <c r="F30" s="193">
        <v>0</v>
      </c>
      <c r="G30" s="191">
        <v>8</v>
      </c>
      <c r="H30" s="191">
        <v>5</v>
      </c>
      <c r="I30" s="191">
        <v>0</v>
      </c>
      <c r="J30" s="191">
        <v>31</v>
      </c>
      <c r="K30" s="191">
        <v>0</v>
      </c>
      <c r="L30" s="194">
        <v>44</v>
      </c>
      <c r="M30" s="195">
        <v>44</v>
      </c>
      <c r="N30" s="190">
        <v>0</v>
      </c>
      <c r="O30" s="191">
        <v>0</v>
      </c>
      <c r="P30" s="196">
        <v>0</v>
      </c>
      <c r="Q30" s="193">
        <v>0</v>
      </c>
      <c r="R30" s="191">
        <v>0</v>
      </c>
      <c r="S30" s="191">
        <v>0</v>
      </c>
      <c r="T30" s="191">
        <v>0</v>
      </c>
      <c r="U30" s="191">
        <v>0</v>
      </c>
      <c r="V30" s="191">
        <v>0</v>
      </c>
      <c r="W30" s="196">
        <v>0</v>
      </c>
      <c r="X30" s="195">
        <v>0</v>
      </c>
      <c r="Y30" s="190">
        <v>0</v>
      </c>
      <c r="Z30" s="191">
        <v>2</v>
      </c>
      <c r="AA30" s="196">
        <v>2</v>
      </c>
      <c r="AB30" s="193">
        <v>0</v>
      </c>
      <c r="AC30" s="191">
        <v>0</v>
      </c>
      <c r="AD30" s="191">
        <v>11</v>
      </c>
      <c r="AE30" s="191">
        <v>2</v>
      </c>
      <c r="AF30" s="191">
        <v>0</v>
      </c>
      <c r="AG30" s="191">
        <v>0</v>
      </c>
      <c r="AH30" s="196">
        <v>13</v>
      </c>
      <c r="AI30" s="195">
        <v>15</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28</v>
      </c>
      <c r="BB30" s="191">
        <v>0</v>
      </c>
      <c r="BC30" s="191">
        <v>0</v>
      </c>
      <c r="BD30" s="194">
        <v>28</v>
      </c>
      <c r="BE30" s="195">
        <v>28</v>
      </c>
      <c r="BF30" s="190">
        <v>0</v>
      </c>
      <c r="BG30" s="191">
        <v>0</v>
      </c>
      <c r="BH30" s="196">
        <v>0</v>
      </c>
      <c r="BI30" s="193">
        <v>0</v>
      </c>
      <c r="BJ30" s="191">
        <v>0</v>
      </c>
      <c r="BK30" s="191">
        <v>0</v>
      </c>
      <c r="BL30" s="191">
        <v>7</v>
      </c>
      <c r="BM30" s="191">
        <v>0</v>
      </c>
      <c r="BN30" s="191">
        <v>0</v>
      </c>
      <c r="BO30" s="196">
        <v>7</v>
      </c>
      <c r="BP30" s="195">
        <v>7</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5</v>
      </c>
      <c r="CG30" s="191">
        <v>0</v>
      </c>
      <c r="CH30" s="191">
        <v>0</v>
      </c>
      <c r="CI30" s="191">
        <v>0</v>
      </c>
      <c r="CJ30" s="191">
        <v>0</v>
      </c>
      <c r="CK30" s="196">
        <v>5</v>
      </c>
      <c r="CL30" s="195">
        <v>5</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6">
        <v>0</v>
      </c>
      <c r="E31" s="207">
        <v>0</v>
      </c>
      <c r="F31" s="193">
        <v>0</v>
      </c>
      <c r="G31" s="191">
        <v>18</v>
      </c>
      <c r="H31" s="191">
        <v>18</v>
      </c>
      <c r="I31" s="191">
        <v>124</v>
      </c>
      <c r="J31" s="191">
        <v>22</v>
      </c>
      <c r="K31" s="191">
        <v>0</v>
      </c>
      <c r="L31" s="194">
        <v>182</v>
      </c>
      <c r="M31" s="195">
        <v>182</v>
      </c>
      <c r="N31" s="190">
        <v>0</v>
      </c>
      <c r="O31" s="191">
        <v>0</v>
      </c>
      <c r="P31" s="196">
        <v>0</v>
      </c>
      <c r="Q31" s="193">
        <v>0</v>
      </c>
      <c r="R31" s="191">
        <v>0</v>
      </c>
      <c r="S31" s="191">
        <v>0</v>
      </c>
      <c r="T31" s="191">
        <v>0</v>
      </c>
      <c r="U31" s="191">
        <v>0</v>
      </c>
      <c r="V31" s="191">
        <v>0</v>
      </c>
      <c r="W31" s="196">
        <v>0</v>
      </c>
      <c r="X31" s="195">
        <v>0</v>
      </c>
      <c r="Y31" s="190">
        <v>3</v>
      </c>
      <c r="Z31" s="191">
        <v>10</v>
      </c>
      <c r="AA31" s="196">
        <v>13</v>
      </c>
      <c r="AB31" s="193">
        <v>0</v>
      </c>
      <c r="AC31" s="191">
        <v>33</v>
      </c>
      <c r="AD31" s="191">
        <v>46</v>
      </c>
      <c r="AE31" s="191">
        <v>21</v>
      </c>
      <c r="AF31" s="191">
        <v>0</v>
      </c>
      <c r="AG31" s="191">
        <v>0</v>
      </c>
      <c r="AH31" s="196">
        <v>100</v>
      </c>
      <c r="AI31" s="195">
        <v>113</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28</v>
      </c>
      <c r="AZ31" s="191">
        <v>4</v>
      </c>
      <c r="BA31" s="191">
        <v>0</v>
      </c>
      <c r="BB31" s="191">
        <v>0</v>
      </c>
      <c r="BC31" s="191">
        <v>0</v>
      </c>
      <c r="BD31" s="194">
        <v>32</v>
      </c>
      <c r="BE31" s="195">
        <v>32</v>
      </c>
      <c r="BF31" s="190">
        <v>0</v>
      </c>
      <c r="BG31" s="191">
        <v>0</v>
      </c>
      <c r="BH31" s="196">
        <v>0</v>
      </c>
      <c r="BI31" s="193">
        <v>0</v>
      </c>
      <c r="BJ31" s="191">
        <v>9</v>
      </c>
      <c r="BK31" s="191">
        <v>0</v>
      </c>
      <c r="BL31" s="191">
        <v>0</v>
      </c>
      <c r="BM31" s="191">
        <v>0</v>
      </c>
      <c r="BN31" s="191">
        <v>0</v>
      </c>
      <c r="BO31" s="196">
        <v>9</v>
      </c>
      <c r="BP31" s="195">
        <v>9</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6">
        <v>0</v>
      </c>
      <c r="E32" s="207">
        <v>0</v>
      </c>
      <c r="F32" s="193">
        <v>0</v>
      </c>
      <c r="G32" s="191">
        <v>13</v>
      </c>
      <c r="H32" s="191">
        <v>9</v>
      </c>
      <c r="I32" s="191">
        <v>57</v>
      </c>
      <c r="J32" s="191">
        <v>122</v>
      </c>
      <c r="K32" s="191">
        <v>0</v>
      </c>
      <c r="L32" s="194">
        <v>201</v>
      </c>
      <c r="M32" s="195">
        <v>201</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32</v>
      </c>
      <c r="AD32" s="191">
        <v>12</v>
      </c>
      <c r="AE32" s="191">
        <v>5</v>
      </c>
      <c r="AF32" s="191">
        <v>0</v>
      </c>
      <c r="AG32" s="191">
        <v>0</v>
      </c>
      <c r="AH32" s="196">
        <v>49</v>
      </c>
      <c r="AI32" s="195">
        <v>49</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5</v>
      </c>
      <c r="AZ32" s="191">
        <v>0</v>
      </c>
      <c r="BA32" s="191">
        <v>5</v>
      </c>
      <c r="BB32" s="191">
        <v>0</v>
      </c>
      <c r="BC32" s="191">
        <v>0</v>
      </c>
      <c r="BD32" s="194">
        <v>10</v>
      </c>
      <c r="BE32" s="195">
        <v>10</v>
      </c>
      <c r="BF32" s="190">
        <v>0</v>
      </c>
      <c r="BG32" s="191">
        <v>0</v>
      </c>
      <c r="BH32" s="196">
        <v>0</v>
      </c>
      <c r="BI32" s="193">
        <v>0</v>
      </c>
      <c r="BJ32" s="191">
        <v>8</v>
      </c>
      <c r="BK32" s="191">
        <v>7</v>
      </c>
      <c r="BL32" s="191">
        <v>0</v>
      </c>
      <c r="BM32" s="191">
        <v>8</v>
      </c>
      <c r="BN32" s="191">
        <v>0</v>
      </c>
      <c r="BO32" s="196">
        <v>23</v>
      </c>
      <c r="BP32" s="195">
        <v>23</v>
      </c>
      <c r="BQ32" s="190">
        <v>0</v>
      </c>
      <c r="BR32" s="191">
        <v>0</v>
      </c>
      <c r="BS32" s="196">
        <v>0</v>
      </c>
      <c r="BT32" s="193">
        <v>0</v>
      </c>
      <c r="BU32" s="191">
        <v>2</v>
      </c>
      <c r="BV32" s="191">
        <v>4</v>
      </c>
      <c r="BW32" s="191">
        <v>0</v>
      </c>
      <c r="BX32" s="191">
        <v>30</v>
      </c>
      <c r="BY32" s="191">
        <v>0</v>
      </c>
      <c r="BZ32" s="196">
        <v>36</v>
      </c>
      <c r="CA32" s="195">
        <v>36</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6">
        <v>0</v>
      </c>
      <c r="E33" s="207">
        <v>0</v>
      </c>
      <c r="F33" s="193">
        <v>0</v>
      </c>
      <c r="G33" s="191">
        <v>14</v>
      </c>
      <c r="H33" s="191">
        <v>0</v>
      </c>
      <c r="I33" s="191">
        <v>0</v>
      </c>
      <c r="J33" s="191">
        <v>0</v>
      </c>
      <c r="K33" s="191">
        <v>0</v>
      </c>
      <c r="L33" s="194">
        <v>14</v>
      </c>
      <c r="M33" s="195">
        <v>14</v>
      </c>
      <c r="N33" s="190">
        <v>0</v>
      </c>
      <c r="O33" s="191">
        <v>0</v>
      </c>
      <c r="P33" s="196">
        <v>0</v>
      </c>
      <c r="Q33" s="193">
        <v>0</v>
      </c>
      <c r="R33" s="191">
        <v>0</v>
      </c>
      <c r="S33" s="191">
        <v>0</v>
      </c>
      <c r="T33" s="191">
        <v>0</v>
      </c>
      <c r="U33" s="191">
        <v>0</v>
      </c>
      <c r="V33" s="191">
        <v>11</v>
      </c>
      <c r="W33" s="196">
        <v>11</v>
      </c>
      <c r="X33" s="195">
        <v>11</v>
      </c>
      <c r="Y33" s="190">
        <v>0</v>
      </c>
      <c r="Z33" s="191">
        <v>11</v>
      </c>
      <c r="AA33" s="196">
        <v>11</v>
      </c>
      <c r="AB33" s="193">
        <v>0</v>
      </c>
      <c r="AC33" s="191">
        <v>12</v>
      </c>
      <c r="AD33" s="191">
        <v>29</v>
      </c>
      <c r="AE33" s="191">
        <v>37</v>
      </c>
      <c r="AF33" s="191">
        <v>0</v>
      </c>
      <c r="AG33" s="191">
        <v>24</v>
      </c>
      <c r="AH33" s="196">
        <v>102</v>
      </c>
      <c r="AI33" s="195">
        <v>113</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19</v>
      </c>
      <c r="AZ33" s="191">
        <v>23</v>
      </c>
      <c r="BA33" s="191">
        <v>9</v>
      </c>
      <c r="BB33" s="191">
        <v>17</v>
      </c>
      <c r="BC33" s="191">
        <v>0</v>
      </c>
      <c r="BD33" s="194">
        <v>68</v>
      </c>
      <c r="BE33" s="195">
        <v>68</v>
      </c>
      <c r="BF33" s="190">
        <v>0</v>
      </c>
      <c r="BG33" s="191">
        <v>0</v>
      </c>
      <c r="BH33" s="196">
        <v>0</v>
      </c>
      <c r="BI33" s="193">
        <v>0</v>
      </c>
      <c r="BJ33" s="191">
        <v>0</v>
      </c>
      <c r="BK33" s="191">
        <v>1</v>
      </c>
      <c r="BL33" s="191">
        <v>20</v>
      </c>
      <c r="BM33" s="191">
        <v>0</v>
      </c>
      <c r="BN33" s="191">
        <v>0</v>
      </c>
      <c r="BO33" s="196">
        <v>21</v>
      </c>
      <c r="BP33" s="195">
        <v>21</v>
      </c>
      <c r="BQ33" s="190">
        <v>0</v>
      </c>
      <c r="BR33" s="191">
        <v>0</v>
      </c>
      <c r="BS33" s="196">
        <v>0</v>
      </c>
      <c r="BT33" s="193">
        <v>0</v>
      </c>
      <c r="BU33" s="191">
        <v>0</v>
      </c>
      <c r="BV33" s="191">
        <v>0</v>
      </c>
      <c r="BW33" s="191">
        <v>0</v>
      </c>
      <c r="BX33" s="191">
        <v>0</v>
      </c>
      <c r="BY33" s="191">
        <v>4</v>
      </c>
      <c r="BZ33" s="196">
        <v>4</v>
      </c>
      <c r="CA33" s="195">
        <v>4</v>
      </c>
      <c r="CB33" s="190">
        <v>0</v>
      </c>
      <c r="CC33" s="191">
        <v>0</v>
      </c>
      <c r="CD33" s="196">
        <v>0</v>
      </c>
      <c r="CE33" s="193">
        <v>0</v>
      </c>
      <c r="CF33" s="191">
        <v>0</v>
      </c>
      <c r="CG33" s="191">
        <v>0</v>
      </c>
      <c r="CH33" s="191">
        <v>30</v>
      </c>
      <c r="CI33" s="191">
        <v>3</v>
      </c>
      <c r="CJ33" s="191">
        <v>0</v>
      </c>
      <c r="CK33" s="196">
        <v>33</v>
      </c>
      <c r="CL33" s="195">
        <v>33</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6">
        <v>0</v>
      </c>
      <c r="E34" s="207">
        <v>0</v>
      </c>
      <c r="F34" s="193">
        <v>0</v>
      </c>
      <c r="G34" s="191">
        <v>2</v>
      </c>
      <c r="H34" s="191">
        <v>31</v>
      </c>
      <c r="I34" s="191">
        <v>0</v>
      </c>
      <c r="J34" s="191">
        <v>0</v>
      </c>
      <c r="K34" s="191">
        <v>0</v>
      </c>
      <c r="L34" s="194">
        <v>33</v>
      </c>
      <c r="M34" s="195">
        <v>33</v>
      </c>
      <c r="N34" s="190">
        <v>0</v>
      </c>
      <c r="O34" s="191">
        <v>0</v>
      </c>
      <c r="P34" s="196">
        <v>0</v>
      </c>
      <c r="Q34" s="193">
        <v>0</v>
      </c>
      <c r="R34" s="191">
        <v>0</v>
      </c>
      <c r="S34" s="191">
        <v>0</v>
      </c>
      <c r="T34" s="191">
        <v>0</v>
      </c>
      <c r="U34" s="191">
        <v>0</v>
      </c>
      <c r="V34" s="191">
        <v>0</v>
      </c>
      <c r="W34" s="196">
        <v>0</v>
      </c>
      <c r="X34" s="195">
        <v>0</v>
      </c>
      <c r="Y34" s="190">
        <v>13</v>
      </c>
      <c r="Z34" s="191">
        <v>11</v>
      </c>
      <c r="AA34" s="196">
        <v>24</v>
      </c>
      <c r="AB34" s="193">
        <v>0</v>
      </c>
      <c r="AC34" s="191">
        <v>29</v>
      </c>
      <c r="AD34" s="191">
        <v>0</v>
      </c>
      <c r="AE34" s="191">
        <v>4</v>
      </c>
      <c r="AF34" s="191">
        <v>0</v>
      </c>
      <c r="AG34" s="191">
        <v>0</v>
      </c>
      <c r="AH34" s="196">
        <v>33</v>
      </c>
      <c r="AI34" s="195">
        <v>57</v>
      </c>
      <c r="AJ34" s="190">
        <v>0</v>
      </c>
      <c r="AK34" s="191">
        <v>0</v>
      </c>
      <c r="AL34" s="196">
        <v>0</v>
      </c>
      <c r="AM34" s="193">
        <v>0</v>
      </c>
      <c r="AN34" s="191">
        <v>0</v>
      </c>
      <c r="AO34" s="191">
        <v>0</v>
      </c>
      <c r="AP34" s="191">
        <v>0</v>
      </c>
      <c r="AQ34" s="191">
        <v>21</v>
      </c>
      <c r="AR34" s="191">
        <v>0</v>
      </c>
      <c r="AS34" s="196">
        <v>21</v>
      </c>
      <c r="AT34" s="195">
        <v>21</v>
      </c>
      <c r="AU34" s="190">
        <v>0</v>
      </c>
      <c r="AV34" s="191">
        <v>0</v>
      </c>
      <c r="AW34" s="196">
        <v>0</v>
      </c>
      <c r="AX34" s="193">
        <v>0</v>
      </c>
      <c r="AY34" s="191">
        <v>52</v>
      </c>
      <c r="AZ34" s="191">
        <v>22</v>
      </c>
      <c r="BA34" s="191">
        <v>0</v>
      </c>
      <c r="BB34" s="191">
        <v>3</v>
      </c>
      <c r="BC34" s="191">
        <v>0</v>
      </c>
      <c r="BD34" s="194">
        <v>77</v>
      </c>
      <c r="BE34" s="195">
        <v>77</v>
      </c>
      <c r="BF34" s="190">
        <v>0</v>
      </c>
      <c r="BG34" s="191">
        <v>0</v>
      </c>
      <c r="BH34" s="196">
        <v>0</v>
      </c>
      <c r="BI34" s="193">
        <v>0</v>
      </c>
      <c r="BJ34" s="191">
        <v>0</v>
      </c>
      <c r="BK34" s="191">
        <v>12</v>
      </c>
      <c r="BL34" s="191">
        <v>0</v>
      </c>
      <c r="BM34" s="191">
        <v>4</v>
      </c>
      <c r="BN34" s="191">
        <v>0</v>
      </c>
      <c r="BO34" s="196">
        <v>16</v>
      </c>
      <c r="BP34" s="195">
        <v>16</v>
      </c>
      <c r="BQ34" s="190">
        <v>0</v>
      </c>
      <c r="BR34" s="191">
        <v>0</v>
      </c>
      <c r="BS34" s="196">
        <v>0</v>
      </c>
      <c r="BT34" s="193">
        <v>0</v>
      </c>
      <c r="BU34" s="191">
        <v>0</v>
      </c>
      <c r="BV34" s="191">
        <v>0</v>
      </c>
      <c r="BW34" s="191">
        <v>0</v>
      </c>
      <c r="BX34" s="191">
        <v>12</v>
      </c>
      <c r="BY34" s="191">
        <v>0</v>
      </c>
      <c r="BZ34" s="196">
        <v>12</v>
      </c>
      <c r="CA34" s="195">
        <v>12</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6">
        <v>0</v>
      </c>
      <c r="E35" s="207">
        <v>0</v>
      </c>
      <c r="F35" s="193">
        <v>0</v>
      </c>
      <c r="G35" s="191">
        <v>91</v>
      </c>
      <c r="H35" s="191">
        <v>0</v>
      </c>
      <c r="I35" s="191">
        <v>0</v>
      </c>
      <c r="J35" s="191">
        <v>0</v>
      </c>
      <c r="K35" s="191">
        <v>0</v>
      </c>
      <c r="L35" s="194">
        <v>91</v>
      </c>
      <c r="M35" s="195">
        <v>91</v>
      </c>
      <c r="N35" s="190">
        <v>0</v>
      </c>
      <c r="O35" s="191">
        <v>0</v>
      </c>
      <c r="P35" s="196">
        <v>0</v>
      </c>
      <c r="Q35" s="193">
        <v>0</v>
      </c>
      <c r="R35" s="191">
        <v>0</v>
      </c>
      <c r="S35" s="191">
        <v>0</v>
      </c>
      <c r="T35" s="191">
        <v>0</v>
      </c>
      <c r="U35" s="191">
        <v>0</v>
      </c>
      <c r="V35" s="191">
        <v>0</v>
      </c>
      <c r="W35" s="196">
        <v>0</v>
      </c>
      <c r="X35" s="195">
        <v>0</v>
      </c>
      <c r="Y35" s="190">
        <v>0</v>
      </c>
      <c r="Z35" s="191">
        <v>1</v>
      </c>
      <c r="AA35" s="196">
        <v>1</v>
      </c>
      <c r="AB35" s="193">
        <v>0</v>
      </c>
      <c r="AC35" s="191">
        <v>24</v>
      </c>
      <c r="AD35" s="191">
        <v>24</v>
      </c>
      <c r="AE35" s="191">
        <v>0</v>
      </c>
      <c r="AF35" s="191">
        <v>0</v>
      </c>
      <c r="AG35" s="191">
        <v>0</v>
      </c>
      <c r="AH35" s="196">
        <v>48</v>
      </c>
      <c r="AI35" s="195">
        <v>49</v>
      </c>
      <c r="AJ35" s="190">
        <v>0</v>
      </c>
      <c r="AK35" s="191">
        <v>0</v>
      </c>
      <c r="AL35" s="196">
        <v>0</v>
      </c>
      <c r="AM35" s="193">
        <v>0</v>
      </c>
      <c r="AN35" s="191">
        <v>0</v>
      </c>
      <c r="AO35" s="191">
        <v>0</v>
      </c>
      <c r="AP35" s="191">
        <v>24</v>
      </c>
      <c r="AQ35" s="191">
        <v>0</v>
      </c>
      <c r="AR35" s="191">
        <v>0</v>
      </c>
      <c r="AS35" s="196">
        <v>24</v>
      </c>
      <c r="AT35" s="195">
        <v>24</v>
      </c>
      <c r="AU35" s="190">
        <v>0</v>
      </c>
      <c r="AV35" s="191">
        <v>0</v>
      </c>
      <c r="AW35" s="196">
        <v>0</v>
      </c>
      <c r="AX35" s="193">
        <v>0</v>
      </c>
      <c r="AY35" s="191">
        <v>18</v>
      </c>
      <c r="AZ35" s="191">
        <v>0</v>
      </c>
      <c r="BA35" s="191">
        <v>0</v>
      </c>
      <c r="BB35" s="191">
        <v>0</v>
      </c>
      <c r="BC35" s="191">
        <v>0</v>
      </c>
      <c r="BD35" s="194">
        <v>18</v>
      </c>
      <c r="BE35" s="195">
        <v>18</v>
      </c>
      <c r="BF35" s="190">
        <v>0</v>
      </c>
      <c r="BG35" s="191">
        <v>0</v>
      </c>
      <c r="BH35" s="196">
        <v>0</v>
      </c>
      <c r="BI35" s="193">
        <v>0</v>
      </c>
      <c r="BJ35" s="191">
        <v>0</v>
      </c>
      <c r="BK35" s="191">
        <v>0</v>
      </c>
      <c r="BL35" s="191">
        <v>0</v>
      </c>
      <c r="BM35" s="191">
        <v>0</v>
      </c>
      <c r="BN35" s="191">
        <v>0</v>
      </c>
      <c r="BO35" s="196">
        <v>0</v>
      </c>
      <c r="BP35" s="195">
        <v>0</v>
      </c>
      <c r="BQ35" s="190">
        <v>0</v>
      </c>
      <c r="BR35" s="191">
        <v>0</v>
      </c>
      <c r="BS35" s="196">
        <v>0</v>
      </c>
      <c r="BT35" s="193">
        <v>0</v>
      </c>
      <c r="BU35" s="191">
        <v>0</v>
      </c>
      <c r="BV35" s="191">
        <v>0</v>
      </c>
      <c r="BW35" s="191">
        <v>6</v>
      </c>
      <c r="BX35" s="191">
        <v>0</v>
      </c>
      <c r="BY35" s="191">
        <v>0</v>
      </c>
      <c r="BZ35" s="196">
        <v>6</v>
      </c>
      <c r="CA35" s="195">
        <v>6</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6</v>
      </c>
      <c r="DC35" s="191">
        <v>0</v>
      </c>
      <c r="DD35" s="191">
        <v>0</v>
      </c>
      <c r="DE35" s="191">
        <v>0</v>
      </c>
      <c r="DF35" s="191">
        <v>0</v>
      </c>
      <c r="DG35" s="196">
        <v>6</v>
      </c>
      <c r="DH35" s="195">
        <v>6</v>
      </c>
    </row>
    <row r="36" spans="2:112" ht="21" customHeight="1" x14ac:dyDescent="0.2">
      <c r="B36" s="106" t="s">
        <v>34</v>
      </c>
      <c r="C36" s="190">
        <v>0</v>
      </c>
      <c r="D36" s="196">
        <v>0</v>
      </c>
      <c r="E36" s="207">
        <v>0</v>
      </c>
      <c r="F36" s="193">
        <v>0</v>
      </c>
      <c r="G36" s="191">
        <v>12</v>
      </c>
      <c r="H36" s="191">
        <v>13</v>
      </c>
      <c r="I36" s="191">
        <v>0</v>
      </c>
      <c r="J36" s="191">
        <v>0</v>
      </c>
      <c r="K36" s="191">
        <v>0</v>
      </c>
      <c r="L36" s="194">
        <v>25</v>
      </c>
      <c r="M36" s="195">
        <v>25</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6</v>
      </c>
      <c r="AD36" s="191">
        <v>5</v>
      </c>
      <c r="AE36" s="191">
        <v>0</v>
      </c>
      <c r="AF36" s="191">
        <v>0</v>
      </c>
      <c r="AG36" s="191">
        <v>0</v>
      </c>
      <c r="AH36" s="196">
        <v>21</v>
      </c>
      <c r="AI36" s="195">
        <v>21</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0</v>
      </c>
      <c r="AZ36" s="191">
        <v>0</v>
      </c>
      <c r="BA36" s="191">
        <v>24</v>
      </c>
      <c r="BB36" s="191">
        <v>27</v>
      </c>
      <c r="BC36" s="191">
        <v>0</v>
      </c>
      <c r="BD36" s="194">
        <v>51</v>
      </c>
      <c r="BE36" s="195">
        <v>51</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2</v>
      </c>
      <c r="BX36" s="191">
        <v>0</v>
      </c>
      <c r="BY36" s="191">
        <v>0</v>
      </c>
      <c r="BZ36" s="196">
        <v>2</v>
      </c>
      <c r="CA36" s="195">
        <v>2</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6">
        <v>0</v>
      </c>
      <c r="E37" s="207">
        <v>0</v>
      </c>
      <c r="F37" s="193">
        <v>0</v>
      </c>
      <c r="G37" s="191">
        <v>18</v>
      </c>
      <c r="H37" s="191">
        <v>73</v>
      </c>
      <c r="I37" s="191">
        <v>15</v>
      </c>
      <c r="J37" s="191">
        <v>0</v>
      </c>
      <c r="K37" s="191">
        <v>0</v>
      </c>
      <c r="L37" s="194">
        <v>106</v>
      </c>
      <c r="M37" s="195">
        <v>106</v>
      </c>
      <c r="N37" s="190">
        <v>0</v>
      </c>
      <c r="O37" s="191">
        <v>0</v>
      </c>
      <c r="P37" s="196">
        <v>0</v>
      </c>
      <c r="Q37" s="193">
        <v>0</v>
      </c>
      <c r="R37" s="191">
        <v>0</v>
      </c>
      <c r="S37" s="191">
        <v>0</v>
      </c>
      <c r="T37" s="191">
        <v>0</v>
      </c>
      <c r="U37" s="191">
        <v>0</v>
      </c>
      <c r="V37" s="191">
        <v>0</v>
      </c>
      <c r="W37" s="196">
        <v>0</v>
      </c>
      <c r="X37" s="195">
        <v>0</v>
      </c>
      <c r="Y37" s="190">
        <v>0</v>
      </c>
      <c r="Z37" s="191">
        <v>5</v>
      </c>
      <c r="AA37" s="196">
        <v>5</v>
      </c>
      <c r="AB37" s="193">
        <v>0</v>
      </c>
      <c r="AC37" s="191">
        <v>10</v>
      </c>
      <c r="AD37" s="191">
        <v>28</v>
      </c>
      <c r="AE37" s="191">
        <v>35</v>
      </c>
      <c r="AF37" s="191">
        <v>0</v>
      </c>
      <c r="AG37" s="191">
        <v>5</v>
      </c>
      <c r="AH37" s="196">
        <v>78</v>
      </c>
      <c r="AI37" s="195">
        <v>83</v>
      </c>
      <c r="AJ37" s="190">
        <v>0</v>
      </c>
      <c r="AK37" s="191">
        <v>29</v>
      </c>
      <c r="AL37" s="196">
        <v>29</v>
      </c>
      <c r="AM37" s="193">
        <v>0</v>
      </c>
      <c r="AN37" s="191">
        <v>10</v>
      </c>
      <c r="AO37" s="191">
        <v>15</v>
      </c>
      <c r="AP37" s="191">
        <v>0</v>
      </c>
      <c r="AQ37" s="191">
        <v>0</v>
      </c>
      <c r="AR37" s="191">
        <v>18</v>
      </c>
      <c r="AS37" s="196">
        <v>43</v>
      </c>
      <c r="AT37" s="195">
        <v>72</v>
      </c>
      <c r="AU37" s="190">
        <v>0</v>
      </c>
      <c r="AV37" s="191">
        <v>0</v>
      </c>
      <c r="AW37" s="196">
        <v>0</v>
      </c>
      <c r="AX37" s="193">
        <v>0</v>
      </c>
      <c r="AY37" s="191">
        <v>38</v>
      </c>
      <c r="AZ37" s="191">
        <v>19</v>
      </c>
      <c r="BA37" s="191">
        <v>14</v>
      </c>
      <c r="BB37" s="191">
        <v>0</v>
      </c>
      <c r="BC37" s="191">
        <v>5</v>
      </c>
      <c r="BD37" s="194">
        <v>76</v>
      </c>
      <c r="BE37" s="195">
        <v>76</v>
      </c>
      <c r="BF37" s="190">
        <v>0</v>
      </c>
      <c r="BG37" s="191">
        <v>0</v>
      </c>
      <c r="BH37" s="196">
        <v>0</v>
      </c>
      <c r="BI37" s="193">
        <v>0</v>
      </c>
      <c r="BJ37" s="191">
        <v>9</v>
      </c>
      <c r="BK37" s="191">
        <v>11</v>
      </c>
      <c r="BL37" s="191">
        <v>22</v>
      </c>
      <c r="BM37" s="191">
        <v>0</v>
      </c>
      <c r="BN37" s="191">
        <v>0</v>
      </c>
      <c r="BO37" s="196">
        <v>42</v>
      </c>
      <c r="BP37" s="195">
        <v>42</v>
      </c>
      <c r="BQ37" s="190">
        <v>0</v>
      </c>
      <c r="BR37" s="191">
        <v>0</v>
      </c>
      <c r="BS37" s="196">
        <v>0</v>
      </c>
      <c r="BT37" s="193">
        <v>0</v>
      </c>
      <c r="BU37" s="191">
        <v>0</v>
      </c>
      <c r="BV37" s="191">
        <v>5</v>
      </c>
      <c r="BW37" s="191">
        <v>7</v>
      </c>
      <c r="BX37" s="191">
        <v>0</v>
      </c>
      <c r="BY37" s="191">
        <v>20</v>
      </c>
      <c r="BZ37" s="196">
        <v>32</v>
      </c>
      <c r="CA37" s="195">
        <v>32</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6">
        <v>0</v>
      </c>
      <c r="E38" s="207">
        <v>0</v>
      </c>
      <c r="F38" s="193">
        <v>0</v>
      </c>
      <c r="G38" s="191">
        <v>11</v>
      </c>
      <c r="H38" s="191">
        <v>136</v>
      </c>
      <c r="I38" s="191">
        <v>9</v>
      </c>
      <c r="J38" s="191">
        <v>0</v>
      </c>
      <c r="K38" s="191">
        <v>0</v>
      </c>
      <c r="L38" s="194">
        <v>156</v>
      </c>
      <c r="M38" s="195">
        <v>156</v>
      </c>
      <c r="N38" s="190">
        <v>0</v>
      </c>
      <c r="O38" s="191">
        <v>0</v>
      </c>
      <c r="P38" s="196">
        <v>0</v>
      </c>
      <c r="Q38" s="193">
        <v>0</v>
      </c>
      <c r="R38" s="191">
        <v>0</v>
      </c>
      <c r="S38" s="191">
        <v>0</v>
      </c>
      <c r="T38" s="191">
        <v>0</v>
      </c>
      <c r="U38" s="191">
        <v>0</v>
      </c>
      <c r="V38" s="191">
        <v>0</v>
      </c>
      <c r="W38" s="196">
        <v>0</v>
      </c>
      <c r="X38" s="195">
        <v>0</v>
      </c>
      <c r="Y38" s="190">
        <v>0</v>
      </c>
      <c r="Z38" s="191">
        <v>2</v>
      </c>
      <c r="AA38" s="196">
        <v>2</v>
      </c>
      <c r="AB38" s="193">
        <v>0</v>
      </c>
      <c r="AC38" s="191">
        <v>15</v>
      </c>
      <c r="AD38" s="191">
        <v>15</v>
      </c>
      <c r="AE38" s="191">
        <v>0</v>
      </c>
      <c r="AF38" s="191">
        <v>6</v>
      </c>
      <c r="AG38" s="191">
        <v>0</v>
      </c>
      <c r="AH38" s="196">
        <v>36</v>
      </c>
      <c r="AI38" s="195">
        <v>38</v>
      </c>
      <c r="AJ38" s="190">
        <v>0</v>
      </c>
      <c r="AK38" s="191">
        <v>0</v>
      </c>
      <c r="AL38" s="196">
        <v>0</v>
      </c>
      <c r="AM38" s="193">
        <v>0</v>
      </c>
      <c r="AN38" s="191">
        <v>14</v>
      </c>
      <c r="AO38" s="191">
        <v>0</v>
      </c>
      <c r="AP38" s="191">
        <v>0</v>
      </c>
      <c r="AQ38" s="191">
        <v>0</v>
      </c>
      <c r="AR38" s="191">
        <v>0</v>
      </c>
      <c r="AS38" s="196">
        <v>14</v>
      </c>
      <c r="AT38" s="195">
        <v>14</v>
      </c>
      <c r="AU38" s="190">
        <v>0</v>
      </c>
      <c r="AV38" s="191">
        <v>0</v>
      </c>
      <c r="AW38" s="196">
        <v>0</v>
      </c>
      <c r="AX38" s="193">
        <v>0</v>
      </c>
      <c r="AY38" s="191">
        <v>3</v>
      </c>
      <c r="AZ38" s="191">
        <v>41</v>
      </c>
      <c r="BA38" s="191">
        <v>0</v>
      </c>
      <c r="BB38" s="191">
        <v>25</v>
      </c>
      <c r="BC38" s="191">
        <v>0</v>
      </c>
      <c r="BD38" s="194">
        <v>69</v>
      </c>
      <c r="BE38" s="195">
        <v>69</v>
      </c>
      <c r="BF38" s="190">
        <v>0</v>
      </c>
      <c r="BG38" s="191">
        <v>0</v>
      </c>
      <c r="BH38" s="196">
        <v>0</v>
      </c>
      <c r="BI38" s="193">
        <v>0</v>
      </c>
      <c r="BJ38" s="191">
        <v>0</v>
      </c>
      <c r="BK38" s="191">
        <v>0</v>
      </c>
      <c r="BL38" s="191">
        <v>10</v>
      </c>
      <c r="BM38" s="191">
        <v>0</v>
      </c>
      <c r="BN38" s="191">
        <v>0</v>
      </c>
      <c r="BO38" s="196">
        <v>10</v>
      </c>
      <c r="BP38" s="195">
        <v>10</v>
      </c>
      <c r="BQ38" s="190">
        <v>0</v>
      </c>
      <c r="BR38" s="191">
        <v>0</v>
      </c>
      <c r="BS38" s="196">
        <v>0</v>
      </c>
      <c r="BT38" s="193">
        <v>0</v>
      </c>
      <c r="BU38" s="191">
        <v>0</v>
      </c>
      <c r="BV38" s="191">
        <v>22</v>
      </c>
      <c r="BW38" s="191">
        <v>0</v>
      </c>
      <c r="BX38" s="191">
        <v>9</v>
      </c>
      <c r="BY38" s="191">
        <v>0</v>
      </c>
      <c r="BZ38" s="196">
        <v>31</v>
      </c>
      <c r="CA38" s="195">
        <v>31</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203">
        <v>0</v>
      </c>
      <c r="E39" s="208">
        <v>0</v>
      </c>
      <c r="F39" s="200">
        <v>0</v>
      </c>
      <c r="G39" s="198">
        <v>0</v>
      </c>
      <c r="H39" s="198">
        <v>0</v>
      </c>
      <c r="I39" s="198">
        <v>0</v>
      </c>
      <c r="J39" s="198">
        <v>0</v>
      </c>
      <c r="K39" s="198">
        <v>21</v>
      </c>
      <c r="L39" s="201">
        <v>21</v>
      </c>
      <c r="M39" s="202">
        <v>2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24</v>
      </c>
      <c r="AE39" s="198">
        <v>0</v>
      </c>
      <c r="AF39" s="198">
        <v>0</v>
      </c>
      <c r="AG39" s="198">
        <v>4</v>
      </c>
      <c r="AH39" s="203">
        <v>28</v>
      </c>
      <c r="AI39" s="202">
        <v>28</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5</v>
      </c>
      <c r="BA39" s="198">
        <v>0</v>
      </c>
      <c r="BB39" s="198">
        <v>0</v>
      </c>
      <c r="BC39" s="198">
        <v>0</v>
      </c>
      <c r="BD39" s="201">
        <v>5</v>
      </c>
      <c r="BE39" s="202">
        <v>5</v>
      </c>
      <c r="BF39" s="197">
        <v>0</v>
      </c>
      <c r="BG39" s="198">
        <v>0</v>
      </c>
      <c r="BH39" s="203">
        <v>0</v>
      </c>
      <c r="BI39" s="200">
        <v>0</v>
      </c>
      <c r="BJ39" s="198">
        <v>0</v>
      </c>
      <c r="BK39" s="198">
        <v>0</v>
      </c>
      <c r="BL39" s="198">
        <v>0</v>
      </c>
      <c r="BM39" s="198">
        <v>0</v>
      </c>
      <c r="BN39" s="198">
        <v>0</v>
      </c>
      <c r="BO39" s="203">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8</v>
      </c>
      <c r="CK39" s="203">
        <v>8</v>
      </c>
      <c r="CL39" s="202">
        <v>8</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77734375" style="70" customWidth="1"/>
    <col min="6" max="6" width="9.109375" style="70" customWidth="1"/>
    <col min="7" max="7" width="9.44140625" style="70" customWidth="1"/>
    <col min="8" max="26" width="7.77734375" style="70" customWidth="1"/>
    <col min="27" max="35" width="7.77734375" style="71" customWidth="1"/>
    <col min="36" max="16384" width="9" style="71"/>
  </cols>
  <sheetData>
    <row r="1" spans="2:35" ht="24" customHeight="1" x14ac:dyDescent="0.2">
      <c r="B1" s="10" t="s">
        <v>126</v>
      </c>
      <c r="F1" s="12"/>
      <c r="H1" s="440">
        <f>第１表!F2</f>
        <v>6</v>
      </c>
      <c r="I1" s="440"/>
      <c r="J1" s="18">
        <f>第１表!G2</f>
        <v>12</v>
      </c>
      <c r="K1" s="445">
        <f>IF(J1&lt;3,J1-2+12,J1-2)</f>
        <v>10</v>
      </c>
      <c r="L1" s="445"/>
    </row>
    <row r="2" spans="2:35" ht="24" customHeight="1" thickBot="1" x14ac:dyDescent="0.25">
      <c r="J2" s="209"/>
      <c r="K2" s="209"/>
      <c r="L2" s="209"/>
      <c r="M2" s="209"/>
      <c r="N2" s="209"/>
      <c r="O2" s="209"/>
      <c r="P2" s="210"/>
      <c r="Q2" s="210"/>
      <c r="R2" s="210"/>
    </row>
    <row r="3" spans="2:35" ht="21" customHeight="1" thickBot="1" x14ac:dyDescent="0.25">
      <c r="B3" s="119"/>
      <c r="C3" s="442" t="s">
        <v>53</v>
      </c>
      <c r="D3" s="443"/>
      <c r="E3" s="443"/>
      <c r="F3" s="443"/>
      <c r="G3" s="443"/>
      <c r="H3" s="443"/>
      <c r="I3" s="443"/>
      <c r="J3" s="443"/>
      <c r="K3" s="443"/>
      <c r="L3" s="443"/>
      <c r="M3" s="444"/>
      <c r="N3" s="442" t="s">
        <v>54</v>
      </c>
      <c r="O3" s="443"/>
      <c r="P3" s="443"/>
      <c r="Q3" s="443"/>
      <c r="R3" s="443"/>
      <c r="S3" s="443"/>
      <c r="T3" s="443"/>
      <c r="U3" s="443"/>
      <c r="V3" s="443"/>
      <c r="W3" s="443"/>
      <c r="X3" s="444"/>
      <c r="Y3" s="442" t="s">
        <v>55</v>
      </c>
      <c r="Z3" s="443"/>
      <c r="AA3" s="443"/>
      <c r="AB3" s="443"/>
      <c r="AC3" s="443"/>
      <c r="AD3" s="443"/>
      <c r="AE3" s="443"/>
      <c r="AF3" s="443"/>
      <c r="AG3" s="443"/>
      <c r="AH3" s="443"/>
      <c r="AI3" s="444"/>
    </row>
    <row r="4" spans="2:35"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211">
        <v>178</v>
      </c>
      <c r="D5" s="212">
        <v>309</v>
      </c>
      <c r="E5" s="213">
        <v>487</v>
      </c>
      <c r="F5" s="214">
        <v>0</v>
      </c>
      <c r="G5" s="212">
        <v>20033</v>
      </c>
      <c r="H5" s="212">
        <v>20410</v>
      </c>
      <c r="I5" s="212">
        <v>13118</v>
      </c>
      <c r="J5" s="212">
        <v>8240</v>
      </c>
      <c r="K5" s="212">
        <v>5141</v>
      </c>
      <c r="L5" s="213">
        <v>66942</v>
      </c>
      <c r="M5" s="215">
        <v>67429</v>
      </c>
      <c r="N5" s="216">
        <v>3</v>
      </c>
      <c r="O5" s="212">
        <v>2</v>
      </c>
      <c r="P5" s="213">
        <v>5</v>
      </c>
      <c r="Q5" s="214">
        <v>0</v>
      </c>
      <c r="R5" s="212">
        <v>202</v>
      </c>
      <c r="S5" s="212">
        <v>378</v>
      </c>
      <c r="T5" s="212">
        <v>230</v>
      </c>
      <c r="U5" s="212">
        <v>176</v>
      </c>
      <c r="V5" s="212">
        <v>154</v>
      </c>
      <c r="W5" s="213">
        <v>1140</v>
      </c>
      <c r="X5" s="215">
        <v>1145</v>
      </c>
      <c r="Y5" s="216">
        <v>181</v>
      </c>
      <c r="Z5" s="212">
        <v>311</v>
      </c>
      <c r="AA5" s="213">
        <v>492</v>
      </c>
      <c r="AB5" s="214">
        <v>0</v>
      </c>
      <c r="AC5" s="212">
        <v>20235</v>
      </c>
      <c r="AD5" s="212">
        <v>20788</v>
      </c>
      <c r="AE5" s="212">
        <v>13348</v>
      </c>
      <c r="AF5" s="212">
        <v>8416</v>
      </c>
      <c r="AG5" s="212">
        <v>5295</v>
      </c>
      <c r="AH5" s="213">
        <v>68082</v>
      </c>
      <c r="AI5" s="215">
        <v>68574</v>
      </c>
    </row>
    <row r="6" spans="2:35" ht="21" customHeight="1" x14ac:dyDescent="0.2">
      <c r="B6" s="95" t="s">
        <v>5</v>
      </c>
      <c r="C6" s="217">
        <v>66</v>
      </c>
      <c r="D6" s="218">
        <v>131</v>
      </c>
      <c r="E6" s="219">
        <v>197</v>
      </c>
      <c r="F6" s="220">
        <v>0</v>
      </c>
      <c r="G6" s="218">
        <v>7485</v>
      </c>
      <c r="H6" s="218">
        <v>9651</v>
      </c>
      <c r="I6" s="218">
        <v>5801</v>
      </c>
      <c r="J6" s="218">
        <v>3607</v>
      </c>
      <c r="K6" s="218">
        <v>2357</v>
      </c>
      <c r="L6" s="219">
        <v>28901</v>
      </c>
      <c r="M6" s="221">
        <v>29098</v>
      </c>
      <c r="N6" s="222">
        <v>1</v>
      </c>
      <c r="O6" s="218">
        <v>1</v>
      </c>
      <c r="P6" s="219">
        <v>2</v>
      </c>
      <c r="Q6" s="220">
        <v>0</v>
      </c>
      <c r="R6" s="218">
        <v>65</v>
      </c>
      <c r="S6" s="218">
        <v>192</v>
      </c>
      <c r="T6" s="218">
        <v>110</v>
      </c>
      <c r="U6" s="218">
        <v>91</v>
      </c>
      <c r="V6" s="218">
        <v>82</v>
      </c>
      <c r="W6" s="219">
        <v>540</v>
      </c>
      <c r="X6" s="221">
        <v>542</v>
      </c>
      <c r="Y6" s="222">
        <v>67</v>
      </c>
      <c r="Z6" s="218">
        <v>132</v>
      </c>
      <c r="AA6" s="219">
        <v>199</v>
      </c>
      <c r="AB6" s="220">
        <v>0</v>
      </c>
      <c r="AC6" s="218">
        <v>7550</v>
      </c>
      <c r="AD6" s="218">
        <v>9843</v>
      </c>
      <c r="AE6" s="218">
        <v>5911</v>
      </c>
      <c r="AF6" s="218">
        <v>3698</v>
      </c>
      <c r="AG6" s="218">
        <v>2439</v>
      </c>
      <c r="AH6" s="219">
        <v>29441</v>
      </c>
      <c r="AI6" s="221">
        <v>29640</v>
      </c>
    </row>
    <row r="7" spans="2:35" ht="21" customHeight="1" x14ac:dyDescent="0.2">
      <c r="B7" s="106" t="s">
        <v>6</v>
      </c>
      <c r="C7" s="217">
        <v>25</v>
      </c>
      <c r="D7" s="218">
        <v>41</v>
      </c>
      <c r="E7" s="219">
        <v>66</v>
      </c>
      <c r="F7" s="220">
        <v>0</v>
      </c>
      <c r="G7" s="218">
        <v>3050</v>
      </c>
      <c r="H7" s="218">
        <v>2751</v>
      </c>
      <c r="I7" s="218">
        <v>1930</v>
      </c>
      <c r="J7" s="218">
        <v>1297</v>
      </c>
      <c r="K7" s="218">
        <v>906</v>
      </c>
      <c r="L7" s="219">
        <v>9934</v>
      </c>
      <c r="M7" s="221">
        <v>10000</v>
      </c>
      <c r="N7" s="222">
        <v>0</v>
      </c>
      <c r="O7" s="218">
        <v>0</v>
      </c>
      <c r="P7" s="219">
        <v>0</v>
      </c>
      <c r="Q7" s="220">
        <v>0</v>
      </c>
      <c r="R7" s="218">
        <v>22</v>
      </c>
      <c r="S7" s="218">
        <v>29</v>
      </c>
      <c r="T7" s="218">
        <v>26</v>
      </c>
      <c r="U7" s="218">
        <v>25</v>
      </c>
      <c r="V7" s="218">
        <v>27</v>
      </c>
      <c r="W7" s="219">
        <v>129</v>
      </c>
      <c r="X7" s="221">
        <v>129</v>
      </c>
      <c r="Y7" s="222">
        <v>25</v>
      </c>
      <c r="Z7" s="218">
        <v>41</v>
      </c>
      <c r="AA7" s="219">
        <v>66</v>
      </c>
      <c r="AB7" s="220">
        <v>0</v>
      </c>
      <c r="AC7" s="218">
        <v>3072</v>
      </c>
      <c r="AD7" s="218">
        <v>2780</v>
      </c>
      <c r="AE7" s="218">
        <v>1956</v>
      </c>
      <c r="AF7" s="218">
        <v>1322</v>
      </c>
      <c r="AG7" s="218">
        <v>933</v>
      </c>
      <c r="AH7" s="219">
        <v>10063</v>
      </c>
      <c r="AI7" s="221">
        <v>10129</v>
      </c>
    </row>
    <row r="8" spans="2:35" ht="21" customHeight="1" x14ac:dyDescent="0.2">
      <c r="B8" s="106" t="s">
        <v>14</v>
      </c>
      <c r="C8" s="217">
        <v>20</v>
      </c>
      <c r="D8" s="218">
        <v>25</v>
      </c>
      <c r="E8" s="219">
        <v>45</v>
      </c>
      <c r="F8" s="220">
        <v>0</v>
      </c>
      <c r="G8" s="218">
        <v>1577</v>
      </c>
      <c r="H8" s="218">
        <v>1756</v>
      </c>
      <c r="I8" s="218">
        <v>1230</v>
      </c>
      <c r="J8" s="218">
        <v>696</v>
      </c>
      <c r="K8" s="218">
        <v>367</v>
      </c>
      <c r="L8" s="219">
        <v>5626</v>
      </c>
      <c r="M8" s="221">
        <v>5671</v>
      </c>
      <c r="N8" s="222">
        <v>1</v>
      </c>
      <c r="O8" s="218">
        <v>0</v>
      </c>
      <c r="P8" s="219">
        <v>1</v>
      </c>
      <c r="Q8" s="220">
        <v>0</v>
      </c>
      <c r="R8" s="218">
        <v>13</v>
      </c>
      <c r="S8" s="218">
        <v>39</v>
      </c>
      <c r="T8" s="218">
        <v>19</v>
      </c>
      <c r="U8" s="218">
        <v>10</v>
      </c>
      <c r="V8" s="218">
        <v>10</v>
      </c>
      <c r="W8" s="219">
        <v>91</v>
      </c>
      <c r="X8" s="221">
        <v>92</v>
      </c>
      <c r="Y8" s="222">
        <v>21</v>
      </c>
      <c r="Z8" s="218">
        <v>25</v>
      </c>
      <c r="AA8" s="219">
        <v>46</v>
      </c>
      <c r="AB8" s="220">
        <v>0</v>
      </c>
      <c r="AC8" s="218">
        <v>1590</v>
      </c>
      <c r="AD8" s="218">
        <v>1795</v>
      </c>
      <c r="AE8" s="218">
        <v>1249</v>
      </c>
      <c r="AF8" s="218">
        <v>706</v>
      </c>
      <c r="AG8" s="218">
        <v>377</v>
      </c>
      <c r="AH8" s="219">
        <v>5717</v>
      </c>
      <c r="AI8" s="221">
        <v>5763</v>
      </c>
    </row>
    <row r="9" spans="2:35" ht="21" customHeight="1" x14ac:dyDescent="0.2">
      <c r="B9" s="106" t="s">
        <v>7</v>
      </c>
      <c r="C9" s="217">
        <v>4</v>
      </c>
      <c r="D9" s="218">
        <v>5</v>
      </c>
      <c r="E9" s="219">
        <v>9</v>
      </c>
      <c r="F9" s="220">
        <v>0</v>
      </c>
      <c r="G9" s="218">
        <v>1490</v>
      </c>
      <c r="H9" s="218">
        <v>993</v>
      </c>
      <c r="I9" s="218">
        <v>549</v>
      </c>
      <c r="J9" s="218">
        <v>308</v>
      </c>
      <c r="K9" s="218">
        <v>172</v>
      </c>
      <c r="L9" s="219">
        <v>3512</v>
      </c>
      <c r="M9" s="221">
        <v>3521</v>
      </c>
      <c r="N9" s="222">
        <v>0</v>
      </c>
      <c r="O9" s="218">
        <v>0</v>
      </c>
      <c r="P9" s="219">
        <v>0</v>
      </c>
      <c r="Q9" s="220">
        <v>0</v>
      </c>
      <c r="R9" s="218">
        <v>21</v>
      </c>
      <c r="S9" s="218">
        <v>16</v>
      </c>
      <c r="T9" s="218">
        <v>11</v>
      </c>
      <c r="U9" s="218">
        <v>3</v>
      </c>
      <c r="V9" s="218">
        <v>4</v>
      </c>
      <c r="W9" s="219">
        <v>55</v>
      </c>
      <c r="X9" s="221">
        <v>55</v>
      </c>
      <c r="Y9" s="222">
        <v>4</v>
      </c>
      <c r="Z9" s="218">
        <v>5</v>
      </c>
      <c r="AA9" s="219">
        <v>9</v>
      </c>
      <c r="AB9" s="220">
        <v>0</v>
      </c>
      <c r="AC9" s="218">
        <v>1511</v>
      </c>
      <c r="AD9" s="218">
        <v>1009</v>
      </c>
      <c r="AE9" s="218">
        <v>560</v>
      </c>
      <c r="AF9" s="218">
        <v>311</v>
      </c>
      <c r="AG9" s="218">
        <v>176</v>
      </c>
      <c r="AH9" s="219">
        <v>3567</v>
      </c>
      <c r="AI9" s="221">
        <v>3576</v>
      </c>
    </row>
    <row r="10" spans="2:35" ht="21" customHeight="1" x14ac:dyDescent="0.2">
      <c r="B10" s="106" t="s">
        <v>8</v>
      </c>
      <c r="C10" s="217">
        <v>11</v>
      </c>
      <c r="D10" s="218">
        <v>12</v>
      </c>
      <c r="E10" s="219">
        <v>23</v>
      </c>
      <c r="F10" s="220">
        <v>0</v>
      </c>
      <c r="G10" s="218">
        <v>782</v>
      </c>
      <c r="H10" s="218">
        <v>674</v>
      </c>
      <c r="I10" s="218">
        <v>399</v>
      </c>
      <c r="J10" s="218">
        <v>249</v>
      </c>
      <c r="K10" s="218">
        <v>136</v>
      </c>
      <c r="L10" s="219">
        <v>2240</v>
      </c>
      <c r="M10" s="221">
        <v>2263</v>
      </c>
      <c r="N10" s="222">
        <v>0</v>
      </c>
      <c r="O10" s="218">
        <v>0</v>
      </c>
      <c r="P10" s="219">
        <v>0</v>
      </c>
      <c r="Q10" s="220">
        <v>0</v>
      </c>
      <c r="R10" s="218">
        <v>13</v>
      </c>
      <c r="S10" s="218">
        <v>26</v>
      </c>
      <c r="T10" s="218">
        <v>5</v>
      </c>
      <c r="U10" s="218">
        <v>5</v>
      </c>
      <c r="V10" s="218">
        <v>3</v>
      </c>
      <c r="W10" s="219">
        <v>52</v>
      </c>
      <c r="X10" s="221">
        <v>52</v>
      </c>
      <c r="Y10" s="222">
        <v>11</v>
      </c>
      <c r="Z10" s="218">
        <v>12</v>
      </c>
      <c r="AA10" s="219">
        <v>23</v>
      </c>
      <c r="AB10" s="220">
        <v>0</v>
      </c>
      <c r="AC10" s="218">
        <v>795</v>
      </c>
      <c r="AD10" s="218">
        <v>700</v>
      </c>
      <c r="AE10" s="218">
        <v>404</v>
      </c>
      <c r="AF10" s="218">
        <v>254</v>
      </c>
      <c r="AG10" s="218">
        <v>139</v>
      </c>
      <c r="AH10" s="219">
        <v>2292</v>
      </c>
      <c r="AI10" s="221">
        <v>2315</v>
      </c>
    </row>
    <row r="11" spans="2:35" ht="21" customHeight="1" x14ac:dyDescent="0.2">
      <c r="B11" s="106" t="s">
        <v>9</v>
      </c>
      <c r="C11" s="217">
        <v>5</v>
      </c>
      <c r="D11" s="218">
        <v>3</v>
      </c>
      <c r="E11" s="219">
        <v>8</v>
      </c>
      <c r="F11" s="220">
        <v>0</v>
      </c>
      <c r="G11" s="218">
        <v>538</v>
      </c>
      <c r="H11" s="218">
        <v>399</v>
      </c>
      <c r="I11" s="218">
        <v>275</v>
      </c>
      <c r="J11" s="218">
        <v>211</v>
      </c>
      <c r="K11" s="218">
        <v>100</v>
      </c>
      <c r="L11" s="219">
        <v>1523</v>
      </c>
      <c r="M11" s="221">
        <v>1531</v>
      </c>
      <c r="N11" s="222">
        <v>0</v>
      </c>
      <c r="O11" s="218">
        <v>0</v>
      </c>
      <c r="P11" s="219">
        <v>0</v>
      </c>
      <c r="Q11" s="220">
        <v>0</v>
      </c>
      <c r="R11" s="218">
        <v>12</v>
      </c>
      <c r="S11" s="218">
        <v>14</v>
      </c>
      <c r="T11" s="218">
        <v>4</v>
      </c>
      <c r="U11" s="218">
        <v>1</v>
      </c>
      <c r="V11" s="218">
        <v>3</v>
      </c>
      <c r="W11" s="219">
        <v>34</v>
      </c>
      <c r="X11" s="221">
        <v>34</v>
      </c>
      <c r="Y11" s="222">
        <v>5</v>
      </c>
      <c r="Z11" s="218">
        <v>3</v>
      </c>
      <c r="AA11" s="219">
        <v>8</v>
      </c>
      <c r="AB11" s="220">
        <v>0</v>
      </c>
      <c r="AC11" s="218">
        <v>550</v>
      </c>
      <c r="AD11" s="218">
        <v>413</v>
      </c>
      <c r="AE11" s="218">
        <v>279</v>
      </c>
      <c r="AF11" s="218">
        <v>212</v>
      </c>
      <c r="AG11" s="218">
        <v>103</v>
      </c>
      <c r="AH11" s="219">
        <v>1557</v>
      </c>
      <c r="AI11" s="221">
        <v>1565</v>
      </c>
    </row>
    <row r="12" spans="2:35" ht="21" customHeight="1" x14ac:dyDescent="0.2">
      <c r="B12" s="106" t="s">
        <v>10</v>
      </c>
      <c r="C12" s="217">
        <v>11</v>
      </c>
      <c r="D12" s="218">
        <v>19</v>
      </c>
      <c r="E12" s="219">
        <v>30</v>
      </c>
      <c r="F12" s="220">
        <v>0</v>
      </c>
      <c r="G12" s="218">
        <v>891</v>
      </c>
      <c r="H12" s="218">
        <v>494</v>
      </c>
      <c r="I12" s="218">
        <v>397</v>
      </c>
      <c r="J12" s="218">
        <v>323</v>
      </c>
      <c r="K12" s="218">
        <v>237</v>
      </c>
      <c r="L12" s="219">
        <v>2342</v>
      </c>
      <c r="M12" s="221">
        <v>2372</v>
      </c>
      <c r="N12" s="222">
        <v>0</v>
      </c>
      <c r="O12" s="218">
        <v>1</v>
      </c>
      <c r="P12" s="219">
        <v>1</v>
      </c>
      <c r="Q12" s="220">
        <v>0</v>
      </c>
      <c r="R12" s="218">
        <v>11</v>
      </c>
      <c r="S12" s="218">
        <v>8</v>
      </c>
      <c r="T12" s="218">
        <v>11</v>
      </c>
      <c r="U12" s="218">
        <v>8</v>
      </c>
      <c r="V12" s="218">
        <v>5</v>
      </c>
      <c r="W12" s="219">
        <v>43</v>
      </c>
      <c r="X12" s="221">
        <v>44</v>
      </c>
      <c r="Y12" s="222">
        <v>11</v>
      </c>
      <c r="Z12" s="218">
        <v>20</v>
      </c>
      <c r="AA12" s="219">
        <v>31</v>
      </c>
      <c r="AB12" s="220">
        <v>0</v>
      </c>
      <c r="AC12" s="218">
        <v>902</v>
      </c>
      <c r="AD12" s="218">
        <v>502</v>
      </c>
      <c r="AE12" s="218">
        <v>408</v>
      </c>
      <c r="AF12" s="218">
        <v>331</v>
      </c>
      <c r="AG12" s="218">
        <v>242</v>
      </c>
      <c r="AH12" s="219">
        <v>2385</v>
      </c>
      <c r="AI12" s="221">
        <v>2416</v>
      </c>
    </row>
    <row r="13" spans="2:35" ht="21" customHeight="1" x14ac:dyDescent="0.2">
      <c r="B13" s="106" t="s">
        <v>11</v>
      </c>
      <c r="C13" s="217">
        <v>2</v>
      </c>
      <c r="D13" s="218">
        <v>7</v>
      </c>
      <c r="E13" s="219">
        <v>9</v>
      </c>
      <c r="F13" s="220">
        <v>0</v>
      </c>
      <c r="G13" s="218">
        <v>627</v>
      </c>
      <c r="H13" s="218">
        <v>434</v>
      </c>
      <c r="I13" s="218">
        <v>308</v>
      </c>
      <c r="J13" s="218">
        <v>184</v>
      </c>
      <c r="K13" s="218">
        <v>78</v>
      </c>
      <c r="L13" s="219">
        <v>1631</v>
      </c>
      <c r="M13" s="221">
        <v>1640</v>
      </c>
      <c r="N13" s="222">
        <v>1</v>
      </c>
      <c r="O13" s="218">
        <v>0</v>
      </c>
      <c r="P13" s="219">
        <v>1</v>
      </c>
      <c r="Q13" s="220">
        <v>0</v>
      </c>
      <c r="R13" s="218">
        <v>6</v>
      </c>
      <c r="S13" s="218">
        <v>3</v>
      </c>
      <c r="T13" s="218">
        <v>6</v>
      </c>
      <c r="U13" s="218">
        <v>7</v>
      </c>
      <c r="V13" s="218">
        <v>2</v>
      </c>
      <c r="W13" s="219">
        <v>24</v>
      </c>
      <c r="X13" s="221">
        <v>25</v>
      </c>
      <c r="Y13" s="222">
        <v>3</v>
      </c>
      <c r="Z13" s="218">
        <v>7</v>
      </c>
      <c r="AA13" s="219">
        <v>10</v>
      </c>
      <c r="AB13" s="220">
        <v>0</v>
      </c>
      <c r="AC13" s="218">
        <v>633</v>
      </c>
      <c r="AD13" s="218">
        <v>437</v>
      </c>
      <c r="AE13" s="218">
        <v>314</v>
      </c>
      <c r="AF13" s="218">
        <v>191</v>
      </c>
      <c r="AG13" s="218">
        <v>80</v>
      </c>
      <c r="AH13" s="219">
        <v>1655</v>
      </c>
      <c r="AI13" s="221">
        <v>1665</v>
      </c>
    </row>
    <row r="14" spans="2:35" ht="21" customHeight="1" x14ac:dyDescent="0.2">
      <c r="B14" s="106" t="s">
        <v>12</v>
      </c>
      <c r="C14" s="217">
        <v>0</v>
      </c>
      <c r="D14" s="218">
        <v>2</v>
      </c>
      <c r="E14" s="219">
        <v>2</v>
      </c>
      <c r="F14" s="220">
        <v>0</v>
      </c>
      <c r="G14" s="218">
        <v>459</v>
      </c>
      <c r="H14" s="218">
        <v>358</v>
      </c>
      <c r="I14" s="218">
        <v>277</v>
      </c>
      <c r="J14" s="218">
        <v>201</v>
      </c>
      <c r="K14" s="218">
        <v>120</v>
      </c>
      <c r="L14" s="219">
        <v>1415</v>
      </c>
      <c r="M14" s="221">
        <v>1417</v>
      </c>
      <c r="N14" s="222">
        <v>0</v>
      </c>
      <c r="O14" s="218">
        <v>0</v>
      </c>
      <c r="P14" s="219">
        <v>0</v>
      </c>
      <c r="Q14" s="220">
        <v>0</v>
      </c>
      <c r="R14" s="218">
        <v>6</v>
      </c>
      <c r="S14" s="218">
        <v>7</v>
      </c>
      <c r="T14" s="218">
        <v>3</v>
      </c>
      <c r="U14" s="218">
        <v>1</v>
      </c>
      <c r="V14" s="218">
        <v>3</v>
      </c>
      <c r="W14" s="219">
        <v>20</v>
      </c>
      <c r="X14" s="221">
        <v>20</v>
      </c>
      <c r="Y14" s="222">
        <v>0</v>
      </c>
      <c r="Z14" s="218">
        <v>2</v>
      </c>
      <c r="AA14" s="219">
        <v>2</v>
      </c>
      <c r="AB14" s="220">
        <v>0</v>
      </c>
      <c r="AC14" s="218">
        <v>465</v>
      </c>
      <c r="AD14" s="218">
        <v>365</v>
      </c>
      <c r="AE14" s="218">
        <v>280</v>
      </c>
      <c r="AF14" s="218">
        <v>202</v>
      </c>
      <c r="AG14" s="218">
        <v>123</v>
      </c>
      <c r="AH14" s="219">
        <v>1435</v>
      </c>
      <c r="AI14" s="221">
        <v>1437</v>
      </c>
    </row>
    <row r="15" spans="2:35" ht="21" customHeight="1" x14ac:dyDescent="0.2">
      <c r="B15" s="106" t="s">
        <v>13</v>
      </c>
      <c r="C15" s="217">
        <v>4</v>
      </c>
      <c r="D15" s="218">
        <v>1</v>
      </c>
      <c r="E15" s="219">
        <v>5</v>
      </c>
      <c r="F15" s="220">
        <v>0</v>
      </c>
      <c r="G15" s="218">
        <v>176</v>
      </c>
      <c r="H15" s="218">
        <v>198</v>
      </c>
      <c r="I15" s="218">
        <v>94</v>
      </c>
      <c r="J15" s="218">
        <v>67</v>
      </c>
      <c r="K15" s="218">
        <v>42</v>
      </c>
      <c r="L15" s="219">
        <v>577</v>
      </c>
      <c r="M15" s="221">
        <v>582</v>
      </c>
      <c r="N15" s="222">
        <v>0</v>
      </c>
      <c r="O15" s="218">
        <v>0</v>
      </c>
      <c r="P15" s="219">
        <v>0</v>
      </c>
      <c r="Q15" s="220">
        <v>0</v>
      </c>
      <c r="R15" s="218">
        <v>2</v>
      </c>
      <c r="S15" s="218">
        <v>0</v>
      </c>
      <c r="T15" s="218">
        <v>2</v>
      </c>
      <c r="U15" s="218">
        <v>0</v>
      </c>
      <c r="V15" s="218">
        <v>0</v>
      </c>
      <c r="W15" s="219">
        <v>4</v>
      </c>
      <c r="X15" s="221">
        <v>4</v>
      </c>
      <c r="Y15" s="222">
        <v>4</v>
      </c>
      <c r="Z15" s="218">
        <v>1</v>
      </c>
      <c r="AA15" s="219">
        <v>5</v>
      </c>
      <c r="AB15" s="220">
        <v>0</v>
      </c>
      <c r="AC15" s="218">
        <v>178</v>
      </c>
      <c r="AD15" s="218">
        <v>198</v>
      </c>
      <c r="AE15" s="218">
        <v>96</v>
      </c>
      <c r="AF15" s="218">
        <v>67</v>
      </c>
      <c r="AG15" s="218">
        <v>42</v>
      </c>
      <c r="AH15" s="219">
        <v>581</v>
      </c>
      <c r="AI15" s="221">
        <v>586</v>
      </c>
    </row>
    <row r="16" spans="2:35" ht="21" customHeight="1" x14ac:dyDescent="0.2">
      <c r="B16" s="106" t="s">
        <v>15</v>
      </c>
      <c r="C16" s="217">
        <v>1</v>
      </c>
      <c r="D16" s="218">
        <v>13</v>
      </c>
      <c r="E16" s="219">
        <v>14</v>
      </c>
      <c r="F16" s="220">
        <v>0</v>
      </c>
      <c r="G16" s="218">
        <v>283</v>
      </c>
      <c r="H16" s="218">
        <v>271</v>
      </c>
      <c r="I16" s="218">
        <v>134</v>
      </c>
      <c r="J16" s="218">
        <v>86</v>
      </c>
      <c r="K16" s="218">
        <v>59</v>
      </c>
      <c r="L16" s="219">
        <v>833</v>
      </c>
      <c r="M16" s="221">
        <v>847</v>
      </c>
      <c r="N16" s="222">
        <v>0</v>
      </c>
      <c r="O16" s="218">
        <v>0</v>
      </c>
      <c r="P16" s="219">
        <v>0</v>
      </c>
      <c r="Q16" s="220">
        <v>0</v>
      </c>
      <c r="R16" s="218">
        <v>4</v>
      </c>
      <c r="S16" s="218">
        <v>2</v>
      </c>
      <c r="T16" s="218">
        <v>3</v>
      </c>
      <c r="U16" s="218">
        <v>1</v>
      </c>
      <c r="V16" s="218">
        <v>0</v>
      </c>
      <c r="W16" s="219">
        <v>10</v>
      </c>
      <c r="X16" s="221">
        <v>10</v>
      </c>
      <c r="Y16" s="222">
        <v>1</v>
      </c>
      <c r="Z16" s="218">
        <v>13</v>
      </c>
      <c r="AA16" s="219">
        <v>14</v>
      </c>
      <c r="AB16" s="220">
        <v>0</v>
      </c>
      <c r="AC16" s="218">
        <v>287</v>
      </c>
      <c r="AD16" s="218">
        <v>273</v>
      </c>
      <c r="AE16" s="218">
        <v>137</v>
      </c>
      <c r="AF16" s="218">
        <v>87</v>
      </c>
      <c r="AG16" s="218">
        <v>59</v>
      </c>
      <c r="AH16" s="219">
        <v>843</v>
      </c>
      <c r="AI16" s="221">
        <v>857</v>
      </c>
    </row>
    <row r="17" spans="2:35" ht="21" customHeight="1" x14ac:dyDescent="0.2">
      <c r="B17" s="106" t="s">
        <v>16</v>
      </c>
      <c r="C17" s="217">
        <v>4</v>
      </c>
      <c r="D17" s="218">
        <v>4</v>
      </c>
      <c r="E17" s="219">
        <v>8</v>
      </c>
      <c r="F17" s="220">
        <v>0</v>
      </c>
      <c r="G17" s="218">
        <v>217</v>
      </c>
      <c r="H17" s="218">
        <v>288</v>
      </c>
      <c r="I17" s="218">
        <v>169</v>
      </c>
      <c r="J17" s="218">
        <v>117</v>
      </c>
      <c r="K17" s="218">
        <v>74</v>
      </c>
      <c r="L17" s="219">
        <v>865</v>
      </c>
      <c r="M17" s="221">
        <v>873</v>
      </c>
      <c r="N17" s="222">
        <v>0</v>
      </c>
      <c r="O17" s="218">
        <v>0</v>
      </c>
      <c r="P17" s="219">
        <v>0</v>
      </c>
      <c r="Q17" s="220">
        <v>0</v>
      </c>
      <c r="R17" s="218">
        <v>4</v>
      </c>
      <c r="S17" s="218">
        <v>2</v>
      </c>
      <c r="T17" s="218">
        <v>6</v>
      </c>
      <c r="U17" s="218">
        <v>3</v>
      </c>
      <c r="V17" s="218">
        <v>1</v>
      </c>
      <c r="W17" s="219">
        <v>16</v>
      </c>
      <c r="X17" s="221">
        <v>16</v>
      </c>
      <c r="Y17" s="222">
        <v>4</v>
      </c>
      <c r="Z17" s="218">
        <v>4</v>
      </c>
      <c r="AA17" s="219">
        <v>8</v>
      </c>
      <c r="AB17" s="220">
        <v>0</v>
      </c>
      <c r="AC17" s="218">
        <v>221</v>
      </c>
      <c r="AD17" s="218">
        <v>290</v>
      </c>
      <c r="AE17" s="218">
        <v>175</v>
      </c>
      <c r="AF17" s="218">
        <v>120</v>
      </c>
      <c r="AG17" s="218">
        <v>75</v>
      </c>
      <c r="AH17" s="219">
        <v>881</v>
      </c>
      <c r="AI17" s="221">
        <v>889</v>
      </c>
    </row>
    <row r="18" spans="2:35" ht="21" customHeight="1" x14ac:dyDescent="0.2">
      <c r="B18" s="106" t="s">
        <v>17</v>
      </c>
      <c r="C18" s="217">
        <v>6</v>
      </c>
      <c r="D18" s="218">
        <v>7</v>
      </c>
      <c r="E18" s="219">
        <v>13</v>
      </c>
      <c r="F18" s="220">
        <v>0</v>
      </c>
      <c r="G18" s="218">
        <v>353</v>
      </c>
      <c r="H18" s="218">
        <v>475</v>
      </c>
      <c r="I18" s="218">
        <v>329</v>
      </c>
      <c r="J18" s="218">
        <v>213</v>
      </c>
      <c r="K18" s="218">
        <v>123</v>
      </c>
      <c r="L18" s="219">
        <v>1493</v>
      </c>
      <c r="M18" s="221">
        <v>1506</v>
      </c>
      <c r="N18" s="222">
        <v>0</v>
      </c>
      <c r="O18" s="218">
        <v>0</v>
      </c>
      <c r="P18" s="219">
        <v>0</v>
      </c>
      <c r="Q18" s="220">
        <v>0</v>
      </c>
      <c r="R18" s="218">
        <v>6</v>
      </c>
      <c r="S18" s="218">
        <v>17</v>
      </c>
      <c r="T18" s="218">
        <v>5</v>
      </c>
      <c r="U18" s="218">
        <v>8</v>
      </c>
      <c r="V18" s="218">
        <v>4</v>
      </c>
      <c r="W18" s="219">
        <v>40</v>
      </c>
      <c r="X18" s="221">
        <v>40</v>
      </c>
      <c r="Y18" s="222">
        <v>6</v>
      </c>
      <c r="Z18" s="218">
        <v>7</v>
      </c>
      <c r="AA18" s="219">
        <v>13</v>
      </c>
      <c r="AB18" s="220">
        <v>0</v>
      </c>
      <c r="AC18" s="218">
        <v>359</v>
      </c>
      <c r="AD18" s="218">
        <v>492</v>
      </c>
      <c r="AE18" s="218">
        <v>334</v>
      </c>
      <c r="AF18" s="218">
        <v>221</v>
      </c>
      <c r="AG18" s="218">
        <v>127</v>
      </c>
      <c r="AH18" s="219">
        <v>1533</v>
      </c>
      <c r="AI18" s="221">
        <v>1546</v>
      </c>
    </row>
    <row r="19" spans="2:35" ht="21" customHeight="1" x14ac:dyDescent="0.2">
      <c r="B19" s="106" t="s">
        <v>18</v>
      </c>
      <c r="C19" s="217">
        <v>4</v>
      </c>
      <c r="D19" s="218">
        <v>14</v>
      </c>
      <c r="E19" s="219">
        <v>18</v>
      </c>
      <c r="F19" s="220">
        <v>0</v>
      </c>
      <c r="G19" s="218">
        <v>437</v>
      </c>
      <c r="H19" s="218">
        <v>350</v>
      </c>
      <c r="I19" s="218">
        <v>280</v>
      </c>
      <c r="J19" s="218">
        <v>173</v>
      </c>
      <c r="K19" s="218">
        <v>93</v>
      </c>
      <c r="L19" s="219">
        <v>1333</v>
      </c>
      <c r="M19" s="221">
        <v>1351</v>
      </c>
      <c r="N19" s="222">
        <v>0</v>
      </c>
      <c r="O19" s="218">
        <v>0</v>
      </c>
      <c r="P19" s="219">
        <v>0</v>
      </c>
      <c r="Q19" s="220">
        <v>0</v>
      </c>
      <c r="R19" s="218">
        <v>5</v>
      </c>
      <c r="S19" s="218">
        <v>7</v>
      </c>
      <c r="T19" s="218">
        <v>3</v>
      </c>
      <c r="U19" s="218">
        <v>6</v>
      </c>
      <c r="V19" s="218">
        <v>4</v>
      </c>
      <c r="W19" s="219">
        <v>25</v>
      </c>
      <c r="X19" s="221">
        <v>25</v>
      </c>
      <c r="Y19" s="222">
        <v>4</v>
      </c>
      <c r="Z19" s="218">
        <v>14</v>
      </c>
      <c r="AA19" s="219">
        <v>18</v>
      </c>
      <c r="AB19" s="220">
        <v>0</v>
      </c>
      <c r="AC19" s="218">
        <v>442</v>
      </c>
      <c r="AD19" s="218">
        <v>357</v>
      </c>
      <c r="AE19" s="218">
        <v>283</v>
      </c>
      <c r="AF19" s="218">
        <v>179</v>
      </c>
      <c r="AG19" s="218">
        <v>97</v>
      </c>
      <c r="AH19" s="219">
        <v>1358</v>
      </c>
      <c r="AI19" s="221">
        <v>1376</v>
      </c>
    </row>
    <row r="20" spans="2:35" ht="21" customHeight="1" x14ac:dyDescent="0.2">
      <c r="B20" s="106" t="s">
        <v>19</v>
      </c>
      <c r="C20" s="217">
        <v>1</v>
      </c>
      <c r="D20" s="218">
        <v>2</v>
      </c>
      <c r="E20" s="219">
        <v>3</v>
      </c>
      <c r="F20" s="220">
        <v>0</v>
      </c>
      <c r="G20" s="218">
        <v>205</v>
      </c>
      <c r="H20" s="218">
        <v>171</v>
      </c>
      <c r="I20" s="218">
        <v>129</v>
      </c>
      <c r="J20" s="218">
        <v>72</v>
      </c>
      <c r="K20" s="218">
        <v>50</v>
      </c>
      <c r="L20" s="219">
        <v>627</v>
      </c>
      <c r="M20" s="221">
        <v>630</v>
      </c>
      <c r="N20" s="222">
        <v>0</v>
      </c>
      <c r="O20" s="218">
        <v>0</v>
      </c>
      <c r="P20" s="219">
        <v>0</v>
      </c>
      <c r="Q20" s="220">
        <v>0</v>
      </c>
      <c r="R20" s="218">
        <v>1</v>
      </c>
      <c r="S20" s="218">
        <v>2</v>
      </c>
      <c r="T20" s="218">
        <v>0</v>
      </c>
      <c r="U20" s="218">
        <v>4</v>
      </c>
      <c r="V20" s="218">
        <v>1</v>
      </c>
      <c r="W20" s="219">
        <v>8</v>
      </c>
      <c r="X20" s="221">
        <v>8</v>
      </c>
      <c r="Y20" s="222">
        <v>1</v>
      </c>
      <c r="Z20" s="218">
        <v>2</v>
      </c>
      <c r="AA20" s="219">
        <v>3</v>
      </c>
      <c r="AB20" s="220">
        <v>0</v>
      </c>
      <c r="AC20" s="218">
        <v>206</v>
      </c>
      <c r="AD20" s="218">
        <v>173</v>
      </c>
      <c r="AE20" s="218">
        <v>129</v>
      </c>
      <c r="AF20" s="218">
        <v>76</v>
      </c>
      <c r="AG20" s="218">
        <v>51</v>
      </c>
      <c r="AH20" s="219">
        <v>635</v>
      </c>
      <c r="AI20" s="221">
        <v>638</v>
      </c>
    </row>
    <row r="21" spans="2:35" ht="21" customHeight="1" x14ac:dyDescent="0.2">
      <c r="B21" s="106" t="s">
        <v>20</v>
      </c>
      <c r="C21" s="217">
        <v>0</v>
      </c>
      <c r="D21" s="218">
        <v>0</v>
      </c>
      <c r="E21" s="219">
        <v>0</v>
      </c>
      <c r="F21" s="220">
        <v>0</v>
      </c>
      <c r="G21" s="218">
        <v>257</v>
      </c>
      <c r="H21" s="218">
        <v>160</v>
      </c>
      <c r="I21" s="218">
        <v>131</v>
      </c>
      <c r="J21" s="218">
        <v>43</v>
      </c>
      <c r="K21" s="218">
        <v>27</v>
      </c>
      <c r="L21" s="219">
        <v>618</v>
      </c>
      <c r="M21" s="221">
        <v>618</v>
      </c>
      <c r="N21" s="222">
        <v>0</v>
      </c>
      <c r="O21" s="218">
        <v>0</v>
      </c>
      <c r="P21" s="219">
        <v>0</v>
      </c>
      <c r="Q21" s="220">
        <v>0</v>
      </c>
      <c r="R21" s="218">
        <v>6</v>
      </c>
      <c r="S21" s="218">
        <v>3</v>
      </c>
      <c r="T21" s="218">
        <v>4</v>
      </c>
      <c r="U21" s="218">
        <v>0</v>
      </c>
      <c r="V21" s="218">
        <v>1</v>
      </c>
      <c r="W21" s="219">
        <v>14</v>
      </c>
      <c r="X21" s="221">
        <v>14</v>
      </c>
      <c r="Y21" s="222">
        <v>0</v>
      </c>
      <c r="Z21" s="218">
        <v>0</v>
      </c>
      <c r="AA21" s="219">
        <v>0</v>
      </c>
      <c r="AB21" s="220">
        <v>0</v>
      </c>
      <c r="AC21" s="218">
        <v>263</v>
      </c>
      <c r="AD21" s="218">
        <v>163</v>
      </c>
      <c r="AE21" s="218">
        <v>135</v>
      </c>
      <c r="AF21" s="218">
        <v>43</v>
      </c>
      <c r="AG21" s="218">
        <v>28</v>
      </c>
      <c r="AH21" s="219">
        <v>632</v>
      </c>
      <c r="AI21" s="221">
        <v>632</v>
      </c>
    </row>
    <row r="22" spans="2:35" ht="21" customHeight="1" x14ac:dyDescent="0.2">
      <c r="B22" s="106" t="s">
        <v>21</v>
      </c>
      <c r="C22" s="217">
        <v>0</v>
      </c>
      <c r="D22" s="218">
        <v>1</v>
      </c>
      <c r="E22" s="219">
        <v>1</v>
      </c>
      <c r="F22" s="220">
        <v>0</v>
      </c>
      <c r="G22" s="218">
        <v>260</v>
      </c>
      <c r="H22" s="218">
        <v>240</v>
      </c>
      <c r="I22" s="218">
        <v>152</v>
      </c>
      <c r="J22" s="218">
        <v>57</v>
      </c>
      <c r="K22" s="218">
        <v>30</v>
      </c>
      <c r="L22" s="219">
        <v>739</v>
      </c>
      <c r="M22" s="221">
        <v>740</v>
      </c>
      <c r="N22" s="222">
        <v>0</v>
      </c>
      <c r="O22" s="218">
        <v>0</v>
      </c>
      <c r="P22" s="219">
        <v>0</v>
      </c>
      <c r="Q22" s="220">
        <v>0</v>
      </c>
      <c r="R22" s="218">
        <v>1</v>
      </c>
      <c r="S22" s="218">
        <v>7</v>
      </c>
      <c r="T22" s="218">
        <v>4</v>
      </c>
      <c r="U22" s="218">
        <v>0</v>
      </c>
      <c r="V22" s="218">
        <v>1</v>
      </c>
      <c r="W22" s="219">
        <v>13</v>
      </c>
      <c r="X22" s="221">
        <v>13</v>
      </c>
      <c r="Y22" s="222">
        <v>0</v>
      </c>
      <c r="Z22" s="218">
        <v>1</v>
      </c>
      <c r="AA22" s="219">
        <v>1</v>
      </c>
      <c r="AB22" s="220">
        <v>0</v>
      </c>
      <c r="AC22" s="218">
        <v>261</v>
      </c>
      <c r="AD22" s="218">
        <v>247</v>
      </c>
      <c r="AE22" s="218">
        <v>156</v>
      </c>
      <c r="AF22" s="218">
        <v>57</v>
      </c>
      <c r="AG22" s="218">
        <v>31</v>
      </c>
      <c r="AH22" s="219">
        <v>752</v>
      </c>
      <c r="AI22" s="221">
        <v>753</v>
      </c>
    </row>
    <row r="23" spans="2:35" ht="21" customHeight="1" x14ac:dyDescent="0.2">
      <c r="B23" s="106" t="s">
        <v>22</v>
      </c>
      <c r="C23" s="217">
        <v>4</v>
      </c>
      <c r="D23" s="218">
        <v>6</v>
      </c>
      <c r="E23" s="219">
        <v>10</v>
      </c>
      <c r="F23" s="220">
        <v>0</v>
      </c>
      <c r="G23" s="218">
        <v>165</v>
      </c>
      <c r="H23" s="218">
        <v>154</v>
      </c>
      <c r="I23" s="218">
        <v>93</v>
      </c>
      <c r="J23" s="218">
        <v>68</v>
      </c>
      <c r="K23" s="218">
        <v>29</v>
      </c>
      <c r="L23" s="219">
        <v>509</v>
      </c>
      <c r="M23" s="221">
        <v>519</v>
      </c>
      <c r="N23" s="222">
        <v>0</v>
      </c>
      <c r="O23" s="218">
        <v>0</v>
      </c>
      <c r="P23" s="219">
        <v>0</v>
      </c>
      <c r="Q23" s="220">
        <v>0</v>
      </c>
      <c r="R23" s="218">
        <v>1</v>
      </c>
      <c r="S23" s="218">
        <v>1</v>
      </c>
      <c r="T23" s="218">
        <v>1</v>
      </c>
      <c r="U23" s="218">
        <v>0</v>
      </c>
      <c r="V23" s="218">
        <v>0</v>
      </c>
      <c r="W23" s="219">
        <v>3</v>
      </c>
      <c r="X23" s="221">
        <v>3</v>
      </c>
      <c r="Y23" s="222">
        <v>4</v>
      </c>
      <c r="Z23" s="218">
        <v>6</v>
      </c>
      <c r="AA23" s="219">
        <v>10</v>
      </c>
      <c r="AB23" s="220">
        <v>0</v>
      </c>
      <c r="AC23" s="218">
        <v>166</v>
      </c>
      <c r="AD23" s="218">
        <v>155</v>
      </c>
      <c r="AE23" s="218">
        <v>94</v>
      </c>
      <c r="AF23" s="218">
        <v>68</v>
      </c>
      <c r="AG23" s="218">
        <v>29</v>
      </c>
      <c r="AH23" s="219">
        <v>512</v>
      </c>
      <c r="AI23" s="221">
        <v>522</v>
      </c>
    </row>
    <row r="24" spans="2:35" ht="21" customHeight="1" x14ac:dyDescent="0.2">
      <c r="B24" s="106" t="s">
        <v>23</v>
      </c>
      <c r="C24" s="217">
        <v>0</v>
      </c>
      <c r="D24" s="218">
        <v>0</v>
      </c>
      <c r="E24" s="219">
        <v>0</v>
      </c>
      <c r="F24" s="220">
        <v>0</v>
      </c>
      <c r="G24" s="218">
        <v>113</v>
      </c>
      <c r="H24" s="218">
        <v>79</v>
      </c>
      <c r="I24" s="218">
        <v>66</v>
      </c>
      <c r="J24" s="218">
        <v>42</v>
      </c>
      <c r="K24" s="218">
        <v>23</v>
      </c>
      <c r="L24" s="219">
        <v>323</v>
      </c>
      <c r="M24" s="221">
        <v>323</v>
      </c>
      <c r="N24" s="222">
        <v>0</v>
      </c>
      <c r="O24" s="218">
        <v>0</v>
      </c>
      <c r="P24" s="219">
        <v>0</v>
      </c>
      <c r="Q24" s="220">
        <v>0</v>
      </c>
      <c r="R24" s="218">
        <v>1</v>
      </c>
      <c r="S24" s="218">
        <v>0</v>
      </c>
      <c r="T24" s="218">
        <v>1</v>
      </c>
      <c r="U24" s="218">
        <v>0</v>
      </c>
      <c r="V24" s="218">
        <v>0</v>
      </c>
      <c r="W24" s="219">
        <v>2</v>
      </c>
      <c r="X24" s="221">
        <v>2</v>
      </c>
      <c r="Y24" s="222">
        <v>0</v>
      </c>
      <c r="Z24" s="218">
        <v>0</v>
      </c>
      <c r="AA24" s="219">
        <v>0</v>
      </c>
      <c r="AB24" s="220">
        <v>0</v>
      </c>
      <c r="AC24" s="218">
        <v>114</v>
      </c>
      <c r="AD24" s="218">
        <v>79</v>
      </c>
      <c r="AE24" s="218">
        <v>67</v>
      </c>
      <c r="AF24" s="218">
        <v>42</v>
      </c>
      <c r="AG24" s="218">
        <v>23</v>
      </c>
      <c r="AH24" s="219">
        <v>325</v>
      </c>
      <c r="AI24" s="221">
        <v>325</v>
      </c>
    </row>
    <row r="25" spans="2:35" ht="21" customHeight="1" x14ac:dyDescent="0.2">
      <c r="B25" s="106" t="s">
        <v>24</v>
      </c>
      <c r="C25" s="217">
        <v>4</v>
      </c>
      <c r="D25" s="218">
        <v>2</v>
      </c>
      <c r="E25" s="219">
        <v>6</v>
      </c>
      <c r="F25" s="220">
        <v>0</v>
      </c>
      <c r="G25" s="218">
        <v>46</v>
      </c>
      <c r="H25" s="218">
        <v>38</v>
      </c>
      <c r="I25" s="218">
        <v>28</v>
      </c>
      <c r="J25" s="218">
        <v>15</v>
      </c>
      <c r="K25" s="218">
        <v>10</v>
      </c>
      <c r="L25" s="219">
        <v>137</v>
      </c>
      <c r="M25" s="221">
        <v>143</v>
      </c>
      <c r="N25" s="222">
        <v>0</v>
      </c>
      <c r="O25" s="218">
        <v>0</v>
      </c>
      <c r="P25" s="219">
        <v>0</v>
      </c>
      <c r="Q25" s="220">
        <v>0</v>
      </c>
      <c r="R25" s="218">
        <v>0</v>
      </c>
      <c r="S25" s="218">
        <v>0</v>
      </c>
      <c r="T25" s="218">
        <v>0</v>
      </c>
      <c r="U25" s="218">
        <v>1</v>
      </c>
      <c r="V25" s="218">
        <v>0</v>
      </c>
      <c r="W25" s="219">
        <v>1</v>
      </c>
      <c r="X25" s="221">
        <v>1</v>
      </c>
      <c r="Y25" s="222">
        <v>4</v>
      </c>
      <c r="Z25" s="218">
        <v>2</v>
      </c>
      <c r="AA25" s="219">
        <v>6</v>
      </c>
      <c r="AB25" s="220">
        <v>0</v>
      </c>
      <c r="AC25" s="218">
        <v>46</v>
      </c>
      <c r="AD25" s="218">
        <v>38</v>
      </c>
      <c r="AE25" s="218">
        <v>28</v>
      </c>
      <c r="AF25" s="218">
        <v>16</v>
      </c>
      <c r="AG25" s="218">
        <v>10</v>
      </c>
      <c r="AH25" s="219">
        <v>138</v>
      </c>
      <c r="AI25" s="221">
        <v>144</v>
      </c>
    </row>
    <row r="26" spans="2:35" ht="21" customHeight="1" x14ac:dyDescent="0.2">
      <c r="B26" s="106" t="s">
        <v>25</v>
      </c>
      <c r="C26" s="217">
        <v>0</v>
      </c>
      <c r="D26" s="218">
        <v>3</v>
      </c>
      <c r="E26" s="219">
        <v>3</v>
      </c>
      <c r="F26" s="220">
        <v>0</v>
      </c>
      <c r="G26" s="218">
        <v>91</v>
      </c>
      <c r="H26" s="218">
        <v>56</v>
      </c>
      <c r="I26" s="218">
        <v>26</v>
      </c>
      <c r="J26" s="218">
        <v>16</v>
      </c>
      <c r="K26" s="218">
        <v>2</v>
      </c>
      <c r="L26" s="219">
        <v>191</v>
      </c>
      <c r="M26" s="221">
        <v>194</v>
      </c>
      <c r="N26" s="222">
        <v>0</v>
      </c>
      <c r="O26" s="218">
        <v>0</v>
      </c>
      <c r="P26" s="219">
        <v>0</v>
      </c>
      <c r="Q26" s="220">
        <v>0</v>
      </c>
      <c r="R26" s="218">
        <v>0</v>
      </c>
      <c r="S26" s="218">
        <v>1</v>
      </c>
      <c r="T26" s="218">
        <v>1</v>
      </c>
      <c r="U26" s="218">
        <v>0</v>
      </c>
      <c r="V26" s="218">
        <v>0</v>
      </c>
      <c r="W26" s="219">
        <v>2</v>
      </c>
      <c r="X26" s="221">
        <v>2</v>
      </c>
      <c r="Y26" s="222">
        <v>0</v>
      </c>
      <c r="Z26" s="218">
        <v>3</v>
      </c>
      <c r="AA26" s="219">
        <v>3</v>
      </c>
      <c r="AB26" s="220">
        <v>0</v>
      </c>
      <c r="AC26" s="218">
        <v>91</v>
      </c>
      <c r="AD26" s="218">
        <v>57</v>
      </c>
      <c r="AE26" s="218">
        <v>27</v>
      </c>
      <c r="AF26" s="218">
        <v>16</v>
      </c>
      <c r="AG26" s="218">
        <v>2</v>
      </c>
      <c r="AH26" s="219">
        <v>193</v>
      </c>
      <c r="AI26" s="221">
        <v>196</v>
      </c>
    </row>
    <row r="27" spans="2:35" ht="21" customHeight="1" x14ac:dyDescent="0.2">
      <c r="B27" s="106" t="s">
        <v>26</v>
      </c>
      <c r="C27" s="217">
        <v>0</v>
      </c>
      <c r="D27" s="218">
        <v>0</v>
      </c>
      <c r="E27" s="219">
        <v>0</v>
      </c>
      <c r="F27" s="220">
        <v>0</v>
      </c>
      <c r="G27" s="218">
        <v>66</v>
      </c>
      <c r="H27" s="218">
        <v>70</v>
      </c>
      <c r="I27" s="218">
        <v>51</v>
      </c>
      <c r="J27" s="218">
        <v>26</v>
      </c>
      <c r="K27" s="218">
        <v>12</v>
      </c>
      <c r="L27" s="219">
        <v>225</v>
      </c>
      <c r="M27" s="221">
        <v>225</v>
      </c>
      <c r="N27" s="222">
        <v>0</v>
      </c>
      <c r="O27" s="218">
        <v>0</v>
      </c>
      <c r="P27" s="219">
        <v>0</v>
      </c>
      <c r="Q27" s="220">
        <v>0</v>
      </c>
      <c r="R27" s="218">
        <v>0</v>
      </c>
      <c r="S27" s="218">
        <v>0</v>
      </c>
      <c r="T27" s="218">
        <v>0</v>
      </c>
      <c r="U27" s="218">
        <v>0</v>
      </c>
      <c r="V27" s="218">
        <v>0</v>
      </c>
      <c r="W27" s="219">
        <v>0</v>
      </c>
      <c r="X27" s="221">
        <v>0</v>
      </c>
      <c r="Y27" s="222">
        <v>0</v>
      </c>
      <c r="Z27" s="218">
        <v>0</v>
      </c>
      <c r="AA27" s="219">
        <v>0</v>
      </c>
      <c r="AB27" s="220">
        <v>0</v>
      </c>
      <c r="AC27" s="218">
        <v>66</v>
      </c>
      <c r="AD27" s="218">
        <v>70</v>
      </c>
      <c r="AE27" s="218">
        <v>51</v>
      </c>
      <c r="AF27" s="218">
        <v>26</v>
      </c>
      <c r="AG27" s="218">
        <v>12</v>
      </c>
      <c r="AH27" s="219">
        <v>225</v>
      </c>
      <c r="AI27" s="221">
        <v>225</v>
      </c>
    </row>
    <row r="28" spans="2:35" ht="21" customHeight="1" x14ac:dyDescent="0.2">
      <c r="B28" s="106" t="s">
        <v>27</v>
      </c>
      <c r="C28" s="217">
        <v>0</v>
      </c>
      <c r="D28" s="218">
        <v>0</v>
      </c>
      <c r="E28" s="219">
        <v>0</v>
      </c>
      <c r="F28" s="220">
        <v>0</v>
      </c>
      <c r="G28" s="218">
        <v>60</v>
      </c>
      <c r="H28" s="218">
        <v>39</v>
      </c>
      <c r="I28" s="218">
        <v>32</v>
      </c>
      <c r="J28" s="218">
        <v>22</v>
      </c>
      <c r="K28" s="218">
        <v>14</v>
      </c>
      <c r="L28" s="219">
        <v>167</v>
      </c>
      <c r="M28" s="221">
        <v>167</v>
      </c>
      <c r="N28" s="222">
        <v>0</v>
      </c>
      <c r="O28" s="218">
        <v>0</v>
      </c>
      <c r="P28" s="219">
        <v>0</v>
      </c>
      <c r="Q28" s="220">
        <v>0</v>
      </c>
      <c r="R28" s="218">
        <v>1</v>
      </c>
      <c r="S28" s="218">
        <v>0</v>
      </c>
      <c r="T28" s="218">
        <v>1</v>
      </c>
      <c r="U28" s="218">
        <v>0</v>
      </c>
      <c r="V28" s="218">
        <v>0</v>
      </c>
      <c r="W28" s="219">
        <v>2</v>
      </c>
      <c r="X28" s="221">
        <v>2</v>
      </c>
      <c r="Y28" s="222">
        <v>0</v>
      </c>
      <c r="Z28" s="218">
        <v>0</v>
      </c>
      <c r="AA28" s="219">
        <v>0</v>
      </c>
      <c r="AB28" s="220">
        <v>0</v>
      </c>
      <c r="AC28" s="218">
        <v>61</v>
      </c>
      <c r="AD28" s="218">
        <v>39</v>
      </c>
      <c r="AE28" s="218">
        <v>33</v>
      </c>
      <c r="AF28" s="218">
        <v>22</v>
      </c>
      <c r="AG28" s="218">
        <v>14</v>
      </c>
      <c r="AH28" s="219">
        <v>169</v>
      </c>
      <c r="AI28" s="221">
        <v>169</v>
      </c>
    </row>
    <row r="29" spans="2:35" ht="21" customHeight="1" x14ac:dyDescent="0.2">
      <c r="B29" s="106" t="s">
        <v>28</v>
      </c>
      <c r="C29" s="217">
        <v>0</v>
      </c>
      <c r="D29" s="218">
        <v>0</v>
      </c>
      <c r="E29" s="219">
        <v>0</v>
      </c>
      <c r="F29" s="220">
        <v>0</v>
      </c>
      <c r="G29" s="218">
        <v>32</v>
      </c>
      <c r="H29" s="218">
        <v>22</v>
      </c>
      <c r="I29" s="218">
        <v>7</v>
      </c>
      <c r="J29" s="218">
        <v>6</v>
      </c>
      <c r="K29" s="218">
        <v>5</v>
      </c>
      <c r="L29" s="219">
        <v>72</v>
      </c>
      <c r="M29" s="221">
        <v>72</v>
      </c>
      <c r="N29" s="222">
        <v>0</v>
      </c>
      <c r="O29" s="218">
        <v>0</v>
      </c>
      <c r="P29" s="219">
        <v>0</v>
      </c>
      <c r="Q29" s="220">
        <v>0</v>
      </c>
      <c r="R29" s="218">
        <v>0</v>
      </c>
      <c r="S29" s="218">
        <v>0</v>
      </c>
      <c r="T29" s="218">
        <v>1</v>
      </c>
      <c r="U29" s="218">
        <v>0</v>
      </c>
      <c r="V29" s="218">
        <v>1</v>
      </c>
      <c r="W29" s="219">
        <v>2</v>
      </c>
      <c r="X29" s="221">
        <v>2</v>
      </c>
      <c r="Y29" s="222">
        <v>0</v>
      </c>
      <c r="Z29" s="218">
        <v>0</v>
      </c>
      <c r="AA29" s="219">
        <v>0</v>
      </c>
      <c r="AB29" s="220">
        <v>0</v>
      </c>
      <c r="AC29" s="218">
        <v>32</v>
      </c>
      <c r="AD29" s="218">
        <v>22</v>
      </c>
      <c r="AE29" s="218">
        <v>8</v>
      </c>
      <c r="AF29" s="218">
        <v>6</v>
      </c>
      <c r="AG29" s="218">
        <v>6</v>
      </c>
      <c r="AH29" s="219">
        <v>74</v>
      </c>
      <c r="AI29" s="221">
        <v>74</v>
      </c>
    </row>
    <row r="30" spans="2:35" ht="21" customHeight="1" x14ac:dyDescent="0.2">
      <c r="B30" s="106" t="s">
        <v>29</v>
      </c>
      <c r="C30" s="217">
        <v>1</v>
      </c>
      <c r="D30" s="218">
        <v>0</v>
      </c>
      <c r="E30" s="219">
        <v>1</v>
      </c>
      <c r="F30" s="220">
        <v>0</v>
      </c>
      <c r="G30" s="218">
        <v>23</v>
      </c>
      <c r="H30" s="218">
        <v>34</v>
      </c>
      <c r="I30" s="218">
        <v>37</v>
      </c>
      <c r="J30" s="218">
        <v>17</v>
      </c>
      <c r="K30" s="218">
        <v>10</v>
      </c>
      <c r="L30" s="219">
        <v>121</v>
      </c>
      <c r="M30" s="221">
        <v>122</v>
      </c>
      <c r="N30" s="222">
        <v>0</v>
      </c>
      <c r="O30" s="218">
        <v>0</v>
      </c>
      <c r="P30" s="219">
        <v>0</v>
      </c>
      <c r="Q30" s="220">
        <v>0</v>
      </c>
      <c r="R30" s="218">
        <v>0</v>
      </c>
      <c r="S30" s="218">
        <v>1</v>
      </c>
      <c r="T30" s="218">
        <v>0</v>
      </c>
      <c r="U30" s="218">
        <v>0</v>
      </c>
      <c r="V30" s="218">
        <v>0</v>
      </c>
      <c r="W30" s="219">
        <v>1</v>
      </c>
      <c r="X30" s="221">
        <v>1</v>
      </c>
      <c r="Y30" s="222">
        <v>1</v>
      </c>
      <c r="Z30" s="218">
        <v>0</v>
      </c>
      <c r="AA30" s="219">
        <v>1</v>
      </c>
      <c r="AB30" s="220">
        <v>0</v>
      </c>
      <c r="AC30" s="218">
        <v>23</v>
      </c>
      <c r="AD30" s="218">
        <v>35</v>
      </c>
      <c r="AE30" s="218">
        <v>37</v>
      </c>
      <c r="AF30" s="218">
        <v>17</v>
      </c>
      <c r="AG30" s="218">
        <v>10</v>
      </c>
      <c r="AH30" s="219">
        <v>122</v>
      </c>
      <c r="AI30" s="221">
        <v>123</v>
      </c>
    </row>
    <row r="31" spans="2:35" ht="21" customHeight="1" x14ac:dyDescent="0.2">
      <c r="B31" s="106" t="s">
        <v>30</v>
      </c>
      <c r="C31" s="217">
        <v>0</v>
      </c>
      <c r="D31" s="218">
        <v>0</v>
      </c>
      <c r="E31" s="219">
        <v>0</v>
      </c>
      <c r="F31" s="220">
        <v>0</v>
      </c>
      <c r="G31" s="218">
        <v>23</v>
      </c>
      <c r="H31" s="218">
        <v>24</v>
      </c>
      <c r="I31" s="218">
        <v>15</v>
      </c>
      <c r="J31" s="218">
        <v>6</v>
      </c>
      <c r="K31" s="218">
        <v>4</v>
      </c>
      <c r="L31" s="219">
        <v>72</v>
      </c>
      <c r="M31" s="221">
        <v>72</v>
      </c>
      <c r="N31" s="222">
        <v>0</v>
      </c>
      <c r="O31" s="218">
        <v>0</v>
      </c>
      <c r="P31" s="219">
        <v>0</v>
      </c>
      <c r="Q31" s="220">
        <v>0</v>
      </c>
      <c r="R31" s="218">
        <v>1</v>
      </c>
      <c r="S31" s="218">
        <v>1</v>
      </c>
      <c r="T31" s="218">
        <v>0</v>
      </c>
      <c r="U31" s="218">
        <v>0</v>
      </c>
      <c r="V31" s="218">
        <v>0</v>
      </c>
      <c r="W31" s="219">
        <v>2</v>
      </c>
      <c r="X31" s="221">
        <v>2</v>
      </c>
      <c r="Y31" s="222">
        <v>0</v>
      </c>
      <c r="Z31" s="218">
        <v>0</v>
      </c>
      <c r="AA31" s="219">
        <v>0</v>
      </c>
      <c r="AB31" s="220">
        <v>0</v>
      </c>
      <c r="AC31" s="218">
        <v>24</v>
      </c>
      <c r="AD31" s="218">
        <v>25</v>
      </c>
      <c r="AE31" s="218">
        <v>15</v>
      </c>
      <c r="AF31" s="218">
        <v>6</v>
      </c>
      <c r="AG31" s="218">
        <v>4</v>
      </c>
      <c r="AH31" s="219">
        <v>74</v>
      </c>
      <c r="AI31" s="221">
        <v>74</v>
      </c>
    </row>
    <row r="32" spans="2:35" ht="21" customHeight="1" x14ac:dyDescent="0.2">
      <c r="B32" s="106" t="s">
        <v>31</v>
      </c>
      <c r="C32" s="217">
        <v>0</v>
      </c>
      <c r="D32" s="218">
        <v>1</v>
      </c>
      <c r="E32" s="219">
        <v>1</v>
      </c>
      <c r="F32" s="220">
        <v>0</v>
      </c>
      <c r="G32" s="218">
        <v>37</v>
      </c>
      <c r="H32" s="218">
        <v>37</v>
      </c>
      <c r="I32" s="218">
        <v>27</v>
      </c>
      <c r="J32" s="218">
        <v>16</v>
      </c>
      <c r="K32" s="218">
        <v>5</v>
      </c>
      <c r="L32" s="219">
        <v>122</v>
      </c>
      <c r="M32" s="221">
        <v>123</v>
      </c>
      <c r="N32" s="222">
        <v>0</v>
      </c>
      <c r="O32" s="218">
        <v>0</v>
      </c>
      <c r="P32" s="219">
        <v>0</v>
      </c>
      <c r="Q32" s="220">
        <v>0</v>
      </c>
      <c r="R32" s="218">
        <v>0</v>
      </c>
      <c r="S32" s="218">
        <v>0</v>
      </c>
      <c r="T32" s="218">
        <v>0</v>
      </c>
      <c r="U32" s="218">
        <v>0</v>
      </c>
      <c r="V32" s="218">
        <v>0</v>
      </c>
      <c r="W32" s="219">
        <v>0</v>
      </c>
      <c r="X32" s="221">
        <v>0</v>
      </c>
      <c r="Y32" s="222">
        <v>0</v>
      </c>
      <c r="Z32" s="218">
        <v>1</v>
      </c>
      <c r="AA32" s="219">
        <v>1</v>
      </c>
      <c r="AB32" s="220">
        <v>0</v>
      </c>
      <c r="AC32" s="218">
        <v>37</v>
      </c>
      <c r="AD32" s="218">
        <v>37</v>
      </c>
      <c r="AE32" s="218">
        <v>27</v>
      </c>
      <c r="AF32" s="218">
        <v>16</v>
      </c>
      <c r="AG32" s="218">
        <v>5</v>
      </c>
      <c r="AH32" s="219">
        <v>122</v>
      </c>
      <c r="AI32" s="221">
        <v>123</v>
      </c>
    </row>
    <row r="33" spans="2:35" ht="21" customHeight="1" x14ac:dyDescent="0.2">
      <c r="B33" s="106" t="s">
        <v>32</v>
      </c>
      <c r="C33" s="217">
        <v>1</v>
      </c>
      <c r="D33" s="218">
        <v>3</v>
      </c>
      <c r="E33" s="219">
        <v>4</v>
      </c>
      <c r="F33" s="220">
        <v>0</v>
      </c>
      <c r="G33" s="218">
        <v>73</v>
      </c>
      <c r="H33" s="218">
        <v>44</v>
      </c>
      <c r="I33" s="218">
        <v>33</v>
      </c>
      <c r="J33" s="218">
        <v>31</v>
      </c>
      <c r="K33" s="218">
        <v>15</v>
      </c>
      <c r="L33" s="219">
        <v>196</v>
      </c>
      <c r="M33" s="221">
        <v>200</v>
      </c>
      <c r="N33" s="222">
        <v>0</v>
      </c>
      <c r="O33" s="218">
        <v>0</v>
      </c>
      <c r="P33" s="219">
        <v>0</v>
      </c>
      <c r="Q33" s="220">
        <v>0</v>
      </c>
      <c r="R33" s="218">
        <v>0</v>
      </c>
      <c r="S33" s="218">
        <v>0</v>
      </c>
      <c r="T33" s="218">
        <v>1</v>
      </c>
      <c r="U33" s="218">
        <v>0</v>
      </c>
      <c r="V33" s="218">
        <v>0</v>
      </c>
      <c r="W33" s="219">
        <v>1</v>
      </c>
      <c r="X33" s="221">
        <v>1</v>
      </c>
      <c r="Y33" s="222">
        <v>1</v>
      </c>
      <c r="Z33" s="218">
        <v>3</v>
      </c>
      <c r="AA33" s="219">
        <v>4</v>
      </c>
      <c r="AB33" s="220">
        <v>0</v>
      </c>
      <c r="AC33" s="218">
        <v>73</v>
      </c>
      <c r="AD33" s="218">
        <v>44</v>
      </c>
      <c r="AE33" s="218">
        <v>34</v>
      </c>
      <c r="AF33" s="218">
        <v>31</v>
      </c>
      <c r="AG33" s="218">
        <v>15</v>
      </c>
      <c r="AH33" s="219">
        <v>197</v>
      </c>
      <c r="AI33" s="221">
        <v>201</v>
      </c>
    </row>
    <row r="34" spans="2:35" ht="21" customHeight="1" x14ac:dyDescent="0.2">
      <c r="B34" s="106" t="s">
        <v>33</v>
      </c>
      <c r="C34" s="217">
        <v>0</v>
      </c>
      <c r="D34" s="218">
        <v>1</v>
      </c>
      <c r="E34" s="219">
        <v>1</v>
      </c>
      <c r="F34" s="220">
        <v>0</v>
      </c>
      <c r="G34" s="218">
        <v>21</v>
      </c>
      <c r="H34" s="218">
        <v>9</v>
      </c>
      <c r="I34" s="218">
        <v>12</v>
      </c>
      <c r="J34" s="218">
        <v>4</v>
      </c>
      <c r="K34" s="218">
        <v>2</v>
      </c>
      <c r="L34" s="219">
        <v>48</v>
      </c>
      <c r="M34" s="221">
        <v>49</v>
      </c>
      <c r="N34" s="222">
        <v>0</v>
      </c>
      <c r="O34" s="218">
        <v>0</v>
      </c>
      <c r="P34" s="219">
        <v>0</v>
      </c>
      <c r="Q34" s="220">
        <v>0</v>
      </c>
      <c r="R34" s="218">
        <v>0</v>
      </c>
      <c r="S34" s="218">
        <v>0</v>
      </c>
      <c r="T34" s="218">
        <v>0</v>
      </c>
      <c r="U34" s="218">
        <v>0</v>
      </c>
      <c r="V34" s="218">
        <v>0</v>
      </c>
      <c r="W34" s="219">
        <v>0</v>
      </c>
      <c r="X34" s="221">
        <v>0</v>
      </c>
      <c r="Y34" s="222">
        <v>0</v>
      </c>
      <c r="Z34" s="218">
        <v>1</v>
      </c>
      <c r="AA34" s="219">
        <v>1</v>
      </c>
      <c r="AB34" s="220">
        <v>0</v>
      </c>
      <c r="AC34" s="218">
        <v>21</v>
      </c>
      <c r="AD34" s="218">
        <v>9</v>
      </c>
      <c r="AE34" s="218">
        <v>12</v>
      </c>
      <c r="AF34" s="218">
        <v>4</v>
      </c>
      <c r="AG34" s="218">
        <v>2</v>
      </c>
      <c r="AH34" s="219">
        <v>48</v>
      </c>
      <c r="AI34" s="221">
        <v>49</v>
      </c>
    </row>
    <row r="35" spans="2:35" ht="21" customHeight="1" x14ac:dyDescent="0.2">
      <c r="B35" s="106" t="s">
        <v>34</v>
      </c>
      <c r="C35" s="217">
        <v>1</v>
      </c>
      <c r="D35" s="218">
        <v>3</v>
      </c>
      <c r="E35" s="219">
        <v>4</v>
      </c>
      <c r="F35" s="220">
        <v>0</v>
      </c>
      <c r="G35" s="218">
        <v>42</v>
      </c>
      <c r="H35" s="218">
        <v>20</v>
      </c>
      <c r="I35" s="218">
        <v>10</v>
      </c>
      <c r="J35" s="218">
        <v>11</v>
      </c>
      <c r="K35" s="218">
        <v>7</v>
      </c>
      <c r="L35" s="219">
        <v>90</v>
      </c>
      <c r="M35" s="221">
        <v>94</v>
      </c>
      <c r="N35" s="222">
        <v>0</v>
      </c>
      <c r="O35" s="218">
        <v>0</v>
      </c>
      <c r="P35" s="219">
        <v>0</v>
      </c>
      <c r="Q35" s="220">
        <v>0</v>
      </c>
      <c r="R35" s="218">
        <v>0</v>
      </c>
      <c r="S35" s="218">
        <v>0</v>
      </c>
      <c r="T35" s="218">
        <v>0</v>
      </c>
      <c r="U35" s="218">
        <v>0</v>
      </c>
      <c r="V35" s="218">
        <v>0</v>
      </c>
      <c r="W35" s="219">
        <v>0</v>
      </c>
      <c r="X35" s="221">
        <v>0</v>
      </c>
      <c r="Y35" s="222">
        <v>1</v>
      </c>
      <c r="Z35" s="218">
        <v>3</v>
      </c>
      <c r="AA35" s="219">
        <v>4</v>
      </c>
      <c r="AB35" s="220">
        <v>0</v>
      </c>
      <c r="AC35" s="218">
        <v>42</v>
      </c>
      <c r="AD35" s="218">
        <v>20</v>
      </c>
      <c r="AE35" s="218">
        <v>10</v>
      </c>
      <c r="AF35" s="218">
        <v>11</v>
      </c>
      <c r="AG35" s="218">
        <v>7</v>
      </c>
      <c r="AH35" s="219">
        <v>90</v>
      </c>
      <c r="AI35" s="221">
        <v>94</v>
      </c>
    </row>
    <row r="36" spans="2:35" ht="21" customHeight="1" x14ac:dyDescent="0.2">
      <c r="B36" s="106" t="s">
        <v>35</v>
      </c>
      <c r="C36" s="217">
        <v>3</v>
      </c>
      <c r="D36" s="218">
        <v>3</v>
      </c>
      <c r="E36" s="219">
        <v>6</v>
      </c>
      <c r="F36" s="220">
        <v>0</v>
      </c>
      <c r="G36" s="218">
        <v>45</v>
      </c>
      <c r="H36" s="218">
        <v>30</v>
      </c>
      <c r="I36" s="218">
        <v>33</v>
      </c>
      <c r="J36" s="218">
        <v>22</v>
      </c>
      <c r="K36" s="218">
        <v>9</v>
      </c>
      <c r="L36" s="219">
        <v>139</v>
      </c>
      <c r="M36" s="221">
        <v>145</v>
      </c>
      <c r="N36" s="222">
        <v>0</v>
      </c>
      <c r="O36" s="218">
        <v>0</v>
      </c>
      <c r="P36" s="219">
        <v>0</v>
      </c>
      <c r="Q36" s="220">
        <v>0</v>
      </c>
      <c r="R36" s="218">
        <v>0</v>
      </c>
      <c r="S36" s="218">
        <v>0</v>
      </c>
      <c r="T36" s="218">
        <v>0</v>
      </c>
      <c r="U36" s="218">
        <v>1</v>
      </c>
      <c r="V36" s="218">
        <v>0</v>
      </c>
      <c r="W36" s="219">
        <v>1</v>
      </c>
      <c r="X36" s="221">
        <v>1</v>
      </c>
      <c r="Y36" s="222">
        <v>3</v>
      </c>
      <c r="Z36" s="218">
        <v>3</v>
      </c>
      <c r="AA36" s="219">
        <v>6</v>
      </c>
      <c r="AB36" s="220">
        <v>0</v>
      </c>
      <c r="AC36" s="218">
        <v>45</v>
      </c>
      <c r="AD36" s="218">
        <v>30</v>
      </c>
      <c r="AE36" s="218">
        <v>33</v>
      </c>
      <c r="AF36" s="218">
        <v>23</v>
      </c>
      <c r="AG36" s="218">
        <v>9</v>
      </c>
      <c r="AH36" s="219">
        <v>140</v>
      </c>
      <c r="AI36" s="221">
        <v>146</v>
      </c>
    </row>
    <row r="37" spans="2:35" ht="21" customHeight="1" x14ac:dyDescent="0.2">
      <c r="B37" s="106" t="s">
        <v>36</v>
      </c>
      <c r="C37" s="217">
        <v>0</v>
      </c>
      <c r="D37" s="218">
        <v>0</v>
      </c>
      <c r="E37" s="219">
        <v>0</v>
      </c>
      <c r="F37" s="220">
        <v>0</v>
      </c>
      <c r="G37" s="218">
        <v>93</v>
      </c>
      <c r="H37" s="218">
        <v>81</v>
      </c>
      <c r="I37" s="218">
        <v>57</v>
      </c>
      <c r="J37" s="218">
        <v>25</v>
      </c>
      <c r="K37" s="218">
        <v>19</v>
      </c>
      <c r="L37" s="219">
        <v>275</v>
      </c>
      <c r="M37" s="221">
        <v>275</v>
      </c>
      <c r="N37" s="222">
        <v>0</v>
      </c>
      <c r="O37" s="218">
        <v>0</v>
      </c>
      <c r="P37" s="219">
        <v>0</v>
      </c>
      <c r="Q37" s="220">
        <v>0</v>
      </c>
      <c r="R37" s="218">
        <v>0</v>
      </c>
      <c r="S37" s="218">
        <v>0</v>
      </c>
      <c r="T37" s="218">
        <v>2</v>
      </c>
      <c r="U37" s="218">
        <v>1</v>
      </c>
      <c r="V37" s="218">
        <v>2</v>
      </c>
      <c r="W37" s="219">
        <v>5</v>
      </c>
      <c r="X37" s="221">
        <v>5</v>
      </c>
      <c r="Y37" s="222">
        <v>0</v>
      </c>
      <c r="Z37" s="218">
        <v>0</v>
      </c>
      <c r="AA37" s="219">
        <v>0</v>
      </c>
      <c r="AB37" s="220">
        <v>0</v>
      </c>
      <c r="AC37" s="218">
        <v>93</v>
      </c>
      <c r="AD37" s="218">
        <v>81</v>
      </c>
      <c r="AE37" s="218">
        <v>59</v>
      </c>
      <c r="AF37" s="218">
        <v>26</v>
      </c>
      <c r="AG37" s="218">
        <v>21</v>
      </c>
      <c r="AH37" s="219">
        <v>280</v>
      </c>
      <c r="AI37" s="221">
        <v>280</v>
      </c>
    </row>
    <row r="38" spans="2:35" ht="21" customHeight="1" thickBot="1" x14ac:dyDescent="0.25">
      <c r="B38" s="108" t="s">
        <v>37</v>
      </c>
      <c r="C38" s="223">
        <v>0</v>
      </c>
      <c r="D38" s="224">
        <v>0</v>
      </c>
      <c r="E38" s="225">
        <v>0</v>
      </c>
      <c r="F38" s="226">
        <v>0</v>
      </c>
      <c r="G38" s="224">
        <v>16</v>
      </c>
      <c r="H38" s="224">
        <v>10</v>
      </c>
      <c r="I38" s="224">
        <v>7</v>
      </c>
      <c r="J38" s="224">
        <v>9</v>
      </c>
      <c r="K38" s="224">
        <v>4</v>
      </c>
      <c r="L38" s="225">
        <v>46</v>
      </c>
      <c r="M38" s="227">
        <v>46</v>
      </c>
      <c r="N38" s="228">
        <v>0</v>
      </c>
      <c r="O38" s="224">
        <v>0</v>
      </c>
      <c r="P38" s="225">
        <v>0</v>
      </c>
      <c r="Q38" s="226">
        <v>0</v>
      </c>
      <c r="R38" s="224">
        <v>0</v>
      </c>
      <c r="S38" s="224">
        <v>0</v>
      </c>
      <c r="T38" s="224">
        <v>0</v>
      </c>
      <c r="U38" s="224">
        <v>0</v>
      </c>
      <c r="V38" s="224">
        <v>0</v>
      </c>
      <c r="W38" s="225">
        <v>0</v>
      </c>
      <c r="X38" s="227">
        <v>0</v>
      </c>
      <c r="Y38" s="228">
        <v>0</v>
      </c>
      <c r="Z38" s="224">
        <v>0</v>
      </c>
      <c r="AA38" s="225">
        <v>0</v>
      </c>
      <c r="AB38" s="226">
        <v>0</v>
      </c>
      <c r="AC38" s="224">
        <v>16</v>
      </c>
      <c r="AD38" s="224">
        <v>10</v>
      </c>
      <c r="AE38" s="224">
        <v>7</v>
      </c>
      <c r="AF38" s="224">
        <v>9</v>
      </c>
      <c r="AG38" s="224">
        <v>4</v>
      </c>
      <c r="AH38" s="225">
        <v>46</v>
      </c>
      <c r="AI38" s="227">
        <v>46</v>
      </c>
    </row>
    <row r="39" spans="2:35" x14ac:dyDescent="0.2">
      <c r="AA39" s="70"/>
      <c r="AB39" s="70"/>
      <c r="AC39" s="70"/>
      <c r="AD39" s="70"/>
      <c r="AE39" s="70"/>
      <c r="AF39" s="70"/>
      <c r="AG39" s="70"/>
      <c r="AH39" s="70"/>
      <c r="AI39" s="70"/>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0">
        <f>第１表!F2</f>
        <v>6</v>
      </c>
      <c r="J1" s="440"/>
      <c r="K1" s="18">
        <f>第１表!G2</f>
        <v>12</v>
      </c>
      <c r="L1" s="445">
        <f>IF(K1&lt;3,K1+12-2,K1-2)</f>
        <v>10</v>
      </c>
      <c r="M1" s="445"/>
    </row>
    <row r="2" spans="2:101" s="71" customFormat="1" ht="24" customHeight="1" thickBot="1" x14ac:dyDescent="0.25">
      <c r="B2" s="142" t="s">
        <v>130</v>
      </c>
    </row>
    <row r="3" spans="2:101" ht="21" customHeight="1" thickBot="1" x14ac:dyDescent="0.25">
      <c r="B3" s="476"/>
      <c r="C3" s="470" t="s">
        <v>113</v>
      </c>
      <c r="D3" s="471"/>
      <c r="E3" s="471"/>
      <c r="F3" s="471"/>
      <c r="G3" s="471"/>
      <c r="H3" s="471"/>
      <c r="I3" s="471"/>
      <c r="J3" s="471"/>
      <c r="K3" s="471"/>
      <c r="L3" s="471"/>
      <c r="M3" s="472"/>
      <c r="N3" s="470" t="s">
        <v>114</v>
      </c>
      <c r="O3" s="471"/>
      <c r="P3" s="471"/>
      <c r="Q3" s="471"/>
      <c r="R3" s="471"/>
      <c r="S3" s="471"/>
      <c r="T3" s="471"/>
      <c r="U3" s="471"/>
      <c r="V3" s="471"/>
      <c r="W3" s="471"/>
      <c r="X3" s="472"/>
      <c r="Y3" s="470" t="s">
        <v>139</v>
      </c>
      <c r="Z3" s="471"/>
      <c r="AA3" s="471"/>
      <c r="AB3" s="471"/>
      <c r="AC3" s="471"/>
      <c r="AD3" s="471"/>
      <c r="AE3" s="471"/>
      <c r="AF3" s="471"/>
      <c r="AG3" s="471"/>
      <c r="AH3" s="471"/>
      <c r="AI3" s="472"/>
      <c r="AJ3" s="470" t="s">
        <v>90</v>
      </c>
      <c r="AK3" s="471"/>
      <c r="AL3" s="471"/>
      <c r="AM3" s="471"/>
      <c r="AN3" s="471"/>
      <c r="AO3" s="471"/>
      <c r="AP3" s="471"/>
      <c r="AQ3" s="471"/>
      <c r="AR3" s="471"/>
      <c r="AS3" s="471"/>
      <c r="AT3" s="472"/>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77"/>
      <c r="C4" s="463" t="s">
        <v>61</v>
      </c>
      <c r="D4" s="464"/>
      <c r="E4" s="465"/>
      <c r="F4" s="466" t="s">
        <v>62</v>
      </c>
      <c r="G4" s="464"/>
      <c r="H4" s="464"/>
      <c r="I4" s="464"/>
      <c r="J4" s="464"/>
      <c r="K4" s="464"/>
      <c r="L4" s="469"/>
      <c r="M4" s="467" t="s">
        <v>52</v>
      </c>
      <c r="N4" s="463" t="s">
        <v>61</v>
      </c>
      <c r="O4" s="464"/>
      <c r="P4" s="465"/>
      <c r="Q4" s="466" t="s">
        <v>62</v>
      </c>
      <c r="R4" s="464"/>
      <c r="S4" s="464"/>
      <c r="T4" s="464"/>
      <c r="U4" s="464"/>
      <c r="V4" s="464"/>
      <c r="W4" s="465"/>
      <c r="X4" s="467" t="s">
        <v>52</v>
      </c>
      <c r="Y4" s="463" t="s">
        <v>61</v>
      </c>
      <c r="Z4" s="464"/>
      <c r="AA4" s="465"/>
      <c r="AB4" s="466" t="s">
        <v>62</v>
      </c>
      <c r="AC4" s="464"/>
      <c r="AD4" s="464"/>
      <c r="AE4" s="464"/>
      <c r="AF4" s="464"/>
      <c r="AG4" s="464"/>
      <c r="AH4" s="465"/>
      <c r="AI4" s="467" t="s">
        <v>52</v>
      </c>
      <c r="AJ4" s="463" t="s">
        <v>61</v>
      </c>
      <c r="AK4" s="464"/>
      <c r="AL4" s="465"/>
      <c r="AM4" s="466" t="s">
        <v>62</v>
      </c>
      <c r="AN4" s="464"/>
      <c r="AO4" s="464"/>
      <c r="AP4" s="464"/>
      <c r="AQ4" s="464"/>
      <c r="AR4" s="464"/>
      <c r="AS4" s="465"/>
      <c r="AT4" s="467" t="s">
        <v>52</v>
      </c>
      <c r="AU4" s="491" t="s">
        <v>61</v>
      </c>
      <c r="AV4" s="489"/>
      <c r="AW4" s="490"/>
      <c r="AX4" s="488" t="s">
        <v>62</v>
      </c>
      <c r="AY4" s="489"/>
      <c r="AZ4" s="489"/>
      <c r="BA4" s="489"/>
      <c r="BB4" s="489"/>
      <c r="BC4" s="489"/>
      <c r="BD4" s="490"/>
      <c r="BE4" s="492" t="s">
        <v>52</v>
      </c>
      <c r="BF4" s="491" t="s">
        <v>61</v>
      </c>
      <c r="BG4" s="489"/>
      <c r="BH4" s="490"/>
      <c r="BI4" s="488" t="s">
        <v>62</v>
      </c>
      <c r="BJ4" s="489"/>
      <c r="BK4" s="489"/>
      <c r="BL4" s="489"/>
      <c r="BM4" s="489"/>
      <c r="BN4" s="489"/>
      <c r="BO4" s="490"/>
      <c r="BP4" s="492" t="s">
        <v>52</v>
      </c>
      <c r="BQ4" s="491" t="s">
        <v>61</v>
      </c>
      <c r="BR4" s="489"/>
      <c r="BS4" s="490"/>
      <c r="BT4" s="488" t="s">
        <v>62</v>
      </c>
      <c r="BU4" s="489"/>
      <c r="BV4" s="489"/>
      <c r="BW4" s="489"/>
      <c r="BX4" s="489"/>
      <c r="BY4" s="489"/>
      <c r="BZ4" s="490"/>
      <c r="CA4" s="492" t="s">
        <v>52</v>
      </c>
      <c r="CB4" s="491" t="s">
        <v>61</v>
      </c>
      <c r="CC4" s="489"/>
      <c r="CD4" s="490"/>
      <c r="CE4" s="488" t="s">
        <v>62</v>
      </c>
      <c r="CF4" s="489"/>
      <c r="CG4" s="489"/>
      <c r="CH4" s="489"/>
      <c r="CI4" s="489"/>
      <c r="CJ4" s="489"/>
      <c r="CK4" s="490"/>
      <c r="CL4" s="492" t="s">
        <v>52</v>
      </c>
      <c r="CM4" s="491" t="s">
        <v>61</v>
      </c>
      <c r="CN4" s="489"/>
      <c r="CO4" s="490"/>
      <c r="CP4" s="488" t="s">
        <v>62</v>
      </c>
      <c r="CQ4" s="489"/>
      <c r="CR4" s="489"/>
      <c r="CS4" s="489"/>
      <c r="CT4" s="489"/>
      <c r="CU4" s="489"/>
      <c r="CV4" s="490"/>
      <c r="CW4" s="492" t="s">
        <v>52</v>
      </c>
    </row>
    <row r="5" spans="2:101" ht="30" customHeight="1" thickBot="1" x14ac:dyDescent="0.25">
      <c r="B5" s="478"/>
      <c r="C5" s="177" t="s">
        <v>43</v>
      </c>
      <c r="D5" s="182" t="s">
        <v>44</v>
      </c>
      <c r="E5" s="205" t="s">
        <v>45</v>
      </c>
      <c r="F5" s="180" t="s">
        <v>83</v>
      </c>
      <c r="G5" s="178" t="s">
        <v>47</v>
      </c>
      <c r="H5" s="178" t="s">
        <v>48</v>
      </c>
      <c r="I5" s="178" t="s">
        <v>49</v>
      </c>
      <c r="J5" s="178" t="s">
        <v>50</v>
      </c>
      <c r="K5" s="178" t="s">
        <v>51</v>
      </c>
      <c r="L5" s="181" t="s">
        <v>45</v>
      </c>
      <c r="M5" s="468"/>
      <c r="N5" s="177" t="s">
        <v>43</v>
      </c>
      <c r="O5" s="178" t="s">
        <v>44</v>
      </c>
      <c r="P5" s="182" t="s">
        <v>45</v>
      </c>
      <c r="Q5" s="180" t="s">
        <v>83</v>
      </c>
      <c r="R5" s="178" t="s">
        <v>47</v>
      </c>
      <c r="S5" s="178" t="s">
        <v>48</v>
      </c>
      <c r="T5" s="178" t="s">
        <v>49</v>
      </c>
      <c r="U5" s="178" t="s">
        <v>50</v>
      </c>
      <c r="V5" s="178" t="s">
        <v>51</v>
      </c>
      <c r="W5" s="182" t="s">
        <v>45</v>
      </c>
      <c r="X5" s="468"/>
      <c r="Y5" s="177" t="s">
        <v>43</v>
      </c>
      <c r="Z5" s="178" t="s">
        <v>44</v>
      </c>
      <c r="AA5" s="182" t="s">
        <v>45</v>
      </c>
      <c r="AB5" s="180" t="s">
        <v>83</v>
      </c>
      <c r="AC5" s="178" t="s">
        <v>47</v>
      </c>
      <c r="AD5" s="178" t="s">
        <v>48</v>
      </c>
      <c r="AE5" s="178" t="s">
        <v>49</v>
      </c>
      <c r="AF5" s="178" t="s">
        <v>50</v>
      </c>
      <c r="AG5" s="178" t="s">
        <v>51</v>
      </c>
      <c r="AH5" s="182" t="s">
        <v>45</v>
      </c>
      <c r="AI5" s="468"/>
      <c r="AJ5" s="177" t="s">
        <v>43</v>
      </c>
      <c r="AK5" s="178" t="s">
        <v>44</v>
      </c>
      <c r="AL5" s="182" t="s">
        <v>45</v>
      </c>
      <c r="AM5" s="180" t="s">
        <v>83</v>
      </c>
      <c r="AN5" s="178" t="s">
        <v>47</v>
      </c>
      <c r="AO5" s="178" t="s">
        <v>48</v>
      </c>
      <c r="AP5" s="178" t="s">
        <v>49</v>
      </c>
      <c r="AQ5" s="178" t="s">
        <v>50</v>
      </c>
      <c r="AR5" s="178" t="s">
        <v>51</v>
      </c>
      <c r="AS5" s="182" t="s">
        <v>45</v>
      </c>
      <c r="AT5" s="468"/>
      <c r="AU5" s="177" t="s">
        <v>43</v>
      </c>
      <c r="AV5" s="178" t="s">
        <v>44</v>
      </c>
      <c r="AW5" s="182" t="s">
        <v>45</v>
      </c>
      <c r="AX5" s="180" t="s">
        <v>83</v>
      </c>
      <c r="AY5" s="178" t="s">
        <v>47</v>
      </c>
      <c r="AZ5" s="178" t="s">
        <v>48</v>
      </c>
      <c r="BA5" s="178" t="s">
        <v>49</v>
      </c>
      <c r="BB5" s="178" t="s">
        <v>50</v>
      </c>
      <c r="BC5" s="178" t="s">
        <v>51</v>
      </c>
      <c r="BD5" s="182" t="s">
        <v>45</v>
      </c>
      <c r="BE5" s="493"/>
      <c r="BF5" s="177" t="s">
        <v>43</v>
      </c>
      <c r="BG5" s="178" t="s">
        <v>44</v>
      </c>
      <c r="BH5" s="182" t="s">
        <v>45</v>
      </c>
      <c r="BI5" s="180" t="s">
        <v>83</v>
      </c>
      <c r="BJ5" s="178" t="s">
        <v>47</v>
      </c>
      <c r="BK5" s="178" t="s">
        <v>48</v>
      </c>
      <c r="BL5" s="178" t="s">
        <v>49</v>
      </c>
      <c r="BM5" s="178" t="s">
        <v>50</v>
      </c>
      <c r="BN5" s="178" t="s">
        <v>51</v>
      </c>
      <c r="BO5" s="182" t="s">
        <v>45</v>
      </c>
      <c r="BP5" s="493"/>
      <c r="BQ5" s="177" t="s">
        <v>43</v>
      </c>
      <c r="BR5" s="178" t="s">
        <v>44</v>
      </c>
      <c r="BS5" s="182" t="s">
        <v>45</v>
      </c>
      <c r="BT5" s="180" t="s">
        <v>83</v>
      </c>
      <c r="BU5" s="178" t="s">
        <v>47</v>
      </c>
      <c r="BV5" s="178" t="s">
        <v>48</v>
      </c>
      <c r="BW5" s="178" t="s">
        <v>49</v>
      </c>
      <c r="BX5" s="178" t="s">
        <v>50</v>
      </c>
      <c r="BY5" s="178" t="s">
        <v>51</v>
      </c>
      <c r="BZ5" s="182" t="s">
        <v>45</v>
      </c>
      <c r="CA5" s="493"/>
      <c r="CB5" s="177" t="s">
        <v>43</v>
      </c>
      <c r="CC5" s="178" t="s">
        <v>44</v>
      </c>
      <c r="CD5" s="182" t="s">
        <v>45</v>
      </c>
      <c r="CE5" s="180" t="s">
        <v>83</v>
      </c>
      <c r="CF5" s="178" t="s">
        <v>47</v>
      </c>
      <c r="CG5" s="178" t="s">
        <v>48</v>
      </c>
      <c r="CH5" s="178" t="s">
        <v>49</v>
      </c>
      <c r="CI5" s="178" t="s">
        <v>50</v>
      </c>
      <c r="CJ5" s="178" t="s">
        <v>51</v>
      </c>
      <c r="CK5" s="182" t="s">
        <v>45</v>
      </c>
      <c r="CL5" s="493"/>
      <c r="CM5" s="177" t="s">
        <v>43</v>
      </c>
      <c r="CN5" s="178" t="s">
        <v>44</v>
      </c>
      <c r="CO5" s="182" t="s">
        <v>45</v>
      </c>
      <c r="CP5" s="180" t="s">
        <v>83</v>
      </c>
      <c r="CQ5" s="178" t="s">
        <v>47</v>
      </c>
      <c r="CR5" s="178" t="s">
        <v>48</v>
      </c>
      <c r="CS5" s="178" t="s">
        <v>49</v>
      </c>
      <c r="CT5" s="178" t="s">
        <v>50</v>
      </c>
      <c r="CU5" s="178" t="s">
        <v>51</v>
      </c>
      <c r="CV5" s="182" t="s">
        <v>45</v>
      </c>
      <c r="CW5" s="493"/>
    </row>
    <row r="6" spans="2:101" ht="21" customHeight="1" x14ac:dyDescent="0.2">
      <c r="B6" s="84" t="s">
        <v>4</v>
      </c>
      <c r="C6" s="183">
        <v>0</v>
      </c>
      <c r="D6" s="189">
        <v>0</v>
      </c>
      <c r="E6" s="206">
        <v>0</v>
      </c>
      <c r="F6" s="186">
        <v>0</v>
      </c>
      <c r="G6" s="184">
        <v>323</v>
      </c>
      <c r="H6" s="184">
        <v>441</v>
      </c>
      <c r="I6" s="184">
        <v>366</v>
      </c>
      <c r="J6" s="184">
        <v>468</v>
      </c>
      <c r="K6" s="184">
        <v>407</v>
      </c>
      <c r="L6" s="187">
        <v>2005</v>
      </c>
      <c r="M6" s="188">
        <v>2005</v>
      </c>
      <c r="N6" s="183">
        <v>0</v>
      </c>
      <c r="O6" s="184">
        <v>0</v>
      </c>
      <c r="P6" s="189">
        <v>0</v>
      </c>
      <c r="Q6" s="186">
        <v>0</v>
      </c>
      <c r="R6" s="184">
        <v>207</v>
      </c>
      <c r="S6" s="184">
        <v>498</v>
      </c>
      <c r="T6" s="184">
        <v>447</v>
      </c>
      <c r="U6" s="184">
        <v>408</v>
      </c>
      <c r="V6" s="184">
        <v>410</v>
      </c>
      <c r="W6" s="189">
        <v>1970</v>
      </c>
      <c r="X6" s="188">
        <v>1970</v>
      </c>
      <c r="Y6" s="183">
        <v>0</v>
      </c>
      <c r="Z6" s="184">
        <v>0</v>
      </c>
      <c r="AA6" s="189">
        <v>0</v>
      </c>
      <c r="AB6" s="186">
        <v>0</v>
      </c>
      <c r="AC6" s="184">
        <v>14562</v>
      </c>
      <c r="AD6" s="184">
        <v>13724</v>
      </c>
      <c r="AE6" s="184">
        <v>6109</v>
      </c>
      <c r="AF6" s="184">
        <v>2970</v>
      </c>
      <c r="AG6" s="184">
        <v>1286</v>
      </c>
      <c r="AH6" s="189">
        <v>38651</v>
      </c>
      <c r="AI6" s="188">
        <v>38651</v>
      </c>
      <c r="AJ6" s="183">
        <v>7</v>
      </c>
      <c r="AK6" s="184">
        <v>10</v>
      </c>
      <c r="AL6" s="189">
        <v>17</v>
      </c>
      <c r="AM6" s="186">
        <v>0</v>
      </c>
      <c r="AN6" s="184">
        <v>841</v>
      </c>
      <c r="AO6" s="184">
        <v>1006</v>
      </c>
      <c r="AP6" s="184">
        <v>1069</v>
      </c>
      <c r="AQ6" s="184">
        <v>551</v>
      </c>
      <c r="AR6" s="184">
        <v>438</v>
      </c>
      <c r="AS6" s="189">
        <v>3905</v>
      </c>
      <c r="AT6" s="188">
        <v>3922</v>
      </c>
      <c r="AU6" s="183">
        <v>175</v>
      </c>
      <c r="AV6" s="184">
        <v>269</v>
      </c>
      <c r="AW6" s="189">
        <v>444</v>
      </c>
      <c r="AX6" s="186">
        <v>0</v>
      </c>
      <c r="AY6" s="184">
        <v>1539</v>
      </c>
      <c r="AZ6" s="184">
        <v>1648</v>
      </c>
      <c r="BA6" s="184">
        <v>1316</v>
      </c>
      <c r="BB6" s="184">
        <v>927</v>
      </c>
      <c r="BC6" s="184">
        <v>536</v>
      </c>
      <c r="BD6" s="189">
        <v>5966</v>
      </c>
      <c r="BE6" s="188">
        <v>6410</v>
      </c>
      <c r="BF6" s="183">
        <v>0</v>
      </c>
      <c r="BG6" s="184">
        <v>36</v>
      </c>
      <c r="BH6" s="189">
        <v>36</v>
      </c>
      <c r="BI6" s="186">
        <v>0</v>
      </c>
      <c r="BJ6" s="184">
        <v>2648</v>
      </c>
      <c r="BK6" s="184">
        <v>3385</v>
      </c>
      <c r="BL6" s="184">
        <v>3708</v>
      </c>
      <c r="BM6" s="184">
        <v>2408</v>
      </c>
      <c r="BN6" s="184">
        <v>1589</v>
      </c>
      <c r="BO6" s="187">
        <v>13738</v>
      </c>
      <c r="BP6" s="188">
        <v>13774</v>
      </c>
      <c r="BQ6" s="183">
        <v>0</v>
      </c>
      <c r="BR6" s="184">
        <v>0</v>
      </c>
      <c r="BS6" s="189">
        <v>0</v>
      </c>
      <c r="BT6" s="186">
        <v>0</v>
      </c>
      <c r="BU6" s="184">
        <v>38</v>
      </c>
      <c r="BV6" s="184">
        <v>46</v>
      </c>
      <c r="BW6" s="184">
        <v>68</v>
      </c>
      <c r="BX6" s="184">
        <v>67</v>
      </c>
      <c r="BY6" s="184">
        <v>48</v>
      </c>
      <c r="BZ6" s="189">
        <v>267</v>
      </c>
      <c r="CA6" s="188">
        <v>267</v>
      </c>
      <c r="CB6" s="183">
        <v>0</v>
      </c>
      <c r="CC6" s="184">
        <v>0</v>
      </c>
      <c r="CD6" s="189">
        <v>0</v>
      </c>
      <c r="CE6" s="186">
        <v>0</v>
      </c>
      <c r="CF6" s="184">
        <v>6</v>
      </c>
      <c r="CG6" s="184">
        <v>27</v>
      </c>
      <c r="CH6" s="184">
        <v>219</v>
      </c>
      <c r="CI6" s="184">
        <v>363</v>
      </c>
      <c r="CJ6" s="184">
        <v>214</v>
      </c>
      <c r="CK6" s="189">
        <v>829</v>
      </c>
      <c r="CL6" s="188">
        <v>829</v>
      </c>
      <c r="CM6" s="183">
        <v>0</v>
      </c>
      <c r="CN6" s="184">
        <v>0</v>
      </c>
      <c r="CO6" s="189">
        <v>0</v>
      </c>
      <c r="CP6" s="186">
        <v>0</v>
      </c>
      <c r="CQ6" s="184">
        <v>237</v>
      </c>
      <c r="CR6" s="184">
        <v>315</v>
      </c>
      <c r="CS6" s="184">
        <v>357</v>
      </c>
      <c r="CT6" s="184">
        <v>432</v>
      </c>
      <c r="CU6" s="184">
        <v>491</v>
      </c>
      <c r="CV6" s="189">
        <v>1832</v>
      </c>
      <c r="CW6" s="188">
        <v>1832</v>
      </c>
    </row>
    <row r="7" spans="2:101" ht="21" customHeight="1" x14ac:dyDescent="0.2">
      <c r="B7" s="95" t="s">
        <v>5</v>
      </c>
      <c r="C7" s="190">
        <v>0</v>
      </c>
      <c r="D7" s="196">
        <v>0</v>
      </c>
      <c r="E7" s="207">
        <v>0</v>
      </c>
      <c r="F7" s="193">
        <v>0</v>
      </c>
      <c r="G7" s="191">
        <v>129</v>
      </c>
      <c r="H7" s="191">
        <v>197</v>
      </c>
      <c r="I7" s="191">
        <v>177</v>
      </c>
      <c r="J7" s="191">
        <v>227</v>
      </c>
      <c r="K7" s="191">
        <v>175</v>
      </c>
      <c r="L7" s="194">
        <v>905</v>
      </c>
      <c r="M7" s="195">
        <v>905</v>
      </c>
      <c r="N7" s="190">
        <v>0</v>
      </c>
      <c r="O7" s="191">
        <v>0</v>
      </c>
      <c r="P7" s="196">
        <v>0</v>
      </c>
      <c r="Q7" s="193">
        <v>0</v>
      </c>
      <c r="R7" s="191">
        <v>116</v>
      </c>
      <c r="S7" s="191">
        <v>379</v>
      </c>
      <c r="T7" s="191">
        <v>334</v>
      </c>
      <c r="U7" s="191">
        <v>301</v>
      </c>
      <c r="V7" s="191">
        <v>309</v>
      </c>
      <c r="W7" s="196">
        <v>1439</v>
      </c>
      <c r="X7" s="195">
        <v>1439</v>
      </c>
      <c r="Y7" s="190">
        <v>0</v>
      </c>
      <c r="Z7" s="191">
        <v>0</v>
      </c>
      <c r="AA7" s="196">
        <v>0</v>
      </c>
      <c r="AB7" s="193">
        <v>0</v>
      </c>
      <c r="AC7" s="191">
        <v>5246</v>
      </c>
      <c r="AD7" s="191">
        <v>6615</v>
      </c>
      <c r="AE7" s="191">
        <v>2836</v>
      </c>
      <c r="AF7" s="191">
        <v>1352</v>
      </c>
      <c r="AG7" s="191">
        <v>601</v>
      </c>
      <c r="AH7" s="196">
        <v>16650</v>
      </c>
      <c r="AI7" s="195">
        <v>16650</v>
      </c>
      <c r="AJ7" s="190">
        <v>3</v>
      </c>
      <c r="AK7" s="191">
        <v>3</v>
      </c>
      <c r="AL7" s="196">
        <v>6</v>
      </c>
      <c r="AM7" s="193">
        <v>0</v>
      </c>
      <c r="AN7" s="191">
        <v>419</v>
      </c>
      <c r="AO7" s="191">
        <v>521</v>
      </c>
      <c r="AP7" s="191">
        <v>546</v>
      </c>
      <c r="AQ7" s="191">
        <v>317</v>
      </c>
      <c r="AR7" s="191">
        <v>238</v>
      </c>
      <c r="AS7" s="196">
        <v>2041</v>
      </c>
      <c r="AT7" s="195">
        <v>2047</v>
      </c>
      <c r="AU7" s="190">
        <v>64</v>
      </c>
      <c r="AV7" s="191">
        <v>112</v>
      </c>
      <c r="AW7" s="196">
        <v>176</v>
      </c>
      <c r="AX7" s="193">
        <v>0</v>
      </c>
      <c r="AY7" s="191">
        <v>585</v>
      </c>
      <c r="AZ7" s="191">
        <v>765</v>
      </c>
      <c r="BA7" s="191">
        <v>525</v>
      </c>
      <c r="BB7" s="191">
        <v>424</v>
      </c>
      <c r="BC7" s="191">
        <v>262</v>
      </c>
      <c r="BD7" s="196">
        <v>2561</v>
      </c>
      <c r="BE7" s="195">
        <v>2737</v>
      </c>
      <c r="BF7" s="190">
        <v>0</v>
      </c>
      <c r="BG7" s="191">
        <v>17</v>
      </c>
      <c r="BH7" s="196">
        <v>17</v>
      </c>
      <c r="BI7" s="193">
        <v>0</v>
      </c>
      <c r="BJ7" s="191">
        <v>1136</v>
      </c>
      <c r="BK7" s="191">
        <v>1465</v>
      </c>
      <c r="BL7" s="191">
        <v>1584</v>
      </c>
      <c r="BM7" s="191">
        <v>1036</v>
      </c>
      <c r="BN7" s="191">
        <v>728</v>
      </c>
      <c r="BO7" s="194">
        <v>5949</v>
      </c>
      <c r="BP7" s="195">
        <v>5966</v>
      </c>
      <c r="BQ7" s="190">
        <v>0</v>
      </c>
      <c r="BR7" s="191">
        <v>0</v>
      </c>
      <c r="BS7" s="196">
        <v>0</v>
      </c>
      <c r="BT7" s="193">
        <v>0</v>
      </c>
      <c r="BU7" s="191">
        <v>1</v>
      </c>
      <c r="BV7" s="191">
        <v>3</v>
      </c>
      <c r="BW7" s="191">
        <v>4</v>
      </c>
      <c r="BX7" s="191">
        <v>1</v>
      </c>
      <c r="BY7" s="191">
        <v>3</v>
      </c>
      <c r="BZ7" s="196">
        <v>12</v>
      </c>
      <c r="CA7" s="195">
        <v>12</v>
      </c>
      <c r="CB7" s="190">
        <v>0</v>
      </c>
      <c r="CC7" s="191">
        <v>0</v>
      </c>
      <c r="CD7" s="196">
        <v>0</v>
      </c>
      <c r="CE7" s="193">
        <v>0</v>
      </c>
      <c r="CF7" s="191">
        <v>3</v>
      </c>
      <c r="CG7" s="191">
        <v>11</v>
      </c>
      <c r="CH7" s="191">
        <v>21</v>
      </c>
      <c r="CI7" s="191">
        <v>43</v>
      </c>
      <c r="CJ7" s="191">
        <v>33</v>
      </c>
      <c r="CK7" s="196">
        <v>111</v>
      </c>
      <c r="CL7" s="195">
        <v>111</v>
      </c>
      <c r="CM7" s="190">
        <v>0</v>
      </c>
      <c r="CN7" s="191">
        <v>0</v>
      </c>
      <c r="CO7" s="196">
        <v>0</v>
      </c>
      <c r="CP7" s="193">
        <v>0</v>
      </c>
      <c r="CQ7" s="191">
        <v>25</v>
      </c>
      <c r="CR7" s="191">
        <v>58</v>
      </c>
      <c r="CS7" s="191">
        <v>59</v>
      </c>
      <c r="CT7" s="191">
        <v>114</v>
      </c>
      <c r="CU7" s="191">
        <v>164</v>
      </c>
      <c r="CV7" s="196">
        <v>420</v>
      </c>
      <c r="CW7" s="195">
        <v>420</v>
      </c>
    </row>
    <row r="8" spans="2:101" ht="21" customHeight="1" x14ac:dyDescent="0.2">
      <c r="B8" s="106" t="s">
        <v>6</v>
      </c>
      <c r="C8" s="190">
        <v>0</v>
      </c>
      <c r="D8" s="196">
        <v>0</v>
      </c>
      <c r="E8" s="207">
        <v>0</v>
      </c>
      <c r="F8" s="193">
        <v>0</v>
      </c>
      <c r="G8" s="191">
        <v>68</v>
      </c>
      <c r="H8" s="191">
        <v>75</v>
      </c>
      <c r="I8" s="191">
        <v>66</v>
      </c>
      <c r="J8" s="191">
        <v>121</v>
      </c>
      <c r="K8" s="191">
        <v>112</v>
      </c>
      <c r="L8" s="194">
        <v>442</v>
      </c>
      <c r="M8" s="195">
        <v>442</v>
      </c>
      <c r="N8" s="190">
        <v>0</v>
      </c>
      <c r="O8" s="191">
        <v>0</v>
      </c>
      <c r="P8" s="196">
        <v>0</v>
      </c>
      <c r="Q8" s="193">
        <v>0</v>
      </c>
      <c r="R8" s="191">
        <v>69</v>
      </c>
      <c r="S8" s="191">
        <v>99</v>
      </c>
      <c r="T8" s="191">
        <v>94</v>
      </c>
      <c r="U8" s="191">
        <v>82</v>
      </c>
      <c r="V8" s="191">
        <v>85</v>
      </c>
      <c r="W8" s="196">
        <v>429</v>
      </c>
      <c r="X8" s="195">
        <v>429</v>
      </c>
      <c r="Y8" s="190">
        <v>0</v>
      </c>
      <c r="Z8" s="191">
        <v>0</v>
      </c>
      <c r="AA8" s="196">
        <v>0</v>
      </c>
      <c r="AB8" s="193">
        <v>0</v>
      </c>
      <c r="AC8" s="191">
        <v>1947</v>
      </c>
      <c r="AD8" s="191">
        <v>1501</v>
      </c>
      <c r="AE8" s="191">
        <v>717</v>
      </c>
      <c r="AF8" s="191">
        <v>395</v>
      </c>
      <c r="AG8" s="191">
        <v>177</v>
      </c>
      <c r="AH8" s="196">
        <v>4737</v>
      </c>
      <c r="AI8" s="195">
        <v>4737</v>
      </c>
      <c r="AJ8" s="190">
        <v>1</v>
      </c>
      <c r="AK8" s="191">
        <v>0</v>
      </c>
      <c r="AL8" s="196">
        <v>1</v>
      </c>
      <c r="AM8" s="193">
        <v>0</v>
      </c>
      <c r="AN8" s="191">
        <v>167</v>
      </c>
      <c r="AO8" s="191">
        <v>234</v>
      </c>
      <c r="AP8" s="191">
        <v>248</v>
      </c>
      <c r="AQ8" s="191">
        <v>109</v>
      </c>
      <c r="AR8" s="191">
        <v>103</v>
      </c>
      <c r="AS8" s="196">
        <v>861</v>
      </c>
      <c r="AT8" s="195">
        <v>862</v>
      </c>
      <c r="AU8" s="190">
        <v>24</v>
      </c>
      <c r="AV8" s="191">
        <v>38</v>
      </c>
      <c r="AW8" s="196">
        <v>62</v>
      </c>
      <c r="AX8" s="193">
        <v>0</v>
      </c>
      <c r="AY8" s="191">
        <v>252</v>
      </c>
      <c r="AZ8" s="191">
        <v>224</v>
      </c>
      <c r="BA8" s="191">
        <v>190</v>
      </c>
      <c r="BB8" s="191">
        <v>110</v>
      </c>
      <c r="BC8" s="191">
        <v>53</v>
      </c>
      <c r="BD8" s="196">
        <v>829</v>
      </c>
      <c r="BE8" s="195">
        <v>891</v>
      </c>
      <c r="BF8" s="190">
        <v>0</v>
      </c>
      <c r="BG8" s="191">
        <v>5</v>
      </c>
      <c r="BH8" s="196">
        <v>5</v>
      </c>
      <c r="BI8" s="193">
        <v>0</v>
      </c>
      <c r="BJ8" s="191">
        <v>479</v>
      </c>
      <c r="BK8" s="191">
        <v>614</v>
      </c>
      <c r="BL8" s="191">
        <v>571</v>
      </c>
      <c r="BM8" s="191">
        <v>366</v>
      </c>
      <c r="BN8" s="191">
        <v>264</v>
      </c>
      <c r="BO8" s="194">
        <v>2294</v>
      </c>
      <c r="BP8" s="195">
        <v>2299</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2</v>
      </c>
      <c r="CG8" s="191">
        <v>10</v>
      </c>
      <c r="CH8" s="191">
        <v>64</v>
      </c>
      <c r="CI8" s="191">
        <v>100</v>
      </c>
      <c r="CJ8" s="191">
        <v>62</v>
      </c>
      <c r="CK8" s="196">
        <v>238</v>
      </c>
      <c r="CL8" s="195">
        <v>238</v>
      </c>
      <c r="CM8" s="190">
        <v>0</v>
      </c>
      <c r="CN8" s="191">
        <v>0</v>
      </c>
      <c r="CO8" s="196">
        <v>0</v>
      </c>
      <c r="CP8" s="193">
        <v>0</v>
      </c>
      <c r="CQ8" s="191">
        <v>77</v>
      </c>
      <c r="CR8" s="191">
        <v>95</v>
      </c>
      <c r="CS8" s="191">
        <v>102</v>
      </c>
      <c r="CT8" s="191">
        <v>91</v>
      </c>
      <c r="CU8" s="191">
        <v>109</v>
      </c>
      <c r="CV8" s="196">
        <v>474</v>
      </c>
      <c r="CW8" s="195">
        <v>474</v>
      </c>
    </row>
    <row r="9" spans="2:101" ht="21" customHeight="1" x14ac:dyDescent="0.2">
      <c r="B9" s="106" t="s">
        <v>14</v>
      </c>
      <c r="C9" s="190">
        <v>0</v>
      </c>
      <c r="D9" s="196">
        <v>0</v>
      </c>
      <c r="E9" s="207">
        <v>0</v>
      </c>
      <c r="F9" s="193">
        <v>0</v>
      </c>
      <c r="G9" s="191">
        <v>30</v>
      </c>
      <c r="H9" s="191">
        <v>57</v>
      </c>
      <c r="I9" s="191">
        <v>37</v>
      </c>
      <c r="J9" s="191">
        <v>39</v>
      </c>
      <c r="K9" s="191">
        <v>47</v>
      </c>
      <c r="L9" s="194">
        <v>210</v>
      </c>
      <c r="M9" s="195">
        <v>210</v>
      </c>
      <c r="N9" s="190">
        <v>0</v>
      </c>
      <c r="O9" s="191">
        <v>0</v>
      </c>
      <c r="P9" s="196">
        <v>0</v>
      </c>
      <c r="Q9" s="193">
        <v>0</v>
      </c>
      <c r="R9" s="191">
        <v>0</v>
      </c>
      <c r="S9" s="191">
        <v>0</v>
      </c>
      <c r="T9" s="191">
        <v>0</v>
      </c>
      <c r="U9" s="191">
        <v>0</v>
      </c>
      <c r="V9" s="191">
        <v>0</v>
      </c>
      <c r="W9" s="196">
        <v>0</v>
      </c>
      <c r="X9" s="195">
        <v>0</v>
      </c>
      <c r="Y9" s="190">
        <v>0</v>
      </c>
      <c r="Z9" s="191">
        <v>0</v>
      </c>
      <c r="AA9" s="196">
        <v>0</v>
      </c>
      <c r="AB9" s="193">
        <v>0</v>
      </c>
      <c r="AC9" s="191">
        <v>1201</v>
      </c>
      <c r="AD9" s="191">
        <v>1247</v>
      </c>
      <c r="AE9" s="191">
        <v>593</v>
      </c>
      <c r="AF9" s="191">
        <v>280</v>
      </c>
      <c r="AG9" s="191">
        <v>110</v>
      </c>
      <c r="AH9" s="196">
        <v>3431</v>
      </c>
      <c r="AI9" s="195">
        <v>3431</v>
      </c>
      <c r="AJ9" s="190">
        <v>0</v>
      </c>
      <c r="AK9" s="191">
        <v>0</v>
      </c>
      <c r="AL9" s="196">
        <v>0</v>
      </c>
      <c r="AM9" s="193">
        <v>0</v>
      </c>
      <c r="AN9" s="191">
        <v>19</v>
      </c>
      <c r="AO9" s="191">
        <v>22</v>
      </c>
      <c r="AP9" s="191">
        <v>30</v>
      </c>
      <c r="AQ9" s="191">
        <v>17</v>
      </c>
      <c r="AR9" s="191">
        <v>15</v>
      </c>
      <c r="AS9" s="196">
        <v>103</v>
      </c>
      <c r="AT9" s="195">
        <v>103</v>
      </c>
      <c r="AU9" s="190">
        <v>21</v>
      </c>
      <c r="AV9" s="191">
        <v>23</v>
      </c>
      <c r="AW9" s="196">
        <v>44</v>
      </c>
      <c r="AX9" s="193">
        <v>0</v>
      </c>
      <c r="AY9" s="191">
        <v>117</v>
      </c>
      <c r="AZ9" s="191">
        <v>154</v>
      </c>
      <c r="BA9" s="191">
        <v>123</v>
      </c>
      <c r="BB9" s="191">
        <v>78</v>
      </c>
      <c r="BC9" s="191">
        <v>39</v>
      </c>
      <c r="BD9" s="196">
        <v>511</v>
      </c>
      <c r="BE9" s="195">
        <v>555</v>
      </c>
      <c r="BF9" s="190">
        <v>0</v>
      </c>
      <c r="BG9" s="191">
        <v>2</v>
      </c>
      <c r="BH9" s="196">
        <v>2</v>
      </c>
      <c r="BI9" s="193">
        <v>0</v>
      </c>
      <c r="BJ9" s="191">
        <v>214</v>
      </c>
      <c r="BK9" s="191">
        <v>293</v>
      </c>
      <c r="BL9" s="191">
        <v>416</v>
      </c>
      <c r="BM9" s="191">
        <v>207</v>
      </c>
      <c r="BN9" s="191">
        <v>122</v>
      </c>
      <c r="BO9" s="194">
        <v>1252</v>
      </c>
      <c r="BP9" s="195">
        <v>1254</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3</v>
      </c>
      <c r="CI9" s="191">
        <v>33</v>
      </c>
      <c r="CJ9" s="191">
        <v>10</v>
      </c>
      <c r="CK9" s="196">
        <v>56</v>
      </c>
      <c r="CL9" s="195">
        <v>56</v>
      </c>
      <c r="CM9" s="190">
        <v>0</v>
      </c>
      <c r="CN9" s="191">
        <v>0</v>
      </c>
      <c r="CO9" s="196">
        <v>0</v>
      </c>
      <c r="CP9" s="193">
        <v>0</v>
      </c>
      <c r="CQ9" s="191">
        <v>19</v>
      </c>
      <c r="CR9" s="191">
        <v>34</v>
      </c>
      <c r="CS9" s="191">
        <v>43</v>
      </c>
      <c r="CT9" s="191">
        <v>53</v>
      </c>
      <c r="CU9" s="191">
        <v>37</v>
      </c>
      <c r="CV9" s="196">
        <v>186</v>
      </c>
      <c r="CW9" s="195">
        <v>186</v>
      </c>
    </row>
    <row r="10" spans="2:101" ht="21" customHeight="1" x14ac:dyDescent="0.2">
      <c r="B10" s="106" t="s">
        <v>7</v>
      </c>
      <c r="C10" s="190">
        <v>0</v>
      </c>
      <c r="D10" s="196">
        <v>0</v>
      </c>
      <c r="E10" s="207">
        <v>0</v>
      </c>
      <c r="F10" s="193">
        <v>0</v>
      </c>
      <c r="G10" s="191">
        <v>7</v>
      </c>
      <c r="H10" s="191">
        <v>14</v>
      </c>
      <c r="I10" s="191">
        <v>6</v>
      </c>
      <c r="J10" s="191">
        <v>8</v>
      </c>
      <c r="K10" s="191">
        <v>5</v>
      </c>
      <c r="L10" s="194">
        <v>40</v>
      </c>
      <c r="M10" s="195">
        <v>40</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1225</v>
      </c>
      <c r="AD10" s="191">
        <v>717</v>
      </c>
      <c r="AE10" s="191">
        <v>262</v>
      </c>
      <c r="AF10" s="191">
        <v>116</v>
      </c>
      <c r="AG10" s="191">
        <v>56</v>
      </c>
      <c r="AH10" s="196">
        <v>2376</v>
      </c>
      <c r="AI10" s="195">
        <v>2376</v>
      </c>
      <c r="AJ10" s="190">
        <v>1</v>
      </c>
      <c r="AK10" s="191">
        <v>2</v>
      </c>
      <c r="AL10" s="196">
        <v>3</v>
      </c>
      <c r="AM10" s="193">
        <v>0</v>
      </c>
      <c r="AN10" s="191">
        <v>87</v>
      </c>
      <c r="AO10" s="191">
        <v>91</v>
      </c>
      <c r="AP10" s="191">
        <v>93</v>
      </c>
      <c r="AQ10" s="191">
        <v>29</v>
      </c>
      <c r="AR10" s="191">
        <v>27</v>
      </c>
      <c r="AS10" s="196">
        <v>327</v>
      </c>
      <c r="AT10" s="195">
        <v>330</v>
      </c>
      <c r="AU10" s="190">
        <v>3</v>
      </c>
      <c r="AV10" s="191">
        <v>3</v>
      </c>
      <c r="AW10" s="196">
        <v>6</v>
      </c>
      <c r="AX10" s="193">
        <v>0</v>
      </c>
      <c r="AY10" s="191">
        <v>51</v>
      </c>
      <c r="AZ10" s="191">
        <v>34</v>
      </c>
      <c r="BA10" s="191">
        <v>30</v>
      </c>
      <c r="BB10" s="191">
        <v>25</v>
      </c>
      <c r="BC10" s="191">
        <v>6</v>
      </c>
      <c r="BD10" s="196">
        <v>146</v>
      </c>
      <c r="BE10" s="195">
        <v>152</v>
      </c>
      <c r="BF10" s="190">
        <v>0</v>
      </c>
      <c r="BG10" s="191">
        <v>0</v>
      </c>
      <c r="BH10" s="196">
        <v>0</v>
      </c>
      <c r="BI10" s="193">
        <v>0</v>
      </c>
      <c r="BJ10" s="191">
        <v>141</v>
      </c>
      <c r="BK10" s="191">
        <v>159</v>
      </c>
      <c r="BL10" s="191">
        <v>165</v>
      </c>
      <c r="BM10" s="191">
        <v>120</v>
      </c>
      <c r="BN10" s="191">
        <v>67</v>
      </c>
      <c r="BO10" s="194">
        <v>652</v>
      </c>
      <c r="BP10" s="195">
        <v>652</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6</v>
      </c>
      <c r="CR10" s="191">
        <v>12</v>
      </c>
      <c r="CS10" s="191">
        <v>16</v>
      </c>
      <c r="CT10" s="191">
        <v>19</v>
      </c>
      <c r="CU10" s="191">
        <v>27</v>
      </c>
      <c r="CV10" s="196">
        <v>90</v>
      </c>
      <c r="CW10" s="195">
        <v>90</v>
      </c>
    </row>
    <row r="11" spans="2:101" ht="21" customHeight="1" x14ac:dyDescent="0.2">
      <c r="B11" s="106" t="s">
        <v>8</v>
      </c>
      <c r="C11" s="190">
        <v>0</v>
      </c>
      <c r="D11" s="196">
        <v>0</v>
      </c>
      <c r="E11" s="207">
        <v>0</v>
      </c>
      <c r="F11" s="193">
        <v>0</v>
      </c>
      <c r="G11" s="191">
        <v>7</v>
      </c>
      <c r="H11" s="191">
        <v>4</v>
      </c>
      <c r="I11" s="191">
        <v>4</v>
      </c>
      <c r="J11" s="191">
        <v>5</v>
      </c>
      <c r="K11" s="191">
        <v>3</v>
      </c>
      <c r="L11" s="194">
        <v>23</v>
      </c>
      <c r="M11" s="195">
        <v>23</v>
      </c>
      <c r="N11" s="190">
        <v>0</v>
      </c>
      <c r="O11" s="191">
        <v>0</v>
      </c>
      <c r="P11" s="196">
        <v>0</v>
      </c>
      <c r="Q11" s="193">
        <v>0</v>
      </c>
      <c r="R11" s="191">
        <v>2</v>
      </c>
      <c r="S11" s="191">
        <v>2</v>
      </c>
      <c r="T11" s="191">
        <v>0</v>
      </c>
      <c r="U11" s="191">
        <v>2</v>
      </c>
      <c r="V11" s="191">
        <v>1</v>
      </c>
      <c r="W11" s="196">
        <v>7</v>
      </c>
      <c r="X11" s="195">
        <v>7</v>
      </c>
      <c r="Y11" s="190">
        <v>0</v>
      </c>
      <c r="Z11" s="191">
        <v>0</v>
      </c>
      <c r="AA11" s="196">
        <v>0</v>
      </c>
      <c r="AB11" s="193">
        <v>0</v>
      </c>
      <c r="AC11" s="191">
        <v>634</v>
      </c>
      <c r="AD11" s="191">
        <v>551</v>
      </c>
      <c r="AE11" s="191">
        <v>209</v>
      </c>
      <c r="AF11" s="191">
        <v>110</v>
      </c>
      <c r="AG11" s="191">
        <v>53</v>
      </c>
      <c r="AH11" s="196">
        <v>1557</v>
      </c>
      <c r="AI11" s="195">
        <v>1557</v>
      </c>
      <c r="AJ11" s="190">
        <v>0</v>
      </c>
      <c r="AK11" s="191">
        <v>0</v>
      </c>
      <c r="AL11" s="196">
        <v>0</v>
      </c>
      <c r="AM11" s="193">
        <v>0</v>
      </c>
      <c r="AN11" s="191">
        <v>8</v>
      </c>
      <c r="AO11" s="191">
        <v>8</v>
      </c>
      <c r="AP11" s="191">
        <v>8</v>
      </c>
      <c r="AQ11" s="191">
        <v>8</v>
      </c>
      <c r="AR11" s="191">
        <v>6</v>
      </c>
      <c r="AS11" s="196">
        <v>38</v>
      </c>
      <c r="AT11" s="195">
        <v>38</v>
      </c>
      <c r="AU11" s="190">
        <v>11</v>
      </c>
      <c r="AV11" s="191">
        <v>12</v>
      </c>
      <c r="AW11" s="196">
        <v>23</v>
      </c>
      <c r="AX11" s="193">
        <v>0</v>
      </c>
      <c r="AY11" s="191">
        <v>61</v>
      </c>
      <c r="AZ11" s="191">
        <v>51</v>
      </c>
      <c r="BA11" s="191">
        <v>44</v>
      </c>
      <c r="BB11" s="191">
        <v>24</v>
      </c>
      <c r="BC11" s="191">
        <v>12</v>
      </c>
      <c r="BD11" s="196">
        <v>192</v>
      </c>
      <c r="BE11" s="195">
        <v>215</v>
      </c>
      <c r="BF11" s="190">
        <v>0</v>
      </c>
      <c r="BG11" s="191">
        <v>0</v>
      </c>
      <c r="BH11" s="196">
        <v>0</v>
      </c>
      <c r="BI11" s="193">
        <v>0</v>
      </c>
      <c r="BJ11" s="191">
        <v>72</v>
      </c>
      <c r="BK11" s="191">
        <v>60</v>
      </c>
      <c r="BL11" s="191">
        <v>98</v>
      </c>
      <c r="BM11" s="191">
        <v>58</v>
      </c>
      <c r="BN11" s="191">
        <v>44</v>
      </c>
      <c r="BO11" s="194">
        <v>332</v>
      </c>
      <c r="BP11" s="195">
        <v>332</v>
      </c>
      <c r="BQ11" s="190">
        <v>0</v>
      </c>
      <c r="BR11" s="191">
        <v>0</v>
      </c>
      <c r="BS11" s="196">
        <v>0</v>
      </c>
      <c r="BT11" s="193">
        <v>0</v>
      </c>
      <c r="BU11" s="191">
        <v>1</v>
      </c>
      <c r="BV11" s="191">
        <v>9</v>
      </c>
      <c r="BW11" s="191">
        <v>15</v>
      </c>
      <c r="BX11" s="191">
        <v>11</v>
      </c>
      <c r="BY11" s="191">
        <v>8</v>
      </c>
      <c r="BZ11" s="196">
        <v>44</v>
      </c>
      <c r="CA11" s="195">
        <v>44</v>
      </c>
      <c r="CB11" s="190">
        <v>0</v>
      </c>
      <c r="CC11" s="191">
        <v>0</v>
      </c>
      <c r="CD11" s="196">
        <v>0</v>
      </c>
      <c r="CE11" s="193">
        <v>0</v>
      </c>
      <c r="CF11" s="191">
        <v>0</v>
      </c>
      <c r="CG11" s="191">
        <v>1</v>
      </c>
      <c r="CH11" s="191">
        <v>11</v>
      </c>
      <c r="CI11" s="191">
        <v>26</v>
      </c>
      <c r="CJ11" s="191">
        <v>5</v>
      </c>
      <c r="CK11" s="196">
        <v>43</v>
      </c>
      <c r="CL11" s="195">
        <v>43</v>
      </c>
      <c r="CM11" s="190">
        <v>0</v>
      </c>
      <c r="CN11" s="191">
        <v>0</v>
      </c>
      <c r="CO11" s="196">
        <v>0</v>
      </c>
      <c r="CP11" s="193">
        <v>0</v>
      </c>
      <c r="CQ11" s="191">
        <v>13</v>
      </c>
      <c r="CR11" s="191">
        <v>16</v>
      </c>
      <c r="CS11" s="191">
        <v>19</v>
      </c>
      <c r="CT11" s="191">
        <v>15</v>
      </c>
      <c r="CU11" s="191">
        <v>8</v>
      </c>
      <c r="CV11" s="196">
        <v>71</v>
      </c>
      <c r="CW11" s="195">
        <v>71</v>
      </c>
    </row>
    <row r="12" spans="2:101" ht="21" customHeight="1" x14ac:dyDescent="0.2">
      <c r="B12" s="106" t="s">
        <v>9</v>
      </c>
      <c r="C12" s="190">
        <v>0</v>
      </c>
      <c r="D12" s="196">
        <v>0</v>
      </c>
      <c r="E12" s="207">
        <v>0</v>
      </c>
      <c r="F12" s="193">
        <v>0</v>
      </c>
      <c r="G12" s="191">
        <v>1</v>
      </c>
      <c r="H12" s="191">
        <v>3</v>
      </c>
      <c r="I12" s="191">
        <v>3</v>
      </c>
      <c r="J12" s="191">
        <v>5</v>
      </c>
      <c r="K12" s="191">
        <v>5</v>
      </c>
      <c r="L12" s="194">
        <v>17</v>
      </c>
      <c r="M12" s="195">
        <v>17</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63</v>
      </c>
      <c r="AD12" s="191">
        <v>307</v>
      </c>
      <c r="AE12" s="191">
        <v>143</v>
      </c>
      <c r="AF12" s="191">
        <v>97</v>
      </c>
      <c r="AG12" s="191">
        <v>36</v>
      </c>
      <c r="AH12" s="196">
        <v>1046</v>
      </c>
      <c r="AI12" s="195">
        <v>1046</v>
      </c>
      <c r="AJ12" s="190">
        <v>0</v>
      </c>
      <c r="AK12" s="191">
        <v>0</v>
      </c>
      <c r="AL12" s="196">
        <v>0</v>
      </c>
      <c r="AM12" s="193">
        <v>0</v>
      </c>
      <c r="AN12" s="191">
        <v>6</v>
      </c>
      <c r="AO12" s="191">
        <v>6</v>
      </c>
      <c r="AP12" s="191">
        <v>13</v>
      </c>
      <c r="AQ12" s="191">
        <v>1</v>
      </c>
      <c r="AR12" s="191">
        <v>3</v>
      </c>
      <c r="AS12" s="196">
        <v>29</v>
      </c>
      <c r="AT12" s="195">
        <v>29</v>
      </c>
      <c r="AU12" s="190">
        <v>5</v>
      </c>
      <c r="AV12" s="191">
        <v>3</v>
      </c>
      <c r="AW12" s="196">
        <v>8</v>
      </c>
      <c r="AX12" s="193">
        <v>0</v>
      </c>
      <c r="AY12" s="191">
        <v>38</v>
      </c>
      <c r="AZ12" s="191">
        <v>31</v>
      </c>
      <c r="BA12" s="191">
        <v>25</v>
      </c>
      <c r="BB12" s="191">
        <v>25</v>
      </c>
      <c r="BC12" s="191">
        <v>14</v>
      </c>
      <c r="BD12" s="196">
        <v>133</v>
      </c>
      <c r="BE12" s="195">
        <v>141</v>
      </c>
      <c r="BF12" s="190">
        <v>0</v>
      </c>
      <c r="BG12" s="191">
        <v>0</v>
      </c>
      <c r="BH12" s="196">
        <v>0</v>
      </c>
      <c r="BI12" s="193">
        <v>0</v>
      </c>
      <c r="BJ12" s="191">
        <v>38</v>
      </c>
      <c r="BK12" s="191">
        <v>59</v>
      </c>
      <c r="BL12" s="191">
        <v>82</v>
      </c>
      <c r="BM12" s="191">
        <v>66</v>
      </c>
      <c r="BN12" s="191">
        <v>31</v>
      </c>
      <c r="BO12" s="194">
        <v>276</v>
      </c>
      <c r="BP12" s="195">
        <v>276</v>
      </c>
      <c r="BQ12" s="190">
        <v>0</v>
      </c>
      <c r="BR12" s="191">
        <v>0</v>
      </c>
      <c r="BS12" s="196">
        <v>0</v>
      </c>
      <c r="BT12" s="193">
        <v>0</v>
      </c>
      <c r="BU12" s="191">
        <v>1</v>
      </c>
      <c r="BV12" s="191">
        <v>4</v>
      </c>
      <c r="BW12" s="191">
        <v>7</v>
      </c>
      <c r="BX12" s="191">
        <v>8</v>
      </c>
      <c r="BY12" s="191">
        <v>4</v>
      </c>
      <c r="BZ12" s="196">
        <v>24</v>
      </c>
      <c r="CA12" s="195">
        <v>24</v>
      </c>
      <c r="CB12" s="190">
        <v>0</v>
      </c>
      <c r="CC12" s="191">
        <v>0</v>
      </c>
      <c r="CD12" s="196">
        <v>0</v>
      </c>
      <c r="CE12" s="193">
        <v>0</v>
      </c>
      <c r="CF12" s="191">
        <v>0</v>
      </c>
      <c r="CG12" s="191">
        <v>0</v>
      </c>
      <c r="CH12" s="191">
        <v>0</v>
      </c>
      <c r="CI12" s="191">
        <v>0</v>
      </c>
      <c r="CJ12" s="191">
        <v>1</v>
      </c>
      <c r="CK12" s="196">
        <v>1</v>
      </c>
      <c r="CL12" s="195">
        <v>1</v>
      </c>
      <c r="CM12" s="190">
        <v>0</v>
      </c>
      <c r="CN12" s="191">
        <v>0</v>
      </c>
      <c r="CO12" s="196">
        <v>0</v>
      </c>
      <c r="CP12" s="193">
        <v>0</v>
      </c>
      <c r="CQ12" s="191">
        <v>5</v>
      </c>
      <c r="CR12" s="191">
        <v>6</v>
      </c>
      <c r="CS12" s="191">
        <v>9</v>
      </c>
      <c r="CT12" s="191">
        <v>12</v>
      </c>
      <c r="CU12" s="191">
        <v>11</v>
      </c>
      <c r="CV12" s="196">
        <v>43</v>
      </c>
      <c r="CW12" s="195">
        <v>43</v>
      </c>
    </row>
    <row r="13" spans="2:101" ht="21" customHeight="1" x14ac:dyDescent="0.2">
      <c r="B13" s="106" t="s">
        <v>10</v>
      </c>
      <c r="C13" s="190">
        <v>0</v>
      </c>
      <c r="D13" s="196">
        <v>0</v>
      </c>
      <c r="E13" s="207">
        <v>0</v>
      </c>
      <c r="F13" s="193">
        <v>0</v>
      </c>
      <c r="G13" s="191">
        <v>19</v>
      </c>
      <c r="H13" s="191">
        <v>15</v>
      </c>
      <c r="I13" s="191">
        <v>13</v>
      </c>
      <c r="J13" s="191">
        <v>13</v>
      </c>
      <c r="K13" s="191">
        <v>15</v>
      </c>
      <c r="L13" s="194">
        <v>75</v>
      </c>
      <c r="M13" s="195">
        <v>75</v>
      </c>
      <c r="N13" s="190">
        <v>0</v>
      </c>
      <c r="O13" s="191">
        <v>0</v>
      </c>
      <c r="P13" s="196">
        <v>0</v>
      </c>
      <c r="Q13" s="193">
        <v>0</v>
      </c>
      <c r="R13" s="191">
        <v>9</v>
      </c>
      <c r="S13" s="191">
        <v>2</v>
      </c>
      <c r="T13" s="191">
        <v>6</v>
      </c>
      <c r="U13" s="191">
        <v>5</v>
      </c>
      <c r="V13" s="191">
        <v>6</v>
      </c>
      <c r="W13" s="196">
        <v>28</v>
      </c>
      <c r="X13" s="195">
        <v>28</v>
      </c>
      <c r="Y13" s="190">
        <v>0</v>
      </c>
      <c r="Z13" s="191">
        <v>0</v>
      </c>
      <c r="AA13" s="196">
        <v>0</v>
      </c>
      <c r="AB13" s="193">
        <v>0</v>
      </c>
      <c r="AC13" s="191">
        <v>593</v>
      </c>
      <c r="AD13" s="191">
        <v>244</v>
      </c>
      <c r="AE13" s="191">
        <v>125</v>
      </c>
      <c r="AF13" s="191">
        <v>63</v>
      </c>
      <c r="AG13" s="191">
        <v>15</v>
      </c>
      <c r="AH13" s="196">
        <v>1040</v>
      </c>
      <c r="AI13" s="195">
        <v>1040</v>
      </c>
      <c r="AJ13" s="190">
        <v>0</v>
      </c>
      <c r="AK13" s="191">
        <v>1</v>
      </c>
      <c r="AL13" s="196">
        <v>1</v>
      </c>
      <c r="AM13" s="193">
        <v>0</v>
      </c>
      <c r="AN13" s="191">
        <v>13</v>
      </c>
      <c r="AO13" s="191">
        <v>15</v>
      </c>
      <c r="AP13" s="191">
        <v>21</v>
      </c>
      <c r="AQ13" s="191">
        <v>13</v>
      </c>
      <c r="AR13" s="191">
        <v>8</v>
      </c>
      <c r="AS13" s="196">
        <v>70</v>
      </c>
      <c r="AT13" s="195">
        <v>71</v>
      </c>
      <c r="AU13" s="190">
        <v>11</v>
      </c>
      <c r="AV13" s="191">
        <v>17</v>
      </c>
      <c r="AW13" s="196">
        <v>28</v>
      </c>
      <c r="AX13" s="193">
        <v>0</v>
      </c>
      <c r="AY13" s="191">
        <v>92</v>
      </c>
      <c r="AZ13" s="191">
        <v>60</v>
      </c>
      <c r="BA13" s="191">
        <v>55</v>
      </c>
      <c r="BB13" s="191">
        <v>47</v>
      </c>
      <c r="BC13" s="191">
        <v>40</v>
      </c>
      <c r="BD13" s="196">
        <v>294</v>
      </c>
      <c r="BE13" s="195">
        <v>322</v>
      </c>
      <c r="BF13" s="190">
        <v>0</v>
      </c>
      <c r="BG13" s="191">
        <v>2</v>
      </c>
      <c r="BH13" s="196">
        <v>2</v>
      </c>
      <c r="BI13" s="193">
        <v>0</v>
      </c>
      <c r="BJ13" s="191">
        <v>113</v>
      </c>
      <c r="BK13" s="191">
        <v>114</v>
      </c>
      <c r="BL13" s="191">
        <v>127</v>
      </c>
      <c r="BM13" s="191">
        <v>88</v>
      </c>
      <c r="BN13" s="191">
        <v>77</v>
      </c>
      <c r="BO13" s="194">
        <v>519</v>
      </c>
      <c r="BP13" s="195">
        <v>521</v>
      </c>
      <c r="BQ13" s="190">
        <v>0</v>
      </c>
      <c r="BR13" s="191">
        <v>0</v>
      </c>
      <c r="BS13" s="196">
        <v>0</v>
      </c>
      <c r="BT13" s="193">
        <v>0</v>
      </c>
      <c r="BU13" s="191">
        <v>32</v>
      </c>
      <c r="BV13" s="191">
        <v>23</v>
      </c>
      <c r="BW13" s="191">
        <v>30</v>
      </c>
      <c r="BX13" s="191">
        <v>30</v>
      </c>
      <c r="BY13" s="191">
        <v>27</v>
      </c>
      <c r="BZ13" s="196">
        <v>142</v>
      </c>
      <c r="CA13" s="195">
        <v>142</v>
      </c>
      <c r="CB13" s="190">
        <v>0</v>
      </c>
      <c r="CC13" s="191">
        <v>0</v>
      </c>
      <c r="CD13" s="196">
        <v>0</v>
      </c>
      <c r="CE13" s="193">
        <v>0</v>
      </c>
      <c r="CF13" s="191">
        <v>0</v>
      </c>
      <c r="CG13" s="191">
        <v>1</v>
      </c>
      <c r="CH13" s="191">
        <v>4</v>
      </c>
      <c r="CI13" s="191">
        <v>22</v>
      </c>
      <c r="CJ13" s="191">
        <v>16</v>
      </c>
      <c r="CK13" s="196">
        <v>43</v>
      </c>
      <c r="CL13" s="195">
        <v>43</v>
      </c>
      <c r="CM13" s="190">
        <v>0</v>
      </c>
      <c r="CN13" s="191">
        <v>0</v>
      </c>
      <c r="CO13" s="196">
        <v>0</v>
      </c>
      <c r="CP13" s="193">
        <v>0</v>
      </c>
      <c r="CQ13" s="191">
        <v>31</v>
      </c>
      <c r="CR13" s="191">
        <v>30</v>
      </c>
      <c r="CS13" s="191">
        <v>30</v>
      </c>
      <c r="CT13" s="191">
        <v>54</v>
      </c>
      <c r="CU13" s="191">
        <v>41</v>
      </c>
      <c r="CV13" s="196">
        <v>186</v>
      </c>
      <c r="CW13" s="195">
        <v>186</v>
      </c>
    </row>
    <row r="14" spans="2:101" ht="21" customHeight="1" x14ac:dyDescent="0.2">
      <c r="B14" s="106" t="s">
        <v>11</v>
      </c>
      <c r="C14" s="190">
        <v>0</v>
      </c>
      <c r="D14" s="196">
        <v>0</v>
      </c>
      <c r="E14" s="207">
        <v>0</v>
      </c>
      <c r="F14" s="193">
        <v>0</v>
      </c>
      <c r="G14" s="191">
        <v>11</v>
      </c>
      <c r="H14" s="191">
        <v>11</v>
      </c>
      <c r="I14" s="191">
        <v>4</v>
      </c>
      <c r="J14" s="191">
        <v>7</v>
      </c>
      <c r="K14" s="191">
        <v>5</v>
      </c>
      <c r="L14" s="194">
        <v>38</v>
      </c>
      <c r="M14" s="195">
        <v>38</v>
      </c>
      <c r="N14" s="190">
        <v>0</v>
      </c>
      <c r="O14" s="191">
        <v>0</v>
      </c>
      <c r="P14" s="196">
        <v>0</v>
      </c>
      <c r="Q14" s="193">
        <v>0</v>
      </c>
      <c r="R14" s="191">
        <v>10</v>
      </c>
      <c r="S14" s="191">
        <v>12</v>
      </c>
      <c r="T14" s="191">
        <v>8</v>
      </c>
      <c r="U14" s="191">
        <v>14</v>
      </c>
      <c r="V14" s="191">
        <v>7</v>
      </c>
      <c r="W14" s="196">
        <v>51</v>
      </c>
      <c r="X14" s="195">
        <v>51</v>
      </c>
      <c r="Y14" s="190">
        <v>0</v>
      </c>
      <c r="Z14" s="191">
        <v>0</v>
      </c>
      <c r="AA14" s="196">
        <v>0</v>
      </c>
      <c r="AB14" s="193">
        <v>0</v>
      </c>
      <c r="AC14" s="191">
        <v>492</v>
      </c>
      <c r="AD14" s="191">
        <v>284</v>
      </c>
      <c r="AE14" s="191">
        <v>176</v>
      </c>
      <c r="AF14" s="191">
        <v>74</v>
      </c>
      <c r="AG14" s="191">
        <v>31</v>
      </c>
      <c r="AH14" s="196">
        <v>1057</v>
      </c>
      <c r="AI14" s="195">
        <v>1057</v>
      </c>
      <c r="AJ14" s="190">
        <v>0</v>
      </c>
      <c r="AK14" s="191">
        <v>0</v>
      </c>
      <c r="AL14" s="196">
        <v>0</v>
      </c>
      <c r="AM14" s="193">
        <v>0</v>
      </c>
      <c r="AN14" s="191">
        <v>23</v>
      </c>
      <c r="AO14" s="191">
        <v>17</v>
      </c>
      <c r="AP14" s="191">
        <v>10</v>
      </c>
      <c r="AQ14" s="191">
        <v>4</v>
      </c>
      <c r="AR14" s="191">
        <v>3</v>
      </c>
      <c r="AS14" s="196">
        <v>57</v>
      </c>
      <c r="AT14" s="195">
        <v>57</v>
      </c>
      <c r="AU14" s="190">
        <v>3</v>
      </c>
      <c r="AV14" s="191">
        <v>5</v>
      </c>
      <c r="AW14" s="196">
        <v>8</v>
      </c>
      <c r="AX14" s="193">
        <v>0</v>
      </c>
      <c r="AY14" s="191">
        <v>37</v>
      </c>
      <c r="AZ14" s="191">
        <v>41</v>
      </c>
      <c r="BA14" s="191">
        <v>35</v>
      </c>
      <c r="BB14" s="191">
        <v>21</v>
      </c>
      <c r="BC14" s="191">
        <v>8</v>
      </c>
      <c r="BD14" s="196">
        <v>142</v>
      </c>
      <c r="BE14" s="195">
        <v>150</v>
      </c>
      <c r="BF14" s="190">
        <v>0</v>
      </c>
      <c r="BG14" s="191">
        <v>2</v>
      </c>
      <c r="BH14" s="196">
        <v>2</v>
      </c>
      <c r="BI14" s="193">
        <v>0</v>
      </c>
      <c r="BJ14" s="191">
        <v>56</v>
      </c>
      <c r="BK14" s="191">
        <v>79</v>
      </c>
      <c r="BL14" s="191">
        <v>81</v>
      </c>
      <c r="BM14" s="191">
        <v>64</v>
      </c>
      <c r="BN14" s="191">
        <v>20</v>
      </c>
      <c r="BO14" s="194">
        <v>300</v>
      </c>
      <c r="BP14" s="195">
        <v>302</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2</v>
      </c>
      <c r="CJ14" s="191">
        <v>0</v>
      </c>
      <c r="CK14" s="196">
        <v>2</v>
      </c>
      <c r="CL14" s="195">
        <v>2</v>
      </c>
      <c r="CM14" s="190">
        <v>0</v>
      </c>
      <c r="CN14" s="191">
        <v>0</v>
      </c>
      <c r="CO14" s="196">
        <v>0</v>
      </c>
      <c r="CP14" s="193">
        <v>0</v>
      </c>
      <c r="CQ14" s="191">
        <v>12</v>
      </c>
      <c r="CR14" s="191">
        <v>7</v>
      </c>
      <c r="CS14" s="191">
        <v>7</v>
      </c>
      <c r="CT14" s="191">
        <v>8</v>
      </c>
      <c r="CU14" s="191">
        <v>6</v>
      </c>
      <c r="CV14" s="196">
        <v>40</v>
      </c>
      <c r="CW14" s="195">
        <v>40</v>
      </c>
    </row>
    <row r="15" spans="2:101" ht="21" customHeight="1" x14ac:dyDescent="0.2">
      <c r="B15" s="106" t="s">
        <v>12</v>
      </c>
      <c r="C15" s="190">
        <v>0</v>
      </c>
      <c r="D15" s="196">
        <v>0</v>
      </c>
      <c r="E15" s="207">
        <v>0</v>
      </c>
      <c r="F15" s="193">
        <v>0</v>
      </c>
      <c r="G15" s="191">
        <v>9</v>
      </c>
      <c r="H15" s="191">
        <v>4</v>
      </c>
      <c r="I15" s="191">
        <v>3</v>
      </c>
      <c r="J15" s="191">
        <v>7</v>
      </c>
      <c r="K15" s="191">
        <v>4</v>
      </c>
      <c r="L15" s="194">
        <v>27</v>
      </c>
      <c r="M15" s="195">
        <v>27</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388</v>
      </c>
      <c r="AD15" s="191">
        <v>257</v>
      </c>
      <c r="AE15" s="191">
        <v>147</v>
      </c>
      <c r="AF15" s="191">
        <v>72</v>
      </c>
      <c r="AG15" s="191">
        <v>26</v>
      </c>
      <c r="AH15" s="196">
        <v>890</v>
      </c>
      <c r="AI15" s="195">
        <v>890</v>
      </c>
      <c r="AJ15" s="190">
        <v>0</v>
      </c>
      <c r="AK15" s="191">
        <v>0</v>
      </c>
      <c r="AL15" s="196">
        <v>0</v>
      </c>
      <c r="AM15" s="193">
        <v>0</v>
      </c>
      <c r="AN15" s="191">
        <v>5</v>
      </c>
      <c r="AO15" s="191">
        <v>1</v>
      </c>
      <c r="AP15" s="191">
        <v>3</v>
      </c>
      <c r="AQ15" s="191">
        <v>0</v>
      </c>
      <c r="AR15" s="191">
        <v>1</v>
      </c>
      <c r="AS15" s="196">
        <v>10</v>
      </c>
      <c r="AT15" s="195">
        <v>10</v>
      </c>
      <c r="AU15" s="190">
        <v>0</v>
      </c>
      <c r="AV15" s="191">
        <v>2</v>
      </c>
      <c r="AW15" s="196">
        <v>2</v>
      </c>
      <c r="AX15" s="193">
        <v>0</v>
      </c>
      <c r="AY15" s="191">
        <v>19</v>
      </c>
      <c r="AZ15" s="191">
        <v>33</v>
      </c>
      <c r="BA15" s="191">
        <v>45</v>
      </c>
      <c r="BB15" s="191">
        <v>45</v>
      </c>
      <c r="BC15" s="191">
        <v>29</v>
      </c>
      <c r="BD15" s="196">
        <v>171</v>
      </c>
      <c r="BE15" s="195">
        <v>173</v>
      </c>
      <c r="BF15" s="190">
        <v>0</v>
      </c>
      <c r="BG15" s="191">
        <v>0</v>
      </c>
      <c r="BH15" s="196">
        <v>0</v>
      </c>
      <c r="BI15" s="193">
        <v>0</v>
      </c>
      <c r="BJ15" s="191">
        <v>44</v>
      </c>
      <c r="BK15" s="191">
        <v>49</v>
      </c>
      <c r="BL15" s="191">
        <v>43</v>
      </c>
      <c r="BM15" s="191">
        <v>35</v>
      </c>
      <c r="BN15" s="191">
        <v>36</v>
      </c>
      <c r="BO15" s="194">
        <v>207</v>
      </c>
      <c r="BP15" s="195">
        <v>207</v>
      </c>
      <c r="BQ15" s="190">
        <v>0</v>
      </c>
      <c r="BR15" s="191">
        <v>0</v>
      </c>
      <c r="BS15" s="196">
        <v>0</v>
      </c>
      <c r="BT15" s="193">
        <v>0</v>
      </c>
      <c r="BU15" s="191">
        <v>0</v>
      </c>
      <c r="BV15" s="191">
        <v>5</v>
      </c>
      <c r="BW15" s="191">
        <v>8</v>
      </c>
      <c r="BX15" s="191">
        <v>10</v>
      </c>
      <c r="BY15" s="191">
        <v>6</v>
      </c>
      <c r="BZ15" s="196">
        <v>29</v>
      </c>
      <c r="CA15" s="195">
        <v>29</v>
      </c>
      <c r="CB15" s="190">
        <v>0</v>
      </c>
      <c r="CC15" s="191">
        <v>0</v>
      </c>
      <c r="CD15" s="196">
        <v>0</v>
      </c>
      <c r="CE15" s="193">
        <v>0</v>
      </c>
      <c r="CF15" s="191">
        <v>0</v>
      </c>
      <c r="CG15" s="191">
        <v>0</v>
      </c>
      <c r="CH15" s="191">
        <v>13</v>
      </c>
      <c r="CI15" s="191">
        <v>12</v>
      </c>
      <c r="CJ15" s="191">
        <v>4</v>
      </c>
      <c r="CK15" s="196">
        <v>29</v>
      </c>
      <c r="CL15" s="195">
        <v>29</v>
      </c>
      <c r="CM15" s="190">
        <v>0</v>
      </c>
      <c r="CN15" s="191">
        <v>0</v>
      </c>
      <c r="CO15" s="196">
        <v>0</v>
      </c>
      <c r="CP15" s="193">
        <v>0</v>
      </c>
      <c r="CQ15" s="191">
        <v>6</v>
      </c>
      <c r="CR15" s="191">
        <v>17</v>
      </c>
      <c r="CS15" s="191">
        <v>22</v>
      </c>
      <c r="CT15" s="191">
        <v>21</v>
      </c>
      <c r="CU15" s="191">
        <v>18</v>
      </c>
      <c r="CV15" s="196">
        <v>84</v>
      </c>
      <c r="CW15" s="195">
        <v>84</v>
      </c>
    </row>
    <row r="16" spans="2:101" ht="21" customHeight="1" x14ac:dyDescent="0.2">
      <c r="B16" s="106" t="s">
        <v>13</v>
      </c>
      <c r="C16" s="190">
        <v>0</v>
      </c>
      <c r="D16" s="196">
        <v>0</v>
      </c>
      <c r="E16" s="207">
        <v>0</v>
      </c>
      <c r="F16" s="193">
        <v>0</v>
      </c>
      <c r="G16" s="191">
        <v>0</v>
      </c>
      <c r="H16" s="191">
        <v>1</v>
      </c>
      <c r="I16" s="191">
        <v>1</v>
      </c>
      <c r="J16" s="191">
        <v>1</v>
      </c>
      <c r="K16" s="191">
        <v>2</v>
      </c>
      <c r="L16" s="194">
        <v>5</v>
      </c>
      <c r="M16" s="195">
        <v>5</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42</v>
      </c>
      <c r="AD16" s="191">
        <v>167</v>
      </c>
      <c r="AE16" s="191">
        <v>65</v>
      </c>
      <c r="AF16" s="191">
        <v>36</v>
      </c>
      <c r="AG16" s="191">
        <v>14</v>
      </c>
      <c r="AH16" s="196">
        <v>424</v>
      </c>
      <c r="AI16" s="195">
        <v>424</v>
      </c>
      <c r="AJ16" s="190">
        <v>0</v>
      </c>
      <c r="AK16" s="191">
        <v>0</v>
      </c>
      <c r="AL16" s="196">
        <v>0</v>
      </c>
      <c r="AM16" s="193">
        <v>0</v>
      </c>
      <c r="AN16" s="191">
        <v>2</v>
      </c>
      <c r="AO16" s="191">
        <v>7</v>
      </c>
      <c r="AP16" s="191">
        <v>5</v>
      </c>
      <c r="AQ16" s="191">
        <v>4</v>
      </c>
      <c r="AR16" s="191">
        <v>9</v>
      </c>
      <c r="AS16" s="196">
        <v>27</v>
      </c>
      <c r="AT16" s="195">
        <v>27</v>
      </c>
      <c r="AU16" s="190">
        <v>4</v>
      </c>
      <c r="AV16" s="191">
        <v>1</v>
      </c>
      <c r="AW16" s="196">
        <v>5</v>
      </c>
      <c r="AX16" s="193">
        <v>0</v>
      </c>
      <c r="AY16" s="191">
        <v>16</v>
      </c>
      <c r="AZ16" s="191">
        <v>10</v>
      </c>
      <c r="BA16" s="191">
        <v>8</v>
      </c>
      <c r="BB16" s="191">
        <v>0</v>
      </c>
      <c r="BC16" s="191">
        <v>3</v>
      </c>
      <c r="BD16" s="196">
        <v>37</v>
      </c>
      <c r="BE16" s="195">
        <v>42</v>
      </c>
      <c r="BF16" s="190">
        <v>0</v>
      </c>
      <c r="BG16" s="191">
        <v>0</v>
      </c>
      <c r="BH16" s="196">
        <v>0</v>
      </c>
      <c r="BI16" s="193">
        <v>0</v>
      </c>
      <c r="BJ16" s="191">
        <v>15</v>
      </c>
      <c r="BK16" s="191">
        <v>12</v>
      </c>
      <c r="BL16" s="191">
        <v>15</v>
      </c>
      <c r="BM16" s="191">
        <v>19</v>
      </c>
      <c r="BN16" s="191">
        <v>15</v>
      </c>
      <c r="BO16" s="194">
        <v>76</v>
      </c>
      <c r="BP16" s="195">
        <v>76</v>
      </c>
      <c r="BQ16" s="190">
        <v>0</v>
      </c>
      <c r="BR16" s="191">
        <v>0</v>
      </c>
      <c r="BS16" s="196">
        <v>0</v>
      </c>
      <c r="BT16" s="193">
        <v>0</v>
      </c>
      <c r="BU16" s="191">
        <v>3</v>
      </c>
      <c r="BV16" s="191">
        <v>2</v>
      </c>
      <c r="BW16" s="191">
        <v>4</v>
      </c>
      <c r="BX16" s="191">
        <v>7</v>
      </c>
      <c r="BY16" s="191">
        <v>0</v>
      </c>
      <c r="BZ16" s="196">
        <v>16</v>
      </c>
      <c r="CA16" s="195">
        <v>16</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3</v>
      </c>
      <c r="H17" s="191">
        <v>2</v>
      </c>
      <c r="I17" s="191">
        <v>3</v>
      </c>
      <c r="J17" s="191">
        <v>1</v>
      </c>
      <c r="K17" s="191">
        <v>5</v>
      </c>
      <c r="L17" s="194">
        <v>14</v>
      </c>
      <c r="M17" s="195">
        <v>14</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213</v>
      </c>
      <c r="AD17" s="191">
        <v>204</v>
      </c>
      <c r="AE17" s="191">
        <v>81</v>
      </c>
      <c r="AF17" s="191">
        <v>45</v>
      </c>
      <c r="AG17" s="191">
        <v>21</v>
      </c>
      <c r="AH17" s="196">
        <v>564</v>
      </c>
      <c r="AI17" s="195">
        <v>564</v>
      </c>
      <c r="AJ17" s="190">
        <v>0</v>
      </c>
      <c r="AK17" s="191">
        <v>1</v>
      </c>
      <c r="AL17" s="196">
        <v>1</v>
      </c>
      <c r="AM17" s="193">
        <v>0</v>
      </c>
      <c r="AN17" s="191">
        <v>6</v>
      </c>
      <c r="AO17" s="191">
        <v>4</v>
      </c>
      <c r="AP17" s="191">
        <v>6</v>
      </c>
      <c r="AQ17" s="191">
        <v>1</v>
      </c>
      <c r="AR17" s="191">
        <v>2</v>
      </c>
      <c r="AS17" s="196">
        <v>19</v>
      </c>
      <c r="AT17" s="195">
        <v>20</v>
      </c>
      <c r="AU17" s="190">
        <v>1</v>
      </c>
      <c r="AV17" s="191">
        <v>12</v>
      </c>
      <c r="AW17" s="196">
        <v>13</v>
      </c>
      <c r="AX17" s="193">
        <v>0</v>
      </c>
      <c r="AY17" s="191">
        <v>19</v>
      </c>
      <c r="AZ17" s="191">
        <v>11</v>
      </c>
      <c r="BA17" s="191">
        <v>0</v>
      </c>
      <c r="BB17" s="191">
        <v>3</v>
      </c>
      <c r="BC17" s="191">
        <v>3</v>
      </c>
      <c r="BD17" s="196">
        <v>36</v>
      </c>
      <c r="BE17" s="195">
        <v>49</v>
      </c>
      <c r="BF17" s="190">
        <v>0</v>
      </c>
      <c r="BG17" s="191">
        <v>0</v>
      </c>
      <c r="BH17" s="196">
        <v>0</v>
      </c>
      <c r="BI17" s="193">
        <v>0</v>
      </c>
      <c r="BJ17" s="191">
        <v>43</v>
      </c>
      <c r="BK17" s="191">
        <v>43</v>
      </c>
      <c r="BL17" s="191">
        <v>36</v>
      </c>
      <c r="BM17" s="191">
        <v>24</v>
      </c>
      <c r="BN17" s="191">
        <v>17</v>
      </c>
      <c r="BO17" s="194">
        <v>163</v>
      </c>
      <c r="BP17" s="195">
        <v>163</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9</v>
      </c>
      <c r="CI17" s="191">
        <v>11</v>
      </c>
      <c r="CJ17" s="191">
        <v>11</v>
      </c>
      <c r="CK17" s="196">
        <v>31</v>
      </c>
      <c r="CL17" s="195">
        <v>31</v>
      </c>
      <c r="CM17" s="190">
        <v>0</v>
      </c>
      <c r="CN17" s="191">
        <v>0</v>
      </c>
      <c r="CO17" s="196">
        <v>0</v>
      </c>
      <c r="CP17" s="193">
        <v>0</v>
      </c>
      <c r="CQ17" s="191">
        <v>5</v>
      </c>
      <c r="CR17" s="191">
        <v>10</v>
      </c>
      <c r="CS17" s="191">
        <v>5</v>
      </c>
      <c r="CT17" s="191">
        <v>3</v>
      </c>
      <c r="CU17" s="191">
        <v>1</v>
      </c>
      <c r="CV17" s="196">
        <v>24</v>
      </c>
      <c r="CW17" s="195">
        <v>24</v>
      </c>
    </row>
    <row r="18" spans="2:101" ht="21" customHeight="1" x14ac:dyDescent="0.2">
      <c r="B18" s="106" t="s">
        <v>16</v>
      </c>
      <c r="C18" s="190">
        <v>0</v>
      </c>
      <c r="D18" s="196">
        <v>0</v>
      </c>
      <c r="E18" s="207">
        <v>0</v>
      </c>
      <c r="F18" s="193">
        <v>0</v>
      </c>
      <c r="G18" s="191">
        <v>8</v>
      </c>
      <c r="H18" s="191">
        <v>15</v>
      </c>
      <c r="I18" s="191">
        <v>17</v>
      </c>
      <c r="J18" s="191">
        <v>10</v>
      </c>
      <c r="K18" s="191">
        <v>10</v>
      </c>
      <c r="L18" s="194">
        <v>60</v>
      </c>
      <c r="M18" s="195">
        <v>60</v>
      </c>
      <c r="N18" s="190">
        <v>0</v>
      </c>
      <c r="O18" s="191">
        <v>0</v>
      </c>
      <c r="P18" s="196">
        <v>0</v>
      </c>
      <c r="Q18" s="193">
        <v>0</v>
      </c>
      <c r="R18" s="191">
        <v>0</v>
      </c>
      <c r="S18" s="191">
        <v>3</v>
      </c>
      <c r="T18" s="191">
        <v>2</v>
      </c>
      <c r="U18" s="191">
        <v>1</v>
      </c>
      <c r="V18" s="191">
        <v>1</v>
      </c>
      <c r="W18" s="196">
        <v>7</v>
      </c>
      <c r="X18" s="195">
        <v>7</v>
      </c>
      <c r="Y18" s="190">
        <v>0</v>
      </c>
      <c r="Z18" s="191">
        <v>0</v>
      </c>
      <c r="AA18" s="196">
        <v>0</v>
      </c>
      <c r="AB18" s="193">
        <v>0</v>
      </c>
      <c r="AC18" s="191">
        <v>158</v>
      </c>
      <c r="AD18" s="191">
        <v>190</v>
      </c>
      <c r="AE18" s="191">
        <v>85</v>
      </c>
      <c r="AF18" s="191">
        <v>38</v>
      </c>
      <c r="AG18" s="191">
        <v>13</v>
      </c>
      <c r="AH18" s="196">
        <v>484</v>
      </c>
      <c r="AI18" s="195">
        <v>484</v>
      </c>
      <c r="AJ18" s="190">
        <v>0</v>
      </c>
      <c r="AK18" s="191">
        <v>0</v>
      </c>
      <c r="AL18" s="196">
        <v>0</v>
      </c>
      <c r="AM18" s="193">
        <v>0</v>
      </c>
      <c r="AN18" s="191">
        <v>5</v>
      </c>
      <c r="AO18" s="191">
        <v>6</v>
      </c>
      <c r="AP18" s="191">
        <v>7</v>
      </c>
      <c r="AQ18" s="191">
        <v>3</v>
      </c>
      <c r="AR18" s="191">
        <v>4</v>
      </c>
      <c r="AS18" s="196">
        <v>25</v>
      </c>
      <c r="AT18" s="195">
        <v>25</v>
      </c>
      <c r="AU18" s="190">
        <v>4</v>
      </c>
      <c r="AV18" s="191">
        <v>3</v>
      </c>
      <c r="AW18" s="196">
        <v>7</v>
      </c>
      <c r="AX18" s="193">
        <v>0</v>
      </c>
      <c r="AY18" s="191">
        <v>22</v>
      </c>
      <c r="AZ18" s="191">
        <v>23</v>
      </c>
      <c r="BA18" s="191">
        <v>14</v>
      </c>
      <c r="BB18" s="191">
        <v>16</v>
      </c>
      <c r="BC18" s="191">
        <v>10</v>
      </c>
      <c r="BD18" s="196">
        <v>85</v>
      </c>
      <c r="BE18" s="195">
        <v>92</v>
      </c>
      <c r="BF18" s="190">
        <v>0</v>
      </c>
      <c r="BG18" s="191">
        <v>1</v>
      </c>
      <c r="BH18" s="196">
        <v>1</v>
      </c>
      <c r="BI18" s="193">
        <v>0</v>
      </c>
      <c r="BJ18" s="191">
        <v>28</v>
      </c>
      <c r="BK18" s="191">
        <v>51</v>
      </c>
      <c r="BL18" s="191">
        <v>38</v>
      </c>
      <c r="BM18" s="191">
        <v>40</v>
      </c>
      <c r="BN18" s="191">
        <v>24</v>
      </c>
      <c r="BO18" s="194">
        <v>181</v>
      </c>
      <c r="BP18" s="195">
        <v>182</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8</v>
      </c>
      <c r="CI18" s="191">
        <v>13</v>
      </c>
      <c r="CJ18" s="191">
        <v>8</v>
      </c>
      <c r="CK18" s="196">
        <v>29</v>
      </c>
      <c r="CL18" s="195">
        <v>29</v>
      </c>
      <c r="CM18" s="190">
        <v>0</v>
      </c>
      <c r="CN18" s="191">
        <v>0</v>
      </c>
      <c r="CO18" s="196">
        <v>0</v>
      </c>
      <c r="CP18" s="193">
        <v>0</v>
      </c>
      <c r="CQ18" s="191">
        <v>2</v>
      </c>
      <c r="CR18" s="191">
        <v>6</v>
      </c>
      <c r="CS18" s="191">
        <v>6</v>
      </c>
      <c r="CT18" s="191">
        <v>1</v>
      </c>
      <c r="CU18" s="191">
        <v>7</v>
      </c>
      <c r="CV18" s="196">
        <v>22</v>
      </c>
      <c r="CW18" s="195">
        <v>22</v>
      </c>
    </row>
    <row r="19" spans="2:101" ht="21" customHeight="1" x14ac:dyDescent="0.2">
      <c r="B19" s="106" t="s">
        <v>17</v>
      </c>
      <c r="C19" s="190">
        <v>0</v>
      </c>
      <c r="D19" s="196">
        <v>0</v>
      </c>
      <c r="E19" s="207">
        <v>0</v>
      </c>
      <c r="F19" s="193">
        <v>0</v>
      </c>
      <c r="G19" s="191">
        <v>2</v>
      </c>
      <c r="H19" s="191">
        <v>2</v>
      </c>
      <c r="I19" s="191">
        <v>2</v>
      </c>
      <c r="J19" s="191">
        <v>1</v>
      </c>
      <c r="K19" s="191">
        <v>0</v>
      </c>
      <c r="L19" s="194">
        <v>7</v>
      </c>
      <c r="M19" s="195">
        <v>7</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83</v>
      </c>
      <c r="AD19" s="191">
        <v>384</v>
      </c>
      <c r="AE19" s="191">
        <v>162</v>
      </c>
      <c r="AF19" s="191">
        <v>84</v>
      </c>
      <c r="AG19" s="191">
        <v>34</v>
      </c>
      <c r="AH19" s="196">
        <v>947</v>
      </c>
      <c r="AI19" s="195">
        <v>947</v>
      </c>
      <c r="AJ19" s="190">
        <v>1</v>
      </c>
      <c r="AK19" s="191">
        <v>3</v>
      </c>
      <c r="AL19" s="196">
        <v>4</v>
      </c>
      <c r="AM19" s="193">
        <v>0</v>
      </c>
      <c r="AN19" s="191">
        <v>26</v>
      </c>
      <c r="AO19" s="191">
        <v>26</v>
      </c>
      <c r="AP19" s="191">
        <v>15</v>
      </c>
      <c r="AQ19" s="191">
        <v>14</v>
      </c>
      <c r="AR19" s="191">
        <v>5</v>
      </c>
      <c r="AS19" s="196">
        <v>86</v>
      </c>
      <c r="AT19" s="195">
        <v>90</v>
      </c>
      <c r="AU19" s="190">
        <v>5</v>
      </c>
      <c r="AV19" s="191">
        <v>4</v>
      </c>
      <c r="AW19" s="196">
        <v>9</v>
      </c>
      <c r="AX19" s="193">
        <v>0</v>
      </c>
      <c r="AY19" s="191">
        <v>11</v>
      </c>
      <c r="AZ19" s="191">
        <v>25</v>
      </c>
      <c r="BA19" s="191">
        <v>36</v>
      </c>
      <c r="BB19" s="191">
        <v>24</v>
      </c>
      <c r="BC19" s="191">
        <v>16</v>
      </c>
      <c r="BD19" s="196">
        <v>112</v>
      </c>
      <c r="BE19" s="195">
        <v>121</v>
      </c>
      <c r="BF19" s="190">
        <v>0</v>
      </c>
      <c r="BG19" s="191">
        <v>0</v>
      </c>
      <c r="BH19" s="196">
        <v>0</v>
      </c>
      <c r="BI19" s="193">
        <v>0</v>
      </c>
      <c r="BJ19" s="191">
        <v>39</v>
      </c>
      <c r="BK19" s="191">
        <v>60</v>
      </c>
      <c r="BL19" s="191">
        <v>80</v>
      </c>
      <c r="BM19" s="191">
        <v>43</v>
      </c>
      <c r="BN19" s="191">
        <v>25</v>
      </c>
      <c r="BO19" s="194">
        <v>247</v>
      </c>
      <c r="BP19" s="195">
        <v>247</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1</v>
      </c>
      <c r="CH19" s="191">
        <v>30</v>
      </c>
      <c r="CI19" s="191">
        <v>51</v>
      </c>
      <c r="CJ19" s="191">
        <v>34</v>
      </c>
      <c r="CK19" s="196">
        <v>116</v>
      </c>
      <c r="CL19" s="195">
        <v>116</v>
      </c>
      <c r="CM19" s="190">
        <v>0</v>
      </c>
      <c r="CN19" s="191">
        <v>0</v>
      </c>
      <c r="CO19" s="196">
        <v>0</v>
      </c>
      <c r="CP19" s="193">
        <v>0</v>
      </c>
      <c r="CQ19" s="191">
        <v>2</v>
      </c>
      <c r="CR19" s="191">
        <v>4</v>
      </c>
      <c r="CS19" s="191">
        <v>10</v>
      </c>
      <c r="CT19" s="191">
        <v>7</v>
      </c>
      <c r="CU19" s="191">
        <v>13</v>
      </c>
      <c r="CV19" s="196">
        <v>36</v>
      </c>
      <c r="CW19" s="195">
        <v>36</v>
      </c>
    </row>
    <row r="20" spans="2:101" ht="21" customHeight="1" x14ac:dyDescent="0.2">
      <c r="B20" s="106" t="s">
        <v>18</v>
      </c>
      <c r="C20" s="190">
        <v>0</v>
      </c>
      <c r="D20" s="196">
        <v>0</v>
      </c>
      <c r="E20" s="207">
        <v>0</v>
      </c>
      <c r="F20" s="193">
        <v>0</v>
      </c>
      <c r="G20" s="191">
        <v>10</v>
      </c>
      <c r="H20" s="191">
        <v>11</v>
      </c>
      <c r="I20" s="191">
        <v>5</v>
      </c>
      <c r="J20" s="191">
        <v>7</v>
      </c>
      <c r="K20" s="191">
        <v>9</v>
      </c>
      <c r="L20" s="194">
        <v>42</v>
      </c>
      <c r="M20" s="195">
        <v>42</v>
      </c>
      <c r="N20" s="190">
        <v>0</v>
      </c>
      <c r="O20" s="191">
        <v>0</v>
      </c>
      <c r="P20" s="196">
        <v>0</v>
      </c>
      <c r="Q20" s="193">
        <v>0</v>
      </c>
      <c r="R20" s="191">
        <v>0</v>
      </c>
      <c r="S20" s="191">
        <v>0</v>
      </c>
      <c r="T20" s="191">
        <v>1</v>
      </c>
      <c r="U20" s="191">
        <v>0</v>
      </c>
      <c r="V20" s="191">
        <v>1</v>
      </c>
      <c r="W20" s="196">
        <v>2</v>
      </c>
      <c r="X20" s="195">
        <v>2</v>
      </c>
      <c r="Y20" s="190">
        <v>0</v>
      </c>
      <c r="Z20" s="191">
        <v>0</v>
      </c>
      <c r="AA20" s="196">
        <v>0</v>
      </c>
      <c r="AB20" s="193">
        <v>0</v>
      </c>
      <c r="AC20" s="191">
        <v>307</v>
      </c>
      <c r="AD20" s="191">
        <v>211</v>
      </c>
      <c r="AE20" s="191">
        <v>87</v>
      </c>
      <c r="AF20" s="191">
        <v>38</v>
      </c>
      <c r="AG20" s="191">
        <v>16</v>
      </c>
      <c r="AH20" s="196">
        <v>659</v>
      </c>
      <c r="AI20" s="195">
        <v>659</v>
      </c>
      <c r="AJ20" s="190">
        <v>0</v>
      </c>
      <c r="AK20" s="191">
        <v>0</v>
      </c>
      <c r="AL20" s="196">
        <v>0</v>
      </c>
      <c r="AM20" s="193">
        <v>0</v>
      </c>
      <c r="AN20" s="191">
        <v>11</v>
      </c>
      <c r="AO20" s="191">
        <v>15</v>
      </c>
      <c r="AP20" s="191">
        <v>25</v>
      </c>
      <c r="AQ20" s="191">
        <v>12</v>
      </c>
      <c r="AR20" s="191">
        <v>7</v>
      </c>
      <c r="AS20" s="196">
        <v>70</v>
      </c>
      <c r="AT20" s="195">
        <v>70</v>
      </c>
      <c r="AU20" s="190">
        <v>4</v>
      </c>
      <c r="AV20" s="191">
        <v>11</v>
      </c>
      <c r="AW20" s="196">
        <v>15</v>
      </c>
      <c r="AX20" s="193">
        <v>0</v>
      </c>
      <c r="AY20" s="191">
        <v>54</v>
      </c>
      <c r="AZ20" s="191">
        <v>34</v>
      </c>
      <c r="BA20" s="191">
        <v>52</v>
      </c>
      <c r="BB20" s="191">
        <v>18</v>
      </c>
      <c r="BC20" s="191">
        <v>10</v>
      </c>
      <c r="BD20" s="196">
        <v>168</v>
      </c>
      <c r="BE20" s="195">
        <v>183</v>
      </c>
      <c r="BF20" s="190">
        <v>0</v>
      </c>
      <c r="BG20" s="191">
        <v>3</v>
      </c>
      <c r="BH20" s="196">
        <v>3</v>
      </c>
      <c r="BI20" s="193">
        <v>0</v>
      </c>
      <c r="BJ20" s="191">
        <v>55</v>
      </c>
      <c r="BK20" s="191">
        <v>80</v>
      </c>
      <c r="BL20" s="191">
        <v>98</v>
      </c>
      <c r="BM20" s="191">
        <v>68</v>
      </c>
      <c r="BN20" s="191">
        <v>18</v>
      </c>
      <c r="BO20" s="194">
        <v>319</v>
      </c>
      <c r="BP20" s="195">
        <v>322</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1</v>
      </c>
      <c r="CH20" s="191">
        <v>7</v>
      </c>
      <c r="CI20" s="191">
        <v>15</v>
      </c>
      <c r="CJ20" s="191">
        <v>5</v>
      </c>
      <c r="CK20" s="196">
        <v>28</v>
      </c>
      <c r="CL20" s="195">
        <v>28</v>
      </c>
      <c r="CM20" s="190">
        <v>0</v>
      </c>
      <c r="CN20" s="191">
        <v>0</v>
      </c>
      <c r="CO20" s="196">
        <v>0</v>
      </c>
      <c r="CP20" s="193">
        <v>0</v>
      </c>
      <c r="CQ20" s="191">
        <v>7</v>
      </c>
      <c r="CR20" s="191">
        <v>7</v>
      </c>
      <c r="CS20" s="191">
        <v>13</v>
      </c>
      <c r="CT20" s="191">
        <v>22</v>
      </c>
      <c r="CU20" s="191">
        <v>31</v>
      </c>
      <c r="CV20" s="196">
        <v>80</v>
      </c>
      <c r="CW20" s="195">
        <v>80</v>
      </c>
    </row>
    <row r="21" spans="2:101" ht="21" customHeight="1" x14ac:dyDescent="0.2">
      <c r="B21" s="106" t="s">
        <v>19</v>
      </c>
      <c r="C21" s="190">
        <v>0</v>
      </c>
      <c r="D21" s="196">
        <v>0</v>
      </c>
      <c r="E21" s="207">
        <v>0</v>
      </c>
      <c r="F21" s="193">
        <v>0</v>
      </c>
      <c r="G21" s="191">
        <v>11</v>
      </c>
      <c r="H21" s="191">
        <v>12</v>
      </c>
      <c r="I21" s="191">
        <v>7</v>
      </c>
      <c r="J21" s="191">
        <v>6</v>
      </c>
      <c r="K21" s="191">
        <v>3</v>
      </c>
      <c r="L21" s="194">
        <v>39</v>
      </c>
      <c r="M21" s="195">
        <v>39</v>
      </c>
      <c r="N21" s="190">
        <v>0</v>
      </c>
      <c r="O21" s="191">
        <v>0</v>
      </c>
      <c r="P21" s="196">
        <v>0</v>
      </c>
      <c r="Q21" s="193">
        <v>0</v>
      </c>
      <c r="R21" s="191">
        <v>1</v>
      </c>
      <c r="S21" s="191">
        <v>1</v>
      </c>
      <c r="T21" s="191">
        <v>2</v>
      </c>
      <c r="U21" s="191">
        <v>3</v>
      </c>
      <c r="V21" s="191">
        <v>0</v>
      </c>
      <c r="W21" s="196">
        <v>7</v>
      </c>
      <c r="X21" s="195">
        <v>7</v>
      </c>
      <c r="Y21" s="190">
        <v>0</v>
      </c>
      <c r="Z21" s="191">
        <v>0</v>
      </c>
      <c r="AA21" s="196">
        <v>0</v>
      </c>
      <c r="AB21" s="193">
        <v>0</v>
      </c>
      <c r="AC21" s="191">
        <v>138</v>
      </c>
      <c r="AD21" s="191">
        <v>85</v>
      </c>
      <c r="AE21" s="191">
        <v>38</v>
      </c>
      <c r="AF21" s="191">
        <v>18</v>
      </c>
      <c r="AG21" s="191">
        <v>9</v>
      </c>
      <c r="AH21" s="196">
        <v>288</v>
      </c>
      <c r="AI21" s="195">
        <v>288</v>
      </c>
      <c r="AJ21" s="190">
        <v>1</v>
      </c>
      <c r="AK21" s="191">
        <v>0</v>
      </c>
      <c r="AL21" s="196">
        <v>1</v>
      </c>
      <c r="AM21" s="193">
        <v>0</v>
      </c>
      <c r="AN21" s="191">
        <v>19</v>
      </c>
      <c r="AO21" s="191">
        <v>16</v>
      </c>
      <c r="AP21" s="191">
        <v>13</v>
      </c>
      <c r="AQ21" s="191">
        <v>4</v>
      </c>
      <c r="AR21" s="191">
        <v>3</v>
      </c>
      <c r="AS21" s="196">
        <v>55</v>
      </c>
      <c r="AT21" s="195">
        <v>56</v>
      </c>
      <c r="AU21" s="190">
        <v>0</v>
      </c>
      <c r="AV21" s="191">
        <v>2</v>
      </c>
      <c r="AW21" s="196">
        <v>2</v>
      </c>
      <c r="AX21" s="193">
        <v>0</v>
      </c>
      <c r="AY21" s="191">
        <v>24</v>
      </c>
      <c r="AZ21" s="191">
        <v>30</v>
      </c>
      <c r="BA21" s="191">
        <v>28</v>
      </c>
      <c r="BB21" s="191">
        <v>18</v>
      </c>
      <c r="BC21" s="191">
        <v>7</v>
      </c>
      <c r="BD21" s="196">
        <v>107</v>
      </c>
      <c r="BE21" s="195">
        <v>109</v>
      </c>
      <c r="BF21" s="190">
        <v>0</v>
      </c>
      <c r="BG21" s="191">
        <v>0</v>
      </c>
      <c r="BH21" s="196">
        <v>0</v>
      </c>
      <c r="BI21" s="193">
        <v>0</v>
      </c>
      <c r="BJ21" s="191">
        <v>16</v>
      </c>
      <c r="BK21" s="191">
        <v>22</v>
      </c>
      <c r="BL21" s="191">
        <v>27</v>
      </c>
      <c r="BM21" s="191">
        <v>17</v>
      </c>
      <c r="BN21" s="191">
        <v>17</v>
      </c>
      <c r="BO21" s="194">
        <v>99</v>
      </c>
      <c r="BP21" s="195">
        <v>99</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3</v>
      </c>
      <c r="CS21" s="191">
        <v>3</v>
      </c>
      <c r="CT21" s="191">
        <v>4</v>
      </c>
      <c r="CU21" s="191">
        <v>10</v>
      </c>
      <c r="CV21" s="196">
        <v>20</v>
      </c>
      <c r="CW21" s="195">
        <v>20</v>
      </c>
    </row>
    <row r="22" spans="2:101" ht="21" customHeight="1" x14ac:dyDescent="0.2">
      <c r="B22" s="106" t="s">
        <v>20</v>
      </c>
      <c r="C22" s="190">
        <v>0</v>
      </c>
      <c r="D22" s="196">
        <v>0</v>
      </c>
      <c r="E22" s="207">
        <v>0</v>
      </c>
      <c r="F22" s="193">
        <v>0</v>
      </c>
      <c r="G22" s="191">
        <v>2</v>
      </c>
      <c r="H22" s="191">
        <v>0</v>
      </c>
      <c r="I22" s="191">
        <v>0</v>
      </c>
      <c r="J22" s="191">
        <v>0</v>
      </c>
      <c r="K22" s="191">
        <v>1</v>
      </c>
      <c r="L22" s="194">
        <v>3</v>
      </c>
      <c r="M22" s="195">
        <v>3</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235</v>
      </c>
      <c r="AD22" s="191">
        <v>127</v>
      </c>
      <c r="AE22" s="191">
        <v>59</v>
      </c>
      <c r="AF22" s="191">
        <v>20</v>
      </c>
      <c r="AG22" s="191">
        <v>5</v>
      </c>
      <c r="AH22" s="196">
        <v>446</v>
      </c>
      <c r="AI22" s="195">
        <v>446</v>
      </c>
      <c r="AJ22" s="190">
        <v>0</v>
      </c>
      <c r="AK22" s="191">
        <v>0</v>
      </c>
      <c r="AL22" s="196">
        <v>0</v>
      </c>
      <c r="AM22" s="193">
        <v>0</v>
      </c>
      <c r="AN22" s="191">
        <v>1</v>
      </c>
      <c r="AO22" s="191">
        <v>1</v>
      </c>
      <c r="AP22" s="191">
        <v>7</v>
      </c>
      <c r="AQ22" s="191">
        <v>2</v>
      </c>
      <c r="AR22" s="191">
        <v>1</v>
      </c>
      <c r="AS22" s="196">
        <v>12</v>
      </c>
      <c r="AT22" s="195">
        <v>12</v>
      </c>
      <c r="AU22" s="190">
        <v>0</v>
      </c>
      <c r="AV22" s="191">
        <v>2</v>
      </c>
      <c r="AW22" s="196">
        <v>2</v>
      </c>
      <c r="AX22" s="193">
        <v>0</v>
      </c>
      <c r="AY22" s="191">
        <v>17</v>
      </c>
      <c r="AZ22" s="191">
        <v>12</v>
      </c>
      <c r="BA22" s="191">
        <v>17</v>
      </c>
      <c r="BB22" s="191">
        <v>5</v>
      </c>
      <c r="BC22" s="191">
        <v>1</v>
      </c>
      <c r="BD22" s="196">
        <v>52</v>
      </c>
      <c r="BE22" s="195">
        <v>54</v>
      </c>
      <c r="BF22" s="190">
        <v>0</v>
      </c>
      <c r="BG22" s="191">
        <v>0</v>
      </c>
      <c r="BH22" s="196">
        <v>0</v>
      </c>
      <c r="BI22" s="193">
        <v>0</v>
      </c>
      <c r="BJ22" s="191">
        <v>20</v>
      </c>
      <c r="BK22" s="191">
        <v>36</v>
      </c>
      <c r="BL22" s="191">
        <v>55</v>
      </c>
      <c r="BM22" s="191">
        <v>13</v>
      </c>
      <c r="BN22" s="191">
        <v>17</v>
      </c>
      <c r="BO22" s="194">
        <v>141</v>
      </c>
      <c r="BP22" s="195">
        <v>141</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1</v>
      </c>
      <c r="H23" s="191">
        <v>3</v>
      </c>
      <c r="I23" s="191">
        <v>1</v>
      </c>
      <c r="J23" s="191">
        <v>0</v>
      </c>
      <c r="K23" s="191">
        <v>1</v>
      </c>
      <c r="L23" s="194">
        <v>6</v>
      </c>
      <c r="M23" s="195">
        <v>6</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233</v>
      </c>
      <c r="AD23" s="191">
        <v>178</v>
      </c>
      <c r="AE23" s="191">
        <v>91</v>
      </c>
      <c r="AF23" s="191">
        <v>30</v>
      </c>
      <c r="AG23" s="191">
        <v>16</v>
      </c>
      <c r="AH23" s="196">
        <v>548</v>
      </c>
      <c r="AI23" s="195">
        <v>548</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9</v>
      </c>
      <c r="AZ23" s="191">
        <v>9</v>
      </c>
      <c r="BA23" s="191">
        <v>16</v>
      </c>
      <c r="BB23" s="191">
        <v>4</v>
      </c>
      <c r="BC23" s="191">
        <v>3</v>
      </c>
      <c r="BD23" s="196">
        <v>41</v>
      </c>
      <c r="BE23" s="195">
        <v>41</v>
      </c>
      <c r="BF23" s="190">
        <v>0</v>
      </c>
      <c r="BG23" s="191">
        <v>1</v>
      </c>
      <c r="BH23" s="196">
        <v>1</v>
      </c>
      <c r="BI23" s="193">
        <v>0</v>
      </c>
      <c r="BJ23" s="191">
        <v>16</v>
      </c>
      <c r="BK23" s="191">
        <v>40</v>
      </c>
      <c r="BL23" s="191">
        <v>37</v>
      </c>
      <c r="BM23" s="191">
        <v>21</v>
      </c>
      <c r="BN23" s="191">
        <v>8</v>
      </c>
      <c r="BO23" s="194">
        <v>122</v>
      </c>
      <c r="BP23" s="195">
        <v>123</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2</v>
      </c>
      <c r="CV23" s="196">
        <v>2</v>
      </c>
      <c r="CW23" s="195">
        <v>2</v>
      </c>
    </row>
    <row r="24" spans="2:101" ht="21" customHeight="1" x14ac:dyDescent="0.2">
      <c r="B24" s="106" t="s">
        <v>22</v>
      </c>
      <c r="C24" s="190">
        <v>0</v>
      </c>
      <c r="D24" s="196">
        <v>0</v>
      </c>
      <c r="E24" s="207">
        <v>0</v>
      </c>
      <c r="F24" s="193">
        <v>0</v>
      </c>
      <c r="G24" s="191">
        <v>0</v>
      </c>
      <c r="H24" s="191">
        <v>5</v>
      </c>
      <c r="I24" s="191">
        <v>5</v>
      </c>
      <c r="J24" s="191">
        <v>4</v>
      </c>
      <c r="K24" s="191">
        <v>0</v>
      </c>
      <c r="L24" s="194">
        <v>14</v>
      </c>
      <c r="M24" s="195">
        <v>14</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134</v>
      </c>
      <c r="AD24" s="191">
        <v>102</v>
      </c>
      <c r="AE24" s="191">
        <v>41</v>
      </c>
      <c r="AF24" s="191">
        <v>24</v>
      </c>
      <c r="AG24" s="191">
        <v>6</v>
      </c>
      <c r="AH24" s="196">
        <v>307</v>
      </c>
      <c r="AI24" s="195">
        <v>307</v>
      </c>
      <c r="AJ24" s="190">
        <v>0</v>
      </c>
      <c r="AK24" s="191">
        <v>0</v>
      </c>
      <c r="AL24" s="196">
        <v>0</v>
      </c>
      <c r="AM24" s="193">
        <v>0</v>
      </c>
      <c r="AN24" s="191">
        <v>2</v>
      </c>
      <c r="AO24" s="191">
        <v>4</v>
      </c>
      <c r="AP24" s="191">
        <v>6</v>
      </c>
      <c r="AQ24" s="191">
        <v>6</v>
      </c>
      <c r="AR24" s="191">
        <v>0</v>
      </c>
      <c r="AS24" s="196">
        <v>18</v>
      </c>
      <c r="AT24" s="195">
        <v>18</v>
      </c>
      <c r="AU24" s="190">
        <v>4</v>
      </c>
      <c r="AV24" s="191">
        <v>5</v>
      </c>
      <c r="AW24" s="196">
        <v>9</v>
      </c>
      <c r="AX24" s="193">
        <v>0</v>
      </c>
      <c r="AY24" s="191">
        <v>20</v>
      </c>
      <c r="AZ24" s="191">
        <v>23</v>
      </c>
      <c r="BA24" s="191">
        <v>17</v>
      </c>
      <c r="BB24" s="191">
        <v>7</v>
      </c>
      <c r="BC24" s="191">
        <v>10</v>
      </c>
      <c r="BD24" s="196">
        <v>77</v>
      </c>
      <c r="BE24" s="195">
        <v>86</v>
      </c>
      <c r="BF24" s="190">
        <v>0</v>
      </c>
      <c r="BG24" s="191">
        <v>1</v>
      </c>
      <c r="BH24" s="196">
        <v>1</v>
      </c>
      <c r="BI24" s="193">
        <v>0</v>
      </c>
      <c r="BJ24" s="191">
        <v>9</v>
      </c>
      <c r="BK24" s="191">
        <v>19</v>
      </c>
      <c r="BL24" s="191">
        <v>16</v>
      </c>
      <c r="BM24" s="191">
        <v>13</v>
      </c>
      <c r="BN24" s="191">
        <v>4</v>
      </c>
      <c r="BO24" s="194">
        <v>61</v>
      </c>
      <c r="BP24" s="195">
        <v>62</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2</v>
      </c>
      <c r="CH24" s="191">
        <v>8</v>
      </c>
      <c r="CI24" s="191">
        <v>11</v>
      </c>
      <c r="CJ24" s="191">
        <v>8</v>
      </c>
      <c r="CK24" s="196">
        <v>29</v>
      </c>
      <c r="CL24" s="195">
        <v>29</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1</v>
      </c>
      <c r="J25" s="191">
        <v>0</v>
      </c>
      <c r="K25" s="191">
        <v>1</v>
      </c>
      <c r="L25" s="194">
        <v>2</v>
      </c>
      <c r="M25" s="195">
        <v>2</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71</v>
      </c>
      <c r="AD25" s="191">
        <v>56</v>
      </c>
      <c r="AE25" s="191">
        <v>31</v>
      </c>
      <c r="AF25" s="191">
        <v>17</v>
      </c>
      <c r="AG25" s="191">
        <v>7</v>
      </c>
      <c r="AH25" s="196">
        <v>182</v>
      </c>
      <c r="AI25" s="195">
        <v>182</v>
      </c>
      <c r="AJ25" s="190">
        <v>0</v>
      </c>
      <c r="AK25" s="191">
        <v>0</v>
      </c>
      <c r="AL25" s="196">
        <v>0</v>
      </c>
      <c r="AM25" s="193">
        <v>0</v>
      </c>
      <c r="AN25" s="191">
        <v>0</v>
      </c>
      <c r="AO25" s="191">
        <v>0</v>
      </c>
      <c r="AP25" s="191">
        <v>3</v>
      </c>
      <c r="AQ25" s="191">
        <v>1</v>
      </c>
      <c r="AR25" s="191">
        <v>0</v>
      </c>
      <c r="AS25" s="196">
        <v>4</v>
      </c>
      <c r="AT25" s="195">
        <v>4</v>
      </c>
      <c r="AU25" s="190">
        <v>0</v>
      </c>
      <c r="AV25" s="191">
        <v>0</v>
      </c>
      <c r="AW25" s="196">
        <v>0</v>
      </c>
      <c r="AX25" s="193">
        <v>0</v>
      </c>
      <c r="AY25" s="191">
        <v>5</v>
      </c>
      <c r="AZ25" s="191">
        <v>2</v>
      </c>
      <c r="BA25" s="191">
        <v>5</v>
      </c>
      <c r="BB25" s="191">
        <v>0</v>
      </c>
      <c r="BC25" s="191">
        <v>1</v>
      </c>
      <c r="BD25" s="196">
        <v>13</v>
      </c>
      <c r="BE25" s="195">
        <v>13</v>
      </c>
      <c r="BF25" s="190">
        <v>0</v>
      </c>
      <c r="BG25" s="191">
        <v>0</v>
      </c>
      <c r="BH25" s="196">
        <v>0</v>
      </c>
      <c r="BI25" s="193">
        <v>0</v>
      </c>
      <c r="BJ25" s="191">
        <v>37</v>
      </c>
      <c r="BK25" s="191">
        <v>20</v>
      </c>
      <c r="BL25" s="191">
        <v>24</v>
      </c>
      <c r="BM25" s="191">
        <v>18</v>
      </c>
      <c r="BN25" s="191">
        <v>12</v>
      </c>
      <c r="BO25" s="194">
        <v>111</v>
      </c>
      <c r="BP25" s="195">
        <v>111</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1</v>
      </c>
      <c r="CR25" s="191">
        <v>1</v>
      </c>
      <c r="CS25" s="191">
        <v>5</v>
      </c>
      <c r="CT25" s="191">
        <v>6</v>
      </c>
      <c r="CU25" s="191">
        <v>2</v>
      </c>
      <c r="CV25" s="196">
        <v>15</v>
      </c>
      <c r="CW25" s="195">
        <v>15</v>
      </c>
    </row>
    <row r="26" spans="2:101" ht="21" customHeight="1" x14ac:dyDescent="0.2">
      <c r="B26" s="106" t="s">
        <v>24</v>
      </c>
      <c r="C26" s="190">
        <v>0</v>
      </c>
      <c r="D26" s="196">
        <v>0</v>
      </c>
      <c r="E26" s="207">
        <v>0</v>
      </c>
      <c r="F26" s="193">
        <v>0</v>
      </c>
      <c r="G26" s="191">
        <v>1</v>
      </c>
      <c r="H26" s="191">
        <v>1</v>
      </c>
      <c r="I26" s="191">
        <v>2</v>
      </c>
      <c r="J26" s="191">
        <v>3</v>
      </c>
      <c r="K26" s="191">
        <v>2</v>
      </c>
      <c r="L26" s="194">
        <v>9</v>
      </c>
      <c r="M26" s="195">
        <v>9</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23</v>
      </c>
      <c r="AD26" s="191">
        <v>11</v>
      </c>
      <c r="AE26" s="191">
        <v>17</v>
      </c>
      <c r="AF26" s="191">
        <v>4</v>
      </c>
      <c r="AG26" s="191">
        <v>5</v>
      </c>
      <c r="AH26" s="196">
        <v>60</v>
      </c>
      <c r="AI26" s="195">
        <v>60</v>
      </c>
      <c r="AJ26" s="190">
        <v>0</v>
      </c>
      <c r="AK26" s="191">
        <v>0</v>
      </c>
      <c r="AL26" s="196">
        <v>0</v>
      </c>
      <c r="AM26" s="193">
        <v>0</v>
      </c>
      <c r="AN26" s="191">
        <v>7</v>
      </c>
      <c r="AO26" s="191">
        <v>4</v>
      </c>
      <c r="AP26" s="191">
        <v>2</v>
      </c>
      <c r="AQ26" s="191">
        <v>3</v>
      </c>
      <c r="AR26" s="191">
        <v>1</v>
      </c>
      <c r="AS26" s="196">
        <v>17</v>
      </c>
      <c r="AT26" s="195">
        <v>17</v>
      </c>
      <c r="AU26" s="190">
        <v>4</v>
      </c>
      <c r="AV26" s="191">
        <v>2</v>
      </c>
      <c r="AW26" s="196">
        <v>6</v>
      </c>
      <c r="AX26" s="193">
        <v>0</v>
      </c>
      <c r="AY26" s="191">
        <v>13</v>
      </c>
      <c r="AZ26" s="191">
        <v>15</v>
      </c>
      <c r="BA26" s="191">
        <v>3</v>
      </c>
      <c r="BB26" s="191">
        <v>4</v>
      </c>
      <c r="BC26" s="191">
        <v>0</v>
      </c>
      <c r="BD26" s="196">
        <v>35</v>
      </c>
      <c r="BE26" s="195">
        <v>41</v>
      </c>
      <c r="BF26" s="190">
        <v>0</v>
      </c>
      <c r="BG26" s="191">
        <v>0</v>
      </c>
      <c r="BH26" s="196">
        <v>0</v>
      </c>
      <c r="BI26" s="193">
        <v>0</v>
      </c>
      <c r="BJ26" s="191">
        <v>1</v>
      </c>
      <c r="BK26" s="191">
        <v>6</v>
      </c>
      <c r="BL26" s="191">
        <v>6</v>
      </c>
      <c r="BM26" s="191">
        <v>3</v>
      </c>
      <c r="BN26" s="191">
        <v>3</v>
      </c>
      <c r="BO26" s="194">
        <v>19</v>
      </c>
      <c r="BP26" s="195">
        <v>19</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76</v>
      </c>
      <c r="AD27" s="191">
        <v>45</v>
      </c>
      <c r="AE27" s="191">
        <v>15</v>
      </c>
      <c r="AF27" s="191">
        <v>7</v>
      </c>
      <c r="AG27" s="191">
        <v>0</v>
      </c>
      <c r="AH27" s="196">
        <v>143</v>
      </c>
      <c r="AI27" s="195">
        <v>143</v>
      </c>
      <c r="AJ27" s="190">
        <v>0</v>
      </c>
      <c r="AK27" s="191">
        <v>0</v>
      </c>
      <c r="AL27" s="196">
        <v>0</v>
      </c>
      <c r="AM27" s="193">
        <v>0</v>
      </c>
      <c r="AN27" s="191">
        <v>0</v>
      </c>
      <c r="AO27" s="191">
        <v>0</v>
      </c>
      <c r="AP27" s="191">
        <v>0</v>
      </c>
      <c r="AQ27" s="191">
        <v>0</v>
      </c>
      <c r="AR27" s="191">
        <v>0</v>
      </c>
      <c r="AS27" s="196">
        <v>0</v>
      </c>
      <c r="AT27" s="195">
        <v>0</v>
      </c>
      <c r="AU27" s="190">
        <v>0</v>
      </c>
      <c r="AV27" s="191">
        <v>3</v>
      </c>
      <c r="AW27" s="196">
        <v>3</v>
      </c>
      <c r="AX27" s="193">
        <v>0</v>
      </c>
      <c r="AY27" s="191">
        <v>5</v>
      </c>
      <c r="AZ27" s="191">
        <v>6</v>
      </c>
      <c r="BA27" s="191">
        <v>1</v>
      </c>
      <c r="BB27" s="191">
        <v>4</v>
      </c>
      <c r="BC27" s="191">
        <v>0</v>
      </c>
      <c r="BD27" s="196">
        <v>16</v>
      </c>
      <c r="BE27" s="195">
        <v>19</v>
      </c>
      <c r="BF27" s="190">
        <v>0</v>
      </c>
      <c r="BG27" s="191">
        <v>0</v>
      </c>
      <c r="BH27" s="196">
        <v>0</v>
      </c>
      <c r="BI27" s="193">
        <v>0</v>
      </c>
      <c r="BJ27" s="191">
        <v>10</v>
      </c>
      <c r="BK27" s="191">
        <v>6</v>
      </c>
      <c r="BL27" s="191">
        <v>11</v>
      </c>
      <c r="BM27" s="191">
        <v>5</v>
      </c>
      <c r="BN27" s="191">
        <v>2</v>
      </c>
      <c r="BO27" s="194">
        <v>34</v>
      </c>
      <c r="BP27" s="195">
        <v>34</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57</v>
      </c>
      <c r="AD28" s="191">
        <v>51</v>
      </c>
      <c r="AE28" s="191">
        <v>26</v>
      </c>
      <c r="AF28" s="191">
        <v>11</v>
      </c>
      <c r="AG28" s="191">
        <v>6</v>
      </c>
      <c r="AH28" s="196">
        <v>151</v>
      </c>
      <c r="AI28" s="195">
        <v>151</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3</v>
      </c>
      <c r="AZ28" s="191">
        <v>7</v>
      </c>
      <c r="BA28" s="191">
        <v>6</v>
      </c>
      <c r="BB28" s="191">
        <v>1</v>
      </c>
      <c r="BC28" s="191">
        <v>3</v>
      </c>
      <c r="BD28" s="196">
        <v>20</v>
      </c>
      <c r="BE28" s="195">
        <v>20</v>
      </c>
      <c r="BF28" s="190">
        <v>0</v>
      </c>
      <c r="BG28" s="191">
        <v>0</v>
      </c>
      <c r="BH28" s="196">
        <v>0</v>
      </c>
      <c r="BI28" s="193">
        <v>0</v>
      </c>
      <c r="BJ28" s="191">
        <v>6</v>
      </c>
      <c r="BK28" s="191">
        <v>12</v>
      </c>
      <c r="BL28" s="191">
        <v>19</v>
      </c>
      <c r="BM28" s="191">
        <v>14</v>
      </c>
      <c r="BN28" s="191">
        <v>3</v>
      </c>
      <c r="BO28" s="194">
        <v>54</v>
      </c>
      <c r="BP28" s="195">
        <v>54</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36</v>
      </c>
      <c r="AD29" s="191">
        <v>16</v>
      </c>
      <c r="AE29" s="191">
        <v>8</v>
      </c>
      <c r="AF29" s="191">
        <v>2</v>
      </c>
      <c r="AG29" s="191">
        <v>1</v>
      </c>
      <c r="AH29" s="196">
        <v>63</v>
      </c>
      <c r="AI29" s="195">
        <v>63</v>
      </c>
      <c r="AJ29" s="190">
        <v>0</v>
      </c>
      <c r="AK29" s="191">
        <v>0</v>
      </c>
      <c r="AL29" s="196">
        <v>0</v>
      </c>
      <c r="AM29" s="193">
        <v>0</v>
      </c>
      <c r="AN29" s="191">
        <v>3</v>
      </c>
      <c r="AO29" s="191">
        <v>1</v>
      </c>
      <c r="AP29" s="191">
        <v>2</v>
      </c>
      <c r="AQ29" s="191">
        <v>1</v>
      </c>
      <c r="AR29" s="191">
        <v>0</v>
      </c>
      <c r="AS29" s="196">
        <v>7</v>
      </c>
      <c r="AT29" s="195">
        <v>7</v>
      </c>
      <c r="AU29" s="190">
        <v>0</v>
      </c>
      <c r="AV29" s="191">
        <v>0</v>
      </c>
      <c r="AW29" s="196">
        <v>0</v>
      </c>
      <c r="AX29" s="193">
        <v>0</v>
      </c>
      <c r="AY29" s="191">
        <v>12</v>
      </c>
      <c r="AZ29" s="191">
        <v>8</v>
      </c>
      <c r="BA29" s="191">
        <v>5</v>
      </c>
      <c r="BB29" s="191">
        <v>4</v>
      </c>
      <c r="BC29" s="191">
        <v>0</v>
      </c>
      <c r="BD29" s="196">
        <v>29</v>
      </c>
      <c r="BE29" s="195">
        <v>29</v>
      </c>
      <c r="BF29" s="190">
        <v>0</v>
      </c>
      <c r="BG29" s="191">
        <v>0</v>
      </c>
      <c r="BH29" s="196">
        <v>0</v>
      </c>
      <c r="BI29" s="193">
        <v>0</v>
      </c>
      <c r="BJ29" s="191">
        <v>6</v>
      </c>
      <c r="BK29" s="191">
        <v>10</v>
      </c>
      <c r="BL29" s="191">
        <v>7</v>
      </c>
      <c r="BM29" s="191">
        <v>6</v>
      </c>
      <c r="BN29" s="191">
        <v>3</v>
      </c>
      <c r="BO29" s="194">
        <v>32</v>
      </c>
      <c r="BP29" s="195">
        <v>32</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8</v>
      </c>
      <c r="CI29" s="191">
        <v>10</v>
      </c>
      <c r="CJ29" s="191">
        <v>6</v>
      </c>
      <c r="CK29" s="196">
        <v>24</v>
      </c>
      <c r="CL29" s="195">
        <v>24</v>
      </c>
      <c r="CM29" s="190">
        <v>0</v>
      </c>
      <c r="CN29" s="191">
        <v>0</v>
      </c>
      <c r="CO29" s="196">
        <v>0</v>
      </c>
      <c r="CP29" s="193">
        <v>0</v>
      </c>
      <c r="CQ29" s="191">
        <v>4</v>
      </c>
      <c r="CR29" s="191">
        <v>3</v>
      </c>
      <c r="CS29" s="191">
        <v>3</v>
      </c>
      <c r="CT29" s="191">
        <v>0</v>
      </c>
      <c r="CU29" s="191">
        <v>1</v>
      </c>
      <c r="CV29" s="196">
        <v>11</v>
      </c>
      <c r="CW29" s="195">
        <v>11</v>
      </c>
    </row>
    <row r="30" spans="2:101" ht="21" customHeight="1" x14ac:dyDescent="0.2">
      <c r="B30" s="106" t="s">
        <v>28</v>
      </c>
      <c r="C30" s="190">
        <v>0</v>
      </c>
      <c r="D30" s="196">
        <v>0</v>
      </c>
      <c r="E30" s="207">
        <v>0</v>
      </c>
      <c r="F30" s="193">
        <v>0</v>
      </c>
      <c r="G30" s="191">
        <v>0</v>
      </c>
      <c r="H30" s="191">
        <v>0</v>
      </c>
      <c r="I30" s="191">
        <v>0</v>
      </c>
      <c r="J30" s="191">
        <v>0</v>
      </c>
      <c r="K30" s="191">
        <v>1</v>
      </c>
      <c r="L30" s="194">
        <v>1</v>
      </c>
      <c r="M30" s="195">
        <v>1</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26</v>
      </c>
      <c r="AD30" s="191">
        <v>16</v>
      </c>
      <c r="AE30" s="191">
        <v>3</v>
      </c>
      <c r="AF30" s="191">
        <v>1</v>
      </c>
      <c r="AG30" s="191">
        <v>1</v>
      </c>
      <c r="AH30" s="196">
        <v>47</v>
      </c>
      <c r="AI30" s="195">
        <v>47</v>
      </c>
      <c r="AJ30" s="190">
        <v>0</v>
      </c>
      <c r="AK30" s="191">
        <v>0</v>
      </c>
      <c r="AL30" s="196">
        <v>0</v>
      </c>
      <c r="AM30" s="193">
        <v>0</v>
      </c>
      <c r="AN30" s="191">
        <v>4</v>
      </c>
      <c r="AO30" s="191">
        <v>3</v>
      </c>
      <c r="AP30" s="191">
        <v>1</v>
      </c>
      <c r="AQ30" s="191">
        <v>1</v>
      </c>
      <c r="AR30" s="191">
        <v>0</v>
      </c>
      <c r="AS30" s="196">
        <v>9</v>
      </c>
      <c r="AT30" s="195">
        <v>9</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2</v>
      </c>
      <c r="BK30" s="191">
        <v>4</v>
      </c>
      <c r="BL30" s="191">
        <v>4</v>
      </c>
      <c r="BM30" s="191">
        <v>3</v>
      </c>
      <c r="BN30" s="191">
        <v>4</v>
      </c>
      <c r="BO30" s="194">
        <v>17</v>
      </c>
      <c r="BP30" s="195">
        <v>17</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1</v>
      </c>
      <c r="CJ30" s="191">
        <v>0</v>
      </c>
      <c r="CK30" s="196">
        <v>1</v>
      </c>
      <c r="CL30" s="195">
        <v>1</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2</v>
      </c>
      <c r="H31" s="191">
        <v>0</v>
      </c>
      <c r="I31" s="191">
        <v>1</v>
      </c>
      <c r="J31" s="191">
        <v>0</v>
      </c>
      <c r="K31" s="191">
        <v>0</v>
      </c>
      <c r="L31" s="194">
        <v>3</v>
      </c>
      <c r="M31" s="195">
        <v>3</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2</v>
      </c>
      <c r="AD31" s="191">
        <v>19</v>
      </c>
      <c r="AE31" s="191">
        <v>9</v>
      </c>
      <c r="AF31" s="191">
        <v>3</v>
      </c>
      <c r="AG31" s="191">
        <v>0</v>
      </c>
      <c r="AH31" s="196">
        <v>43</v>
      </c>
      <c r="AI31" s="195">
        <v>43</v>
      </c>
      <c r="AJ31" s="190">
        <v>0</v>
      </c>
      <c r="AK31" s="191">
        <v>0</v>
      </c>
      <c r="AL31" s="196">
        <v>0</v>
      </c>
      <c r="AM31" s="193">
        <v>0</v>
      </c>
      <c r="AN31" s="191">
        <v>2</v>
      </c>
      <c r="AO31" s="191">
        <v>2</v>
      </c>
      <c r="AP31" s="191">
        <v>0</v>
      </c>
      <c r="AQ31" s="191">
        <v>0</v>
      </c>
      <c r="AR31" s="191">
        <v>0</v>
      </c>
      <c r="AS31" s="196">
        <v>4</v>
      </c>
      <c r="AT31" s="195">
        <v>4</v>
      </c>
      <c r="AU31" s="190">
        <v>1</v>
      </c>
      <c r="AV31" s="191">
        <v>0</v>
      </c>
      <c r="AW31" s="196">
        <v>1</v>
      </c>
      <c r="AX31" s="193">
        <v>0</v>
      </c>
      <c r="AY31" s="191">
        <v>3</v>
      </c>
      <c r="AZ31" s="191">
        <v>5</v>
      </c>
      <c r="BA31" s="191">
        <v>2</v>
      </c>
      <c r="BB31" s="191">
        <v>5</v>
      </c>
      <c r="BC31" s="191">
        <v>2</v>
      </c>
      <c r="BD31" s="196">
        <v>17</v>
      </c>
      <c r="BE31" s="195">
        <v>18</v>
      </c>
      <c r="BF31" s="190">
        <v>0</v>
      </c>
      <c r="BG31" s="191">
        <v>0</v>
      </c>
      <c r="BH31" s="196">
        <v>0</v>
      </c>
      <c r="BI31" s="193">
        <v>0</v>
      </c>
      <c r="BJ31" s="191">
        <v>5</v>
      </c>
      <c r="BK31" s="191">
        <v>10</v>
      </c>
      <c r="BL31" s="191">
        <v>11</v>
      </c>
      <c r="BM31" s="191">
        <v>2</v>
      </c>
      <c r="BN31" s="191">
        <v>3</v>
      </c>
      <c r="BO31" s="194">
        <v>31</v>
      </c>
      <c r="BP31" s="195">
        <v>31</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2</v>
      </c>
      <c r="CI31" s="191">
        <v>5</v>
      </c>
      <c r="CJ31" s="191">
        <v>5</v>
      </c>
      <c r="CK31" s="196">
        <v>22</v>
      </c>
      <c r="CL31" s="195">
        <v>22</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2</v>
      </c>
      <c r="I32" s="191">
        <v>2</v>
      </c>
      <c r="J32" s="191">
        <v>0</v>
      </c>
      <c r="K32" s="191">
        <v>0</v>
      </c>
      <c r="L32" s="194">
        <v>4</v>
      </c>
      <c r="M32" s="195">
        <v>4</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22</v>
      </c>
      <c r="AD32" s="191">
        <v>16</v>
      </c>
      <c r="AE32" s="191">
        <v>8</v>
      </c>
      <c r="AF32" s="191">
        <v>0</v>
      </c>
      <c r="AG32" s="191">
        <v>3</v>
      </c>
      <c r="AH32" s="196">
        <v>49</v>
      </c>
      <c r="AI32" s="195">
        <v>49</v>
      </c>
      <c r="AJ32" s="190">
        <v>0</v>
      </c>
      <c r="AK32" s="191">
        <v>0</v>
      </c>
      <c r="AL32" s="196">
        <v>0</v>
      </c>
      <c r="AM32" s="193">
        <v>0</v>
      </c>
      <c r="AN32" s="191">
        <v>0</v>
      </c>
      <c r="AO32" s="191">
        <v>1</v>
      </c>
      <c r="AP32" s="191">
        <v>1</v>
      </c>
      <c r="AQ32" s="191">
        <v>0</v>
      </c>
      <c r="AR32" s="191">
        <v>0</v>
      </c>
      <c r="AS32" s="196">
        <v>2</v>
      </c>
      <c r="AT32" s="195">
        <v>2</v>
      </c>
      <c r="AU32" s="190">
        <v>0</v>
      </c>
      <c r="AV32" s="191">
        <v>0</v>
      </c>
      <c r="AW32" s="196">
        <v>0</v>
      </c>
      <c r="AX32" s="193">
        <v>0</v>
      </c>
      <c r="AY32" s="191">
        <v>0</v>
      </c>
      <c r="AZ32" s="191">
        <v>0</v>
      </c>
      <c r="BA32" s="191">
        <v>1</v>
      </c>
      <c r="BB32" s="191">
        <v>0</v>
      </c>
      <c r="BC32" s="191">
        <v>0</v>
      </c>
      <c r="BD32" s="196">
        <v>1</v>
      </c>
      <c r="BE32" s="195">
        <v>1</v>
      </c>
      <c r="BF32" s="190">
        <v>0</v>
      </c>
      <c r="BG32" s="191">
        <v>0</v>
      </c>
      <c r="BH32" s="196">
        <v>0</v>
      </c>
      <c r="BI32" s="193">
        <v>0</v>
      </c>
      <c r="BJ32" s="191">
        <v>2</v>
      </c>
      <c r="BK32" s="191">
        <v>6</v>
      </c>
      <c r="BL32" s="191">
        <v>3</v>
      </c>
      <c r="BM32" s="191">
        <v>4</v>
      </c>
      <c r="BN32" s="191">
        <v>1</v>
      </c>
      <c r="BO32" s="194">
        <v>16</v>
      </c>
      <c r="BP32" s="195">
        <v>16</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1</v>
      </c>
      <c r="I33" s="191">
        <v>1</v>
      </c>
      <c r="J33" s="191">
        <v>0</v>
      </c>
      <c r="K33" s="191">
        <v>0</v>
      </c>
      <c r="L33" s="194">
        <v>2</v>
      </c>
      <c r="M33" s="195">
        <v>2</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6</v>
      </c>
      <c r="AD33" s="191">
        <v>18</v>
      </c>
      <c r="AE33" s="191">
        <v>6</v>
      </c>
      <c r="AF33" s="191">
        <v>1</v>
      </c>
      <c r="AG33" s="191">
        <v>0</v>
      </c>
      <c r="AH33" s="196">
        <v>51</v>
      </c>
      <c r="AI33" s="195">
        <v>51</v>
      </c>
      <c r="AJ33" s="190">
        <v>0</v>
      </c>
      <c r="AK33" s="191">
        <v>0</v>
      </c>
      <c r="AL33" s="196">
        <v>0</v>
      </c>
      <c r="AM33" s="193">
        <v>0</v>
      </c>
      <c r="AN33" s="191">
        <v>0</v>
      </c>
      <c r="AO33" s="191">
        <v>0</v>
      </c>
      <c r="AP33" s="191">
        <v>2</v>
      </c>
      <c r="AQ33" s="191">
        <v>1</v>
      </c>
      <c r="AR33" s="191">
        <v>0</v>
      </c>
      <c r="AS33" s="196">
        <v>3</v>
      </c>
      <c r="AT33" s="195">
        <v>3</v>
      </c>
      <c r="AU33" s="190">
        <v>0</v>
      </c>
      <c r="AV33" s="191">
        <v>1</v>
      </c>
      <c r="AW33" s="196">
        <v>1</v>
      </c>
      <c r="AX33" s="193">
        <v>0</v>
      </c>
      <c r="AY33" s="191">
        <v>5</v>
      </c>
      <c r="AZ33" s="191">
        <v>6</v>
      </c>
      <c r="BA33" s="191">
        <v>6</v>
      </c>
      <c r="BB33" s="191">
        <v>4</v>
      </c>
      <c r="BC33" s="191">
        <v>0</v>
      </c>
      <c r="BD33" s="196">
        <v>21</v>
      </c>
      <c r="BE33" s="195">
        <v>22</v>
      </c>
      <c r="BF33" s="190">
        <v>0</v>
      </c>
      <c r="BG33" s="191">
        <v>0</v>
      </c>
      <c r="BH33" s="196">
        <v>0</v>
      </c>
      <c r="BI33" s="193">
        <v>0</v>
      </c>
      <c r="BJ33" s="191">
        <v>6</v>
      </c>
      <c r="BK33" s="191">
        <v>12</v>
      </c>
      <c r="BL33" s="191">
        <v>13</v>
      </c>
      <c r="BM33" s="191">
        <v>9</v>
      </c>
      <c r="BN33" s="191">
        <v>4</v>
      </c>
      <c r="BO33" s="194">
        <v>44</v>
      </c>
      <c r="BP33" s="195">
        <v>44</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1</v>
      </c>
      <c r="CK33" s="196">
        <v>2</v>
      </c>
      <c r="CL33" s="195">
        <v>2</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1</v>
      </c>
      <c r="H34" s="191">
        <v>4</v>
      </c>
      <c r="I34" s="191">
        <v>1</v>
      </c>
      <c r="J34" s="191">
        <v>2</v>
      </c>
      <c r="K34" s="191">
        <v>0</v>
      </c>
      <c r="L34" s="194">
        <v>8</v>
      </c>
      <c r="M34" s="195">
        <v>8</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50</v>
      </c>
      <c r="AD34" s="191">
        <v>30</v>
      </c>
      <c r="AE34" s="191">
        <v>10</v>
      </c>
      <c r="AF34" s="191">
        <v>5</v>
      </c>
      <c r="AG34" s="191">
        <v>3</v>
      </c>
      <c r="AH34" s="196">
        <v>98</v>
      </c>
      <c r="AI34" s="195">
        <v>98</v>
      </c>
      <c r="AJ34" s="190">
        <v>0</v>
      </c>
      <c r="AK34" s="191">
        <v>0</v>
      </c>
      <c r="AL34" s="196">
        <v>0</v>
      </c>
      <c r="AM34" s="193">
        <v>0</v>
      </c>
      <c r="AN34" s="191">
        <v>5</v>
      </c>
      <c r="AO34" s="191">
        <v>1</v>
      </c>
      <c r="AP34" s="191">
        <v>2</v>
      </c>
      <c r="AQ34" s="191">
        <v>0</v>
      </c>
      <c r="AR34" s="191">
        <v>1</v>
      </c>
      <c r="AS34" s="196">
        <v>9</v>
      </c>
      <c r="AT34" s="195">
        <v>9</v>
      </c>
      <c r="AU34" s="190">
        <v>1</v>
      </c>
      <c r="AV34" s="191">
        <v>2</v>
      </c>
      <c r="AW34" s="196">
        <v>3</v>
      </c>
      <c r="AX34" s="193">
        <v>0</v>
      </c>
      <c r="AY34" s="191">
        <v>12</v>
      </c>
      <c r="AZ34" s="191">
        <v>5</v>
      </c>
      <c r="BA34" s="191">
        <v>4</v>
      </c>
      <c r="BB34" s="191">
        <v>3</v>
      </c>
      <c r="BC34" s="191">
        <v>0</v>
      </c>
      <c r="BD34" s="196">
        <v>24</v>
      </c>
      <c r="BE34" s="195">
        <v>27</v>
      </c>
      <c r="BF34" s="190">
        <v>0</v>
      </c>
      <c r="BG34" s="191">
        <v>1</v>
      </c>
      <c r="BH34" s="196">
        <v>1</v>
      </c>
      <c r="BI34" s="193">
        <v>0</v>
      </c>
      <c r="BJ34" s="191">
        <v>5</v>
      </c>
      <c r="BK34" s="191">
        <v>4</v>
      </c>
      <c r="BL34" s="191">
        <v>6</v>
      </c>
      <c r="BM34" s="191">
        <v>13</v>
      </c>
      <c r="BN34" s="191">
        <v>6</v>
      </c>
      <c r="BO34" s="194">
        <v>34</v>
      </c>
      <c r="BP34" s="195">
        <v>35</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1</v>
      </c>
      <c r="CG34" s="191">
        <v>0</v>
      </c>
      <c r="CH34" s="191">
        <v>11</v>
      </c>
      <c r="CI34" s="191">
        <v>7</v>
      </c>
      <c r="CJ34" s="191">
        <v>5</v>
      </c>
      <c r="CK34" s="196">
        <v>24</v>
      </c>
      <c r="CL34" s="195">
        <v>24</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19</v>
      </c>
      <c r="AD35" s="191">
        <v>7</v>
      </c>
      <c r="AE35" s="191">
        <v>4</v>
      </c>
      <c r="AF35" s="191">
        <v>1</v>
      </c>
      <c r="AG35" s="191">
        <v>1</v>
      </c>
      <c r="AH35" s="196">
        <v>32</v>
      </c>
      <c r="AI35" s="195">
        <v>3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1</v>
      </c>
      <c r="BH35" s="196">
        <v>1</v>
      </c>
      <c r="BI35" s="193">
        <v>0</v>
      </c>
      <c r="BJ35" s="191">
        <v>2</v>
      </c>
      <c r="BK35" s="191">
        <v>2</v>
      </c>
      <c r="BL35" s="191">
        <v>8</v>
      </c>
      <c r="BM35" s="191">
        <v>3</v>
      </c>
      <c r="BN35" s="191">
        <v>1</v>
      </c>
      <c r="BO35" s="194">
        <v>16</v>
      </c>
      <c r="BP35" s="195">
        <v>17</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5</v>
      </c>
      <c r="AD36" s="191">
        <v>3</v>
      </c>
      <c r="AE36" s="191">
        <v>2</v>
      </c>
      <c r="AF36" s="191">
        <v>2</v>
      </c>
      <c r="AG36" s="191">
        <v>0</v>
      </c>
      <c r="AH36" s="196">
        <v>22</v>
      </c>
      <c r="AI36" s="195">
        <v>22</v>
      </c>
      <c r="AJ36" s="190">
        <v>0</v>
      </c>
      <c r="AK36" s="191">
        <v>0</v>
      </c>
      <c r="AL36" s="196">
        <v>0</v>
      </c>
      <c r="AM36" s="193">
        <v>0</v>
      </c>
      <c r="AN36" s="191">
        <v>0</v>
      </c>
      <c r="AO36" s="191">
        <v>0</v>
      </c>
      <c r="AP36" s="191">
        <v>0</v>
      </c>
      <c r="AQ36" s="191">
        <v>0</v>
      </c>
      <c r="AR36" s="191">
        <v>1</v>
      </c>
      <c r="AS36" s="196">
        <v>1</v>
      </c>
      <c r="AT36" s="195">
        <v>1</v>
      </c>
      <c r="AU36" s="190">
        <v>1</v>
      </c>
      <c r="AV36" s="191">
        <v>3</v>
      </c>
      <c r="AW36" s="196">
        <v>4</v>
      </c>
      <c r="AX36" s="193">
        <v>0</v>
      </c>
      <c r="AY36" s="191">
        <v>9</v>
      </c>
      <c r="AZ36" s="191">
        <v>7</v>
      </c>
      <c r="BA36" s="191">
        <v>4</v>
      </c>
      <c r="BB36" s="191">
        <v>2</v>
      </c>
      <c r="BC36" s="191">
        <v>1</v>
      </c>
      <c r="BD36" s="196">
        <v>23</v>
      </c>
      <c r="BE36" s="195">
        <v>27</v>
      </c>
      <c r="BF36" s="190">
        <v>0</v>
      </c>
      <c r="BG36" s="191">
        <v>0</v>
      </c>
      <c r="BH36" s="196">
        <v>0</v>
      </c>
      <c r="BI36" s="193">
        <v>0</v>
      </c>
      <c r="BJ36" s="191">
        <v>7</v>
      </c>
      <c r="BK36" s="191">
        <v>4</v>
      </c>
      <c r="BL36" s="191">
        <v>0</v>
      </c>
      <c r="BM36" s="191">
        <v>5</v>
      </c>
      <c r="BN36" s="191">
        <v>2</v>
      </c>
      <c r="BO36" s="194">
        <v>18</v>
      </c>
      <c r="BP36" s="195">
        <v>18</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12</v>
      </c>
      <c r="CR36" s="191">
        <v>6</v>
      </c>
      <c r="CS36" s="191">
        <v>5</v>
      </c>
      <c r="CT36" s="191">
        <v>2</v>
      </c>
      <c r="CU36" s="191">
        <v>3</v>
      </c>
      <c r="CV36" s="196">
        <v>28</v>
      </c>
      <c r="CW36" s="195">
        <v>28</v>
      </c>
    </row>
    <row r="37" spans="2:101" ht="21" customHeight="1" x14ac:dyDescent="0.2">
      <c r="B37" s="106" t="s">
        <v>35</v>
      </c>
      <c r="C37" s="190">
        <v>0</v>
      </c>
      <c r="D37" s="196">
        <v>0</v>
      </c>
      <c r="E37" s="207">
        <v>0</v>
      </c>
      <c r="F37" s="193">
        <v>0</v>
      </c>
      <c r="G37" s="191">
        <v>1</v>
      </c>
      <c r="H37" s="191">
        <v>1</v>
      </c>
      <c r="I37" s="191">
        <v>2</v>
      </c>
      <c r="J37" s="191">
        <v>0</v>
      </c>
      <c r="K37" s="191">
        <v>1</v>
      </c>
      <c r="L37" s="194">
        <v>5</v>
      </c>
      <c r="M37" s="195">
        <v>5</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8</v>
      </c>
      <c r="AD37" s="191">
        <v>9</v>
      </c>
      <c r="AE37" s="191">
        <v>12</v>
      </c>
      <c r="AF37" s="191">
        <v>9</v>
      </c>
      <c r="AG37" s="191">
        <v>2</v>
      </c>
      <c r="AH37" s="196">
        <v>50</v>
      </c>
      <c r="AI37" s="195">
        <v>50</v>
      </c>
      <c r="AJ37" s="190">
        <v>0</v>
      </c>
      <c r="AK37" s="191">
        <v>0</v>
      </c>
      <c r="AL37" s="196">
        <v>0</v>
      </c>
      <c r="AM37" s="193">
        <v>0</v>
      </c>
      <c r="AN37" s="191">
        <v>0</v>
      </c>
      <c r="AO37" s="191">
        <v>0</v>
      </c>
      <c r="AP37" s="191">
        <v>0</v>
      </c>
      <c r="AQ37" s="191">
        <v>0</v>
      </c>
      <c r="AR37" s="191">
        <v>0</v>
      </c>
      <c r="AS37" s="196">
        <v>0</v>
      </c>
      <c r="AT37" s="195">
        <v>0</v>
      </c>
      <c r="AU37" s="190">
        <v>3</v>
      </c>
      <c r="AV37" s="191">
        <v>3</v>
      </c>
      <c r="AW37" s="196">
        <v>6</v>
      </c>
      <c r="AX37" s="193">
        <v>0</v>
      </c>
      <c r="AY37" s="191">
        <v>11</v>
      </c>
      <c r="AZ37" s="191">
        <v>6</v>
      </c>
      <c r="BA37" s="191">
        <v>9</v>
      </c>
      <c r="BB37" s="191">
        <v>4</v>
      </c>
      <c r="BC37" s="191">
        <v>1</v>
      </c>
      <c r="BD37" s="196">
        <v>31</v>
      </c>
      <c r="BE37" s="195">
        <v>37</v>
      </c>
      <c r="BF37" s="190">
        <v>0</v>
      </c>
      <c r="BG37" s="191">
        <v>0</v>
      </c>
      <c r="BH37" s="196">
        <v>0</v>
      </c>
      <c r="BI37" s="193">
        <v>0</v>
      </c>
      <c r="BJ37" s="191">
        <v>15</v>
      </c>
      <c r="BK37" s="191">
        <v>13</v>
      </c>
      <c r="BL37" s="191">
        <v>12</v>
      </c>
      <c r="BM37" s="191">
        <v>10</v>
      </c>
      <c r="BN37" s="191">
        <v>6</v>
      </c>
      <c r="BO37" s="194">
        <v>56</v>
      </c>
      <c r="BP37" s="195">
        <v>56</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1</v>
      </c>
      <c r="I38" s="191">
        <v>1</v>
      </c>
      <c r="J38" s="191">
        <v>0</v>
      </c>
      <c r="K38" s="191">
        <v>0</v>
      </c>
      <c r="L38" s="194">
        <v>2</v>
      </c>
      <c r="M38" s="195">
        <v>2</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68</v>
      </c>
      <c r="AD38" s="191">
        <v>48</v>
      </c>
      <c r="AE38" s="191">
        <v>35</v>
      </c>
      <c r="AF38" s="191">
        <v>13</v>
      </c>
      <c r="AG38" s="191">
        <v>16</v>
      </c>
      <c r="AH38" s="196">
        <v>180</v>
      </c>
      <c r="AI38" s="195">
        <v>180</v>
      </c>
      <c r="AJ38" s="190">
        <v>0</v>
      </c>
      <c r="AK38" s="191">
        <v>0</v>
      </c>
      <c r="AL38" s="196">
        <v>0</v>
      </c>
      <c r="AM38" s="193">
        <v>0</v>
      </c>
      <c r="AN38" s="191">
        <v>0</v>
      </c>
      <c r="AO38" s="191">
        <v>0</v>
      </c>
      <c r="AP38" s="191">
        <v>0</v>
      </c>
      <c r="AQ38" s="191">
        <v>0</v>
      </c>
      <c r="AR38" s="191">
        <v>0</v>
      </c>
      <c r="AS38" s="196">
        <v>0</v>
      </c>
      <c r="AT38" s="195">
        <v>0</v>
      </c>
      <c r="AU38" s="190">
        <v>1</v>
      </c>
      <c r="AV38" s="191">
        <v>0</v>
      </c>
      <c r="AW38" s="196">
        <v>1</v>
      </c>
      <c r="AX38" s="193">
        <v>0</v>
      </c>
      <c r="AY38" s="191">
        <v>17</v>
      </c>
      <c r="AZ38" s="191">
        <v>11</v>
      </c>
      <c r="BA38" s="191">
        <v>10</v>
      </c>
      <c r="BB38" s="191">
        <v>2</v>
      </c>
      <c r="BC38" s="191">
        <v>2</v>
      </c>
      <c r="BD38" s="196">
        <v>42</v>
      </c>
      <c r="BE38" s="195">
        <v>43</v>
      </c>
      <c r="BF38" s="190">
        <v>0</v>
      </c>
      <c r="BG38" s="191">
        <v>0</v>
      </c>
      <c r="BH38" s="196">
        <v>0</v>
      </c>
      <c r="BI38" s="193">
        <v>0</v>
      </c>
      <c r="BJ38" s="191">
        <v>7</v>
      </c>
      <c r="BK38" s="191">
        <v>20</v>
      </c>
      <c r="BL38" s="191">
        <v>14</v>
      </c>
      <c r="BM38" s="191">
        <v>9</v>
      </c>
      <c r="BN38" s="191">
        <v>3</v>
      </c>
      <c r="BO38" s="194">
        <v>53</v>
      </c>
      <c r="BP38" s="195">
        <v>53</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1</v>
      </c>
      <c r="K39" s="198">
        <v>0</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11</v>
      </c>
      <c r="AD39" s="198">
        <v>8</v>
      </c>
      <c r="AE39" s="198">
        <v>6</v>
      </c>
      <c r="AF39" s="198">
        <v>2</v>
      </c>
      <c r="AG39" s="198">
        <v>2</v>
      </c>
      <c r="AH39" s="203">
        <v>29</v>
      </c>
      <c r="AI39" s="202">
        <v>29</v>
      </c>
      <c r="AJ39" s="197">
        <v>0</v>
      </c>
      <c r="AK39" s="198">
        <v>0</v>
      </c>
      <c r="AL39" s="203">
        <v>0</v>
      </c>
      <c r="AM39" s="200">
        <v>0</v>
      </c>
      <c r="AN39" s="198">
        <v>1</v>
      </c>
      <c r="AO39" s="198">
        <v>0</v>
      </c>
      <c r="AP39" s="198">
        <v>0</v>
      </c>
      <c r="AQ39" s="198">
        <v>0</v>
      </c>
      <c r="AR39" s="198">
        <v>0</v>
      </c>
      <c r="AS39" s="203">
        <v>1</v>
      </c>
      <c r="AT39" s="202">
        <v>1</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3</v>
      </c>
      <c r="BK39" s="198">
        <v>1</v>
      </c>
      <c r="BL39" s="198">
        <v>1</v>
      </c>
      <c r="BM39" s="198">
        <v>6</v>
      </c>
      <c r="BN39" s="198">
        <v>2</v>
      </c>
      <c r="BO39" s="201">
        <v>13</v>
      </c>
      <c r="BP39" s="202">
        <v>13</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8.554687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0">
        <f>第１表!F2</f>
        <v>6</v>
      </c>
      <c r="J1" s="440"/>
      <c r="K1" s="18">
        <f>第１表!G2</f>
        <v>12</v>
      </c>
      <c r="L1" s="445">
        <f>IF(K1&lt;3,K1+12-2,K1-2)</f>
        <v>10</v>
      </c>
      <c r="M1" s="445"/>
    </row>
    <row r="2" spans="2:101" s="71" customFormat="1" ht="24" customHeight="1" thickBot="1" x14ac:dyDescent="0.25">
      <c r="B2" s="142" t="s">
        <v>128</v>
      </c>
    </row>
    <row r="3" spans="2:101" ht="21" customHeight="1" thickBot="1" x14ac:dyDescent="0.25">
      <c r="B3" s="476"/>
      <c r="C3" s="470" t="s">
        <v>94</v>
      </c>
      <c r="D3" s="471"/>
      <c r="E3" s="471"/>
      <c r="F3" s="471"/>
      <c r="G3" s="471"/>
      <c r="H3" s="471"/>
      <c r="I3" s="471"/>
      <c r="J3" s="471"/>
      <c r="K3" s="471"/>
      <c r="L3" s="471"/>
      <c r="M3" s="472"/>
      <c r="N3" s="470" t="s">
        <v>88</v>
      </c>
      <c r="O3" s="471"/>
      <c r="P3" s="471"/>
      <c r="Q3" s="471"/>
      <c r="R3" s="471"/>
      <c r="S3" s="471"/>
      <c r="T3" s="471"/>
      <c r="U3" s="471"/>
      <c r="V3" s="471"/>
      <c r="W3" s="471"/>
      <c r="X3" s="472"/>
      <c r="Y3" s="470" t="s">
        <v>139</v>
      </c>
      <c r="Z3" s="471"/>
      <c r="AA3" s="471"/>
      <c r="AB3" s="471"/>
      <c r="AC3" s="471"/>
      <c r="AD3" s="471"/>
      <c r="AE3" s="471"/>
      <c r="AF3" s="471"/>
      <c r="AG3" s="471"/>
      <c r="AH3" s="471"/>
      <c r="AI3" s="472"/>
      <c r="AJ3" s="470" t="s">
        <v>90</v>
      </c>
      <c r="AK3" s="471"/>
      <c r="AL3" s="471"/>
      <c r="AM3" s="471"/>
      <c r="AN3" s="471"/>
      <c r="AO3" s="471"/>
      <c r="AP3" s="471"/>
      <c r="AQ3" s="471"/>
      <c r="AR3" s="471"/>
      <c r="AS3" s="471"/>
      <c r="AT3" s="472"/>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77"/>
      <c r="C4" s="463" t="s">
        <v>61</v>
      </c>
      <c r="D4" s="464"/>
      <c r="E4" s="465"/>
      <c r="F4" s="466" t="s">
        <v>62</v>
      </c>
      <c r="G4" s="464"/>
      <c r="H4" s="464"/>
      <c r="I4" s="464"/>
      <c r="J4" s="464"/>
      <c r="K4" s="464"/>
      <c r="L4" s="469"/>
      <c r="M4" s="467" t="s">
        <v>52</v>
      </c>
      <c r="N4" s="463" t="s">
        <v>61</v>
      </c>
      <c r="O4" s="464"/>
      <c r="P4" s="465"/>
      <c r="Q4" s="466" t="s">
        <v>62</v>
      </c>
      <c r="R4" s="464"/>
      <c r="S4" s="464"/>
      <c r="T4" s="464"/>
      <c r="U4" s="464"/>
      <c r="V4" s="464"/>
      <c r="W4" s="465"/>
      <c r="X4" s="467" t="s">
        <v>52</v>
      </c>
      <c r="Y4" s="463" t="s">
        <v>61</v>
      </c>
      <c r="Z4" s="464"/>
      <c r="AA4" s="465"/>
      <c r="AB4" s="466" t="s">
        <v>62</v>
      </c>
      <c r="AC4" s="464"/>
      <c r="AD4" s="464"/>
      <c r="AE4" s="464"/>
      <c r="AF4" s="464"/>
      <c r="AG4" s="464"/>
      <c r="AH4" s="465"/>
      <c r="AI4" s="467" t="s">
        <v>52</v>
      </c>
      <c r="AJ4" s="463" t="s">
        <v>61</v>
      </c>
      <c r="AK4" s="464"/>
      <c r="AL4" s="465"/>
      <c r="AM4" s="466" t="s">
        <v>62</v>
      </c>
      <c r="AN4" s="464"/>
      <c r="AO4" s="464"/>
      <c r="AP4" s="464"/>
      <c r="AQ4" s="464"/>
      <c r="AR4" s="464"/>
      <c r="AS4" s="465"/>
      <c r="AT4" s="467" t="s">
        <v>52</v>
      </c>
      <c r="AU4" s="491" t="s">
        <v>61</v>
      </c>
      <c r="AV4" s="489"/>
      <c r="AW4" s="490"/>
      <c r="AX4" s="488" t="s">
        <v>62</v>
      </c>
      <c r="AY4" s="489"/>
      <c r="AZ4" s="489"/>
      <c r="BA4" s="489"/>
      <c r="BB4" s="489"/>
      <c r="BC4" s="489"/>
      <c r="BD4" s="490"/>
      <c r="BE4" s="492" t="s">
        <v>52</v>
      </c>
      <c r="BF4" s="491" t="s">
        <v>61</v>
      </c>
      <c r="BG4" s="489"/>
      <c r="BH4" s="490"/>
      <c r="BI4" s="488" t="s">
        <v>62</v>
      </c>
      <c r="BJ4" s="489"/>
      <c r="BK4" s="489"/>
      <c r="BL4" s="489"/>
      <c r="BM4" s="489"/>
      <c r="BN4" s="489"/>
      <c r="BO4" s="490"/>
      <c r="BP4" s="492" t="s">
        <v>52</v>
      </c>
      <c r="BQ4" s="491" t="s">
        <v>61</v>
      </c>
      <c r="BR4" s="489"/>
      <c r="BS4" s="490"/>
      <c r="BT4" s="488" t="s">
        <v>62</v>
      </c>
      <c r="BU4" s="489"/>
      <c r="BV4" s="489"/>
      <c r="BW4" s="489"/>
      <c r="BX4" s="489"/>
      <c r="BY4" s="489"/>
      <c r="BZ4" s="490"/>
      <c r="CA4" s="492" t="s">
        <v>52</v>
      </c>
      <c r="CB4" s="491" t="s">
        <v>61</v>
      </c>
      <c r="CC4" s="489"/>
      <c r="CD4" s="490"/>
      <c r="CE4" s="488" t="s">
        <v>62</v>
      </c>
      <c r="CF4" s="489"/>
      <c r="CG4" s="489"/>
      <c r="CH4" s="489"/>
      <c r="CI4" s="489"/>
      <c r="CJ4" s="489"/>
      <c r="CK4" s="490"/>
      <c r="CL4" s="492" t="s">
        <v>52</v>
      </c>
      <c r="CM4" s="491" t="s">
        <v>61</v>
      </c>
      <c r="CN4" s="489"/>
      <c r="CO4" s="490"/>
      <c r="CP4" s="488" t="s">
        <v>62</v>
      </c>
      <c r="CQ4" s="489"/>
      <c r="CR4" s="489"/>
      <c r="CS4" s="489"/>
      <c r="CT4" s="489"/>
      <c r="CU4" s="489"/>
      <c r="CV4" s="490"/>
      <c r="CW4" s="492" t="s">
        <v>52</v>
      </c>
    </row>
    <row r="5" spans="2:101" ht="30" customHeight="1" thickBot="1" x14ac:dyDescent="0.25">
      <c r="B5" s="478"/>
      <c r="C5" s="177" t="s">
        <v>43</v>
      </c>
      <c r="D5" s="182" t="s">
        <v>44</v>
      </c>
      <c r="E5" s="205" t="s">
        <v>45</v>
      </c>
      <c r="F5" s="180" t="s">
        <v>83</v>
      </c>
      <c r="G5" s="178" t="s">
        <v>47</v>
      </c>
      <c r="H5" s="178" t="s">
        <v>48</v>
      </c>
      <c r="I5" s="178" t="s">
        <v>49</v>
      </c>
      <c r="J5" s="178" t="s">
        <v>50</v>
      </c>
      <c r="K5" s="178" t="s">
        <v>51</v>
      </c>
      <c r="L5" s="181" t="s">
        <v>45</v>
      </c>
      <c r="M5" s="468"/>
      <c r="N5" s="177" t="s">
        <v>43</v>
      </c>
      <c r="O5" s="178" t="s">
        <v>44</v>
      </c>
      <c r="P5" s="182" t="s">
        <v>45</v>
      </c>
      <c r="Q5" s="180" t="s">
        <v>83</v>
      </c>
      <c r="R5" s="178" t="s">
        <v>47</v>
      </c>
      <c r="S5" s="178" t="s">
        <v>48</v>
      </c>
      <c r="T5" s="178" t="s">
        <v>49</v>
      </c>
      <c r="U5" s="178" t="s">
        <v>50</v>
      </c>
      <c r="V5" s="178" t="s">
        <v>51</v>
      </c>
      <c r="W5" s="182" t="s">
        <v>45</v>
      </c>
      <c r="X5" s="468"/>
      <c r="Y5" s="177" t="s">
        <v>43</v>
      </c>
      <c r="Z5" s="178" t="s">
        <v>44</v>
      </c>
      <c r="AA5" s="182" t="s">
        <v>45</v>
      </c>
      <c r="AB5" s="180" t="s">
        <v>83</v>
      </c>
      <c r="AC5" s="178" t="s">
        <v>47</v>
      </c>
      <c r="AD5" s="178" t="s">
        <v>48</v>
      </c>
      <c r="AE5" s="178" t="s">
        <v>49</v>
      </c>
      <c r="AF5" s="178" t="s">
        <v>50</v>
      </c>
      <c r="AG5" s="178" t="s">
        <v>51</v>
      </c>
      <c r="AH5" s="182" t="s">
        <v>45</v>
      </c>
      <c r="AI5" s="468"/>
      <c r="AJ5" s="177" t="s">
        <v>43</v>
      </c>
      <c r="AK5" s="178" t="s">
        <v>44</v>
      </c>
      <c r="AL5" s="182" t="s">
        <v>45</v>
      </c>
      <c r="AM5" s="180" t="s">
        <v>83</v>
      </c>
      <c r="AN5" s="178" t="s">
        <v>47</v>
      </c>
      <c r="AO5" s="178" t="s">
        <v>48</v>
      </c>
      <c r="AP5" s="178" t="s">
        <v>49</v>
      </c>
      <c r="AQ5" s="178" t="s">
        <v>50</v>
      </c>
      <c r="AR5" s="178" t="s">
        <v>51</v>
      </c>
      <c r="AS5" s="182" t="s">
        <v>45</v>
      </c>
      <c r="AT5" s="468"/>
      <c r="AU5" s="177" t="s">
        <v>43</v>
      </c>
      <c r="AV5" s="178" t="s">
        <v>44</v>
      </c>
      <c r="AW5" s="182" t="s">
        <v>45</v>
      </c>
      <c r="AX5" s="180" t="s">
        <v>83</v>
      </c>
      <c r="AY5" s="178" t="s">
        <v>47</v>
      </c>
      <c r="AZ5" s="178" t="s">
        <v>48</v>
      </c>
      <c r="BA5" s="178" t="s">
        <v>49</v>
      </c>
      <c r="BB5" s="178" t="s">
        <v>50</v>
      </c>
      <c r="BC5" s="178" t="s">
        <v>51</v>
      </c>
      <c r="BD5" s="182" t="s">
        <v>45</v>
      </c>
      <c r="BE5" s="493"/>
      <c r="BF5" s="177" t="s">
        <v>43</v>
      </c>
      <c r="BG5" s="178" t="s">
        <v>44</v>
      </c>
      <c r="BH5" s="182" t="s">
        <v>45</v>
      </c>
      <c r="BI5" s="180" t="s">
        <v>83</v>
      </c>
      <c r="BJ5" s="178" t="s">
        <v>47</v>
      </c>
      <c r="BK5" s="178" t="s">
        <v>48</v>
      </c>
      <c r="BL5" s="178" t="s">
        <v>49</v>
      </c>
      <c r="BM5" s="178" t="s">
        <v>50</v>
      </c>
      <c r="BN5" s="178" t="s">
        <v>51</v>
      </c>
      <c r="BO5" s="182" t="s">
        <v>45</v>
      </c>
      <c r="BP5" s="493"/>
      <c r="BQ5" s="177" t="s">
        <v>43</v>
      </c>
      <c r="BR5" s="178" t="s">
        <v>44</v>
      </c>
      <c r="BS5" s="182" t="s">
        <v>45</v>
      </c>
      <c r="BT5" s="180" t="s">
        <v>83</v>
      </c>
      <c r="BU5" s="178" t="s">
        <v>47</v>
      </c>
      <c r="BV5" s="178" t="s">
        <v>48</v>
      </c>
      <c r="BW5" s="178" t="s">
        <v>49</v>
      </c>
      <c r="BX5" s="178" t="s">
        <v>50</v>
      </c>
      <c r="BY5" s="178" t="s">
        <v>51</v>
      </c>
      <c r="BZ5" s="182" t="s">
        <v>45</v>
      </c>
      <c r="CA5" s="493"/>
      <c r="CB5" s="177" t="s">
        <v>43</v>
      </c>
      <c r="CC5" s="178" t="s">
        <v>44</v>
      </c>
      <c r="CD5" s="182" t="s">
        <v>45</v>
      </c>
      <c r="CE5" s="180" t="s">
        <v>83</v>
      </c>
      <c r="CF5" s="178" t="s">
        <v>47</v>
      </c>
      <c r="CG5" s="178" t="s">
        <v>48</v>
      </c>
      <c r="CH5" s="178" t="s">
        <v>49</v>
      </c>
      <c r="CI5" s="178" t="s">
        <v>50</v>
      </c>
      <c r="CJ5" s="178" t="s">
        <v>51</v>
      </c>
      <c r="CK5" s="182" t="s">
        <v>45</v>
      </c>
      <c r="CL5" s="493"/>
      <c r="CM5" s="177" t="s">
        <v>43</v>
      </c>
      <c r="CN5" s="178" t="s">
        <v>44</v>
      </c>
      <c r="CO5" s="182" t="s">
        <v>45</v>
      </c>
      <c r="CP5" s="180" t="s">
        <v>83</v>
      </c>
      <c r="CQ5" s="178" t="s">
        <v>47</v>
      </c>
      <c r="CR5" s="178" t="s">
        <v>48</v>
      </c>
      <c r="CS5" s="178" t="s">
        <v>49</v>
      </c>
      <c r="CT5" s="178" t="s">
        <v>50</v>
      </c>
      <c r="CU5" s="178" t="s">
        <v>51</v>
      </c>
      <c r="CV5" s="182" t="s">
        <v>45</v>
      </c>
      <c r="CW5" s="493"/>
    </row>
    <row r="6" spans="2:101" ht="21" customHeight="1" x14ac:dyDescent="0.2">
      <c r="B6" s="84" t="s">
        <v>4</v>
      </c>
      <c r="C6" s="183">
        <v>0</v>
      </c>
      <c r="D6" s="189">
        <v>0</v>
      </c>
      <c r="E6" s="206">
        <v>0</v>
      </c>
      <c r="F6" s="186">
        <v>0</v>
      </c>
      <c r="G6" s="184">
        <v>20</v>
      </c>
      <c r="H6" s="184">
        <v>26</v>
      </c>
      <c r="I6" s="184">
        <v>30</v>
      </c>
      <c r="J6" s="184">
        <v>28</v>
      </c>
      <c r="K6" s="184">
        <v>25</v>
      </c>
      <c r="L6" s="187">
        <v>129</v>
      </c>
      <c r="M6" s="188">
        <v>129</v>
      </c>
      <c r="N6" s="183">
        <v>0</v>
      </c>
      <c r="O6" s="184">
        <v>0</v>
      </c>
      <c r="P6" s="189">
        <v>0</v>
      </c>
      <c r="Q6" s="186">
        <v>0</v>
      </c>
      <c r="R6" s="184">
        <v>15</v>
      </c>
      <c r="S6" s="184">
        <v>23</v>
      </c>
      <c r="T6" s="184">
        <v>34</v>
      </c>
      <c r="U6" s="184">
        <v>32</v>
      </c>
      <c r="V6" s="184">
        <v>31</v>
      </c>
      <c r="W6" s="189">
        <v>135</v>
      </c>
      <c r="X6" s="188">
        <v>135</v>
      </c>
      <c r="Y6" s="183">
        <v>0</v>
      </c>
      <c r="Z6" s="184">
        <v>0</v>
      </c>
      <c r="AA6" s="189">
        <v>0</v>
      </c>
      <c r="AB6" s="186">
        <v>0</v>
      </c>
      <c r="AC6" s="184">
        <v>1011</v>
      </c>
      <c r="AD6" s="184">
        <v>951</v>
      </c>
      <c r="AE6" s="184">
        <v>362</v>
      </c>
      <c r="AF6" s="184">
        <v>147</v>
      </c>
      <c r="AG6" s="184">
        <v>76</v>
      </c>
      <c r="AH6" s="189">
        <v>2547</v>
      </c>
      <c r="AI6" s="188">
        <v>2547</v>
      </c>
      <c r="AJ6" s="183">
        <v>0</v>
      </c>
      <c r="AK6" s="184">
        <v>0</v>
      </c>
      <c r="AL6" s="189">
        <v>0</v>
      </c>
      <c r="AM6" s="186">
        <v>0</v>
      </c>
      <c r="AN6" s="184">
        <v>71</v>
      </c>
      <c r="AO6" s="184">
        <v>72</v>
      </c>
      <c r="AP6" s="184">
        <v>70</v>
      </c>
      <c r="AQ6" s="184">
        <v>28</v>
      </c>
      <c r="AR6" s="184">
        <v>18</v>
      </c>
      <c r="AS6" s="189">
        <v>259</v>
      </c>
      <c r="AT6" s="188">
        <v>259</v>
      </c>
      <c r="AU6" s="183">
        <v>9</v>
      </c>
      <c r="AV6" s="184">
        <v>8</v>
      </c>
      <c r="AW6" s="189">
        <v>17</v>
      </c>
      <c r="AX6" s="186">
        <v>0</v>
      </c>
      <c r="AY6" s="184">
        <v>74</v>
      </c>
      <c r="AZ6" s="184">
        <v>79</v>
      </c>
      <c r="BA6" s="184">
        <v>67</v>
      </c>
      <c r="BB6" s="184">
        <v>52</v>
      </c>
      <c r="BC6" s="184">
        <v>27</v>
      </c>
      <c r="BD6" s="189">
        <v>299</v>
      </c>
      <c r="BE6" s="188">
        <v>316</v>
      </c>
      <c r="BF6" s="183">
        <v>0</v>
      </c>
      <c r="BG6" s="184">
        <v>1</v>
      </c>
      <c r="BH6" s="189">
        <v>1</v>
      </c>
      <c r="BI6" s="186">
        <v>0</v>
      </c>
      <c r="BJ6" s="184">
        <v>102</v>
      </c>
      <c r="BK6" s="184">
        <v>137</v>
      </c>
      <c r="BL6" s="184">
        <v>144</v>
      </c>
      <c r="BM6" s="184">
        <v>104</v>
      </c>
      <c r="BN6" s="184">
        <v>57</v>
      </c>
      <c r="BO6" s="187">
        <v>544</v>
      </c>
      <c r="BP6" s="188">
        <v>545</v>
      </c>
      <c r="BQ6" s="183">
        <v>0</v>
      </c>
      <c r="BR6" s="184">
        <v>0</v>
      </c>
      <c r="BS6" s="189">
        <v>0</v>
      </c>
      <c r="BT6" s="186">
        <v>0</v>
      </c>
      <c r="BU6" s="184">
        <v>5</v>
      </c>
      <c r="BV6" s="184">
        <v>5</v>
      </c>
      <c r="BW6" s="184">
        <v>4</v>
      </c>
      <c r="BX6" s="184">
        <v>4</v>
      </c>
      <c r="BY6" s="184">
        <v>4</v>
      </c>
      <c r="BZ6" s="189">
        <v>22</v>
      </c>
      <c r="CA6" s="188">
        <v>22</v>
      </c>
      <c r="CB6" s="183">
        <v>0</v>
      </c>
      <c r="CC6" s="184">
        <v>0</v>
      </c>
      <c r="CD6" s="189">
        <v>0</v>
      </c>
      <c r="CE6" s="186">
        <v>0</v>
      </c>
      <c r="CF6" s="184">
        <v>1</v>
      </c>
      <c r="CG6" s="184">
        <v>2</v>
      </c>
      <c r="CH6" s="184">
        <v>15</v>
      </c>
      <c r="CI6" s="184">
        <v>27</v>
      </c>
      <c r="CJ6" s="184">
        <v>15</v>
      </c>
      <c r="CK6" s="189">
        <v>60</v>
      </c>
      <c r="CL6" s="188">
        <v>60</v>
      </c>
      <c r="CM6" s="183">
        <v>0</v>
      </c>
      <c r="CN6" s="184">
        <v>0</v>
      </c>
      <c r="CO6" s="189">
        <v>0</v>
      </c>
      <c r="CP6" s="186">
        <v>0</v>
      </c>
      <c r="CQ6" s="184">
        <v>20</v>
      </c>
      <c r="CR6" s="184">
        <v>21</v>
      </c>
      <c r="CS6" s="184">
        <v>27</v>
      </c>
      <c r="CT6" s="184">
        <v>21</v>
      </c>
      <c r="CU6" s="184">
        <v>30</v>
      </c>
      <c r="CV6" s="189">
        <v>119</v>
      </c>
      <c r="CW6" s="188">
        <v>119</v>
      </c>
    </row>
    <row r="7" spans="2:101" ht="21" customHeight="1" x14ac:dyDescent="0.2">
      <c r="B7" s="95" t="s">
        <v>5</v>
      </c>
      <c r="C7" s="190">
        <v>0</v>
      </c>
      <c r="D7" s="196">
        <v>0</v>
      </c>
      <c r="E7" s="207">
        <v>0</v>
      </c>
      <c r="F7" s="193">
        <v>0</v>
      </c>
      <c r="G7" s="191">
        <v>8</v>
      </c>
      <c r="H7" s="191">
        <v>15</v>
      </c>
      <c r="I7" s="191">
        <v>13</v>
      </c>
      <c r="J7" s="191">
        <v>16</v>
      </c>
      <c r="K7" s="191">
        <v>13</v>
      </c>
      <c r="L7" s="194">
        <v>65</v>
      </c>
      <c r="M7" s="195">
        <v>65</v>
      </c>
      <c r="N7" s="190">
        <v>0</v>
      </c>
      <c r="O7" s="191">
        <v>0</v>
      </c>
      <c r="P7" s="196">
        <v>0</v>
      </c>
      <c r="Q7" s="193">
        <v>0</v>
      </c>
      <c r="R7" s="191">
        <v>8</v>
      </c>
      <c r="S7" s="191">
        <v>19</v>
      </c>
      <c r="T7" s="191">
        <v>25</v>
      </c>
      <c r="U7" s="191">
        <v>29</v>
      </c>
      <c r="V7" s="191">
        <v>24</v>
      </c>
      <c r="W7" s="196">
        <v>105</v>
      </c>
      <c r="X7" s="195">
        <v>105</v>
      </c>
      <c r="Y7" s="190">
        <v>0</v>
      </c>
      <c r="Z7" s="191">
        <v>0</v>
      </c>
      <c r="AA7" s="196">
        <v>0</v>
      </c>
      <c r="AB7" s="193">
        <v>0</v>
      </c>
      <c r="AC7" s="191">
        <v>385</v>
      </c>
      <c r="AD7" s="191">
        <v>475</v>
      </c>
      <c r="AE7" s="191">
        <v>200</v>
      </c>
      <c r="AF7" s="191">
        <v>67</v>
      </c>
      <c r="AG7" s="191">
        <v>37</v>
      </c>
      <c r="AH7" s="196">
        <v>1164</v>
      </c>
      <c r="AI7" s="195">
        <v>1164</v>
      </c>
      <c r="AJ7" s="190">
        <v>0</v>
      </c>
      <c r="AK7" s="191">
        <v>0</v>
      </c>
      <c r="AL7" s="196">
        <v>0</v>
      </c>
      <c r="AM7" s="193">
        <v>0</v>
      </c>
      <c r="AN7" s="191">
        <v>41</v>
      </c>
      <c r="AO7" s="191">
        <v>41</v>
      </c>
      <c r="AP7" s="191">
        <v>39</v>
      </c>
      <c r="AQ7" s="191">
        <v>16</v>
      </c>
      <c r="AR7" s="191">
        <v>9</v>
      </c>
      <c r="AS7" s="196">
        <v>146</v>
      </c>
      <c r="AT7" s="195">
        <v>146</v>
      </c>
      <c r="AU7" s="190">
        <v>4</v>
      </c>
      <c r="AV7" s="191">
        <v>3</v>
      </c>
      <c r="AW7" s="196">
        <v>7</v>
      </c>
      <c r="AX7" s="193">
        <v>0</v>
      </c>
      <c r="AY7" s="191">
        <v>31</v>
      </c>
      <c r="AZ7" s="191">
        <v>38</v>
      </c>
      <c r="BA7" s="191">
        <v>29</v>
      </c>
      <c r="BB7" s="191">
        <v>21</v>
      </c>
      <c r="BC7" s="191">
        <v>14</v>
      </c>
      <c r="BD7" s="196">
        <v>133</v>
      </c>
      <c r="BE7" s="195">
        <v>140</v>
      </c>
      <c r="BF7" s="190">
        <v>0</v>
      </c>
      <c r="BG7" s="191">
        <v>1</v>
      </c>
      <c r="BH7" s="196">
        <v>1</v>
      </c>
      <c r="BI7" s="193">
        <v>0</v>
      </c>
      <c r="BJ7" s="191">
        <v>37</v>
      </c>
      <c r="BK7" s="191">
        <v>58</v>
      </c>
      <c r="BL7" s="191">
        <v>47</v>
      </c>
      <c r="BM7" s="191">
        <v>39</v>
      </c>
      <c r="BN7" s="191">
        <v>31</v>
      </c>
      <c r="BO7" s="194">
        <v>212</v>
      </c>
      <c r="BP7" s="195">
        <v>213</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1</v>
      </c>
      <c r="CG7" s="191">
        <v>0</v>
      </c>
      <c r="CH7" s="191">
        <v>3</v>
      </c>
      <c r="CI7" s="191">
        <v>5</v>
      </c>
      <c r="CJ7" s="191">
        <v>2</v>
      </c>
      <c r="CK7" s="196">
        <v>11</v>
      </c>
      <c r="CL7" s="195">
        <v>11</v>
      </c>
      <c r="CM7" s="190">
        <v>0</v>
      </c>
      <c r="CN7" s="191">
        <v>0</v>
      </c>
      <c r="CO7" s="196">
        <v>0</v>
      </c>
      <c r="CP7" s="193">
        <v>0</v>
      </c>
      <c r="CQ7" s="191">
        <v>3</v>
      </c>
      <c r="CR7" s="191">
        <v>3</v>
      </c>
      <c r="CS7" s="191">
        <v>5</v>
      </c>
      <c r="CT7" s="191">
        <v>4</v>
      </c>
      <c r="CU7" s="191">
        <v>15</v>
      </c>
      <c r="CV7" s="196">
        <v>30</v>
      </c>
      <c r="CW7" s="195">
        <v>30</v>
      </c>
    </row>
    <row r="8" spans="2:101" ht="21" customHeight="1" x14ac:dyDescent="0.2">
      <c r="B8" s="106" t="s">
        <v>6</v>
      </c>
      <c r="C8" s="190">
        <v>0</v>
      </c>
      <c r="D8" s="196">
        <v>0</v>
      </c>
      <c r="E8" s="207">
        <v>0</v>
      </c>
      <c r="F8" s="193">
        <v>0</v>
      </c>
      <c r="G8" s="191">
        <v>5</v>
      </c>
      <c r="H8" s="191">
        <v>3</v>
      </c>
      <c r="I8" s="191">
        <v>6</v>
      </c>
      <c r="J8" s="191">
        <v>3</v>
      </c>
      <c r="K8" s="191">
        <v>8</v>
      </c>
      <c r="L8" s="194">
        <v>25</v>
      </c>
      <c r="M8" s="195">
        <v>25</v>
      </c>
      <c r="N8" s="190">
        <v>0</v>
      </c>
      <c r="O8" s="191">
        <v>0</v>
      </c>
      <c r="P8" s="196">
        <v>0</v>
      </c>
      <c r="Q8" s="193">
        <v>0</v>
      </c>
      <c r="R8" s="191">
        <v>5</v>
      </c>
      <c r="S8" s="191">
        <v>3</v>
      </c>
      <c r="T8" s="191">
        <v>8</v>
      </c>
      <c r="U8" s="191">
        <v>2</v>
      </c>
      <c r="V8" s="191">
        <v>7</v>
      </c>
      <c r="W8" s="196">
        <v>25</v>
      </c>
      <c r="X8" s="195">
        <v>25</v>
      </c>
      <c r="Y8" s="190">
        <v>0</v>
      </c>
      <c r="Z8" s="191">
        <v>0</v>
      </c>
      <c r="AA8" s="196">
        <v>0</v>
      </c>
      <c r="AB8" s="193">
        <v>0</v>
      </c>
      <c r="AC8" s="191">
        <v>115</v>
      </c>
      <c r="AD8" s="191">
        <v>86</v>
      </c>
      <c r="AE8" s="191">
        <v>29</v>
      </c>
      <c r="AF8" s="191">
        <v>20</v>
      </c>
      <c r="AG8" s="191">
        <v>16</v>
      </c>
      <c r="AH8" s="196">
        <v>266</v>
      </c>
      <c r="AI8" s="195">
        <v>266</v>
      </c>
      <c r="AJ8" s="190">
        <v>0</v>
      </c>
      <c r="AK8" s="191">
        <v>0</v>
      </c>
      <c r="AL8" s="196">
        <v>0</v>
      </c>
      <c r="AM8" s="193">
        <v>0</v>
      </c>
      <c r="AN8" s="191">
        <v>8</v>
      </c>
      <c r="AO8" s="191">
        <v>13</v>
      </c>
      <c r="AP8" s="191">
        <v>13</v>
      </c>
      <c r="AQ8" s="191">
        <v>6</v>
      </c>
      <c r="AR8" s="191">
        <v>2</v>
      </c>
      <c r="AS8" s="196">
        <v>42</v>
      </c>
      <c r="AT8" s="195">
        <v>42</v>
      </c>
      <c r="AU8" s="190">
        <v>2</v>
      </c>
      <c r="AV8" s="191">
        <v>1</v>
      </c>
      <c r="AW8" s="196">
        <v>3</v>
      </c>
      <c r="AX8" s="193">
        <v>0</v>
      </c>
      <c r="AY8" s="191">
        <v>10</v>
      </c>
      <c r="AZ8" s="191">
        <v>14</v>
      </c>
      <c r="BA8" s="191">
        <v>7</v>
      </c>
      <c r="BB8" s="191">
        <v>8</v>
      </c>
      <c r="BC8" s="191">
        <v>2</v>
      </c>
      <c r="BD8" s="196">
        <v>41</v>
      </c>
      <c r="BE8" s="195">
        <v>44</v>
      </c>
      <c r="BF8" s="190">
        <v>0</v>
      </c>
      <c r="BG8" s="191">
        <v>0</v>
      </c>
      <c r="BH8" s="196">
        <v>0</v>
      </c>
      <c r="BI8" s="193">
        <v>0</v>
      </c>
      <c r="BJ8" s="191">
        <v>21</v>
      </c>
      <c r="BK8" s="191">
        <v>20</v>
      </c>
      <c r="BL8" s="191">
        <v>26</v>
      </c>
      <c r="BM8" s="191">
        <v>16</v>
      </c>
      <c r="BN8" s="191">
        <v>7</v>
      </c>
      <c r="BO8" s="194">
        <v>90</v>
      </c>
      <c r="BP8" s="195">
        <v>90</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0</v>
      </c>
      <c r="CH8" s="191">
        <v>3</v>
      </c>
      <c r="CI8" s="191">
        <v>5</v>
      </c>
      <c r="CJ8" s="191">
        <v>3</v>
      </c>
      <c r="CK8" s="196">
        <v>11</v>
      </c>
      <c r="CL8" s="195">
        <v>11</v>
      </c>
      <c r="CM8" s="190">
        <v>0</v>
      </c>
      <c r="CN8" s="191">
        <v>0</v>
      </c>
      <c r="CO8" s="196">
        <v>0</v>
      </c>
      <c r="CP8" s="193">
        <v>0</v>
      </c>
      <c r="CQ8" s="191">
        <v>9</v>
      </c>
      <c r="CR8" s="191">
        <v>5</v>
      </c>
      <c r="CS8" s="191">
        <v>6</v>
      </c>
      <c r="CT8" s="191">
        <v>5</v>
      </c>
      <c r="CU8" s="191">
        <v>3</v>
      </c>
      <c r="CV8" s="196">
        <v>28</v>
      </c>
      <c r="CW8" s="195">
        <v>28</v>
      </c>
    </row>
    <row r="9" spans="2:101" ht="21" customHeight="1" x14ac:dyDescent="0.2">
      <c r="B9" s="106" t="s">
        <v>14</v>
      </c>
      <c r="C9" s="190">
        <v>0</v>
      </c>
      <c r="D9" s="196">
        <v>0</v>
      </c>
      <c r="E9" s="207">
        <v>0</v>
      </c>
      <c r="F9" s="193">
        <v>0</v>
      </c>
      <c r="G9" s="191">
        <v>1</v>
      </c>
      <c r="H9" s="191">
        <v>3</v>
      </c>
      <c r="I9" s="191">
        <v>2</v>
      </c>
      <c r="J9" s="191">
        <v>3</v>
      </c>
      <c r="K9" s="191">
        <v>3</v>
      </c>
      <c r="L9" s="194">
        <v>12</v>
      </c>
      <c r="M9" s="195">
        <v>12</v>
      </c>
      <c r="N9" s="190">
        <v>0</v>
      </c>
      <c r="O9" s="191">
        <v>0</v>
      </c>
      <c r="P9" s="196">
        <v>0</v>
      </c>
      <c r="Q9" s="193">
        <v>0</v>
      </c>
      <c r="R9" s="191">
        <v>0</v>
      </c>
      <c r="S9" s="191">
        <v>0</v>
      </c>
      <c r="T9" s="191">
        <v>0</v>
      </c>
      <c r="U9" s="191">
        <v>0</v>
      </c>
      <c r="V9" s="191">
        <v>0</v>
      </c>
      <c r="W9" s="196">
        <v>0</v>
      </c>
      <c r="X9" s="195">
        <v>0</v>
      </c>
      <c r="Y9" s="190">
        <v>0</v>
      </c>
      <c r="Z9" s="191">
        <v>0</v>
      </c>
      <c r="AA9" s="196">
        <v>0</v>
      </c>
      <c r="AB9" s="193">
        <v>0</v>
      </c>
      <c r="AC9" s="191">
        <v>91</v>
      </c>
      <c r="AD9" s="191">
        <v>88</v>
      </c>
      <c r="AE9" s="191">
        <v>39</v>
      </c>
      <c r="AF9" s="191">
        <v>16</v>
      </c>
      <c r="AG9" s="191">
        <v>2</v>
      </c>
      <c r="AH9" s="196">
        <v>236</v>
      </c>
      <c r="AI9" s="195">
        <v>236</v>
      </c>
      <c r="AJ9" s="190">
        <v>0</v>
      </c>
      <c r="AK9" s="191">
        <v>0</v>
      </c>
      <c r="AL9" s="196">
        <v>0</v>
      </c>
      <c r="AM9" s="193">
        <v>0</v>
      </c>
      <c r="AN9" s="191">
        <v>5</v>
      </c>
      <c r="AO9" s="191">
        <v>1</v>
      </c>
      <c r="AP9" s="191">
        <v>1</v>
      </c>
      <c r="AQ9" s="191">
        <v>0</v>
      </c>
      <c r="AR9" s="191">
        <v>0</v>
      </c>
      <c r="AS9" s="196">
        <v>7</v>
      </c>
      <c r="AT9" s="195">
        <v>7</v>
      </c>
      <c r="AU9" s="190">
        <v>1</v>
      </c>
      <c r="AV9" s="191">
        <v>1</v>
      </c>
      <c r="AW9" s="196">
        <v>2</v>
      </c>
      <c r="AX9" s="193">
        <v>0</v>
      </c>
      <c r="AY9" s="191">
        <v>5</v>
      </c>
      <c r="AZ9" s="191">
        <v>3</v>
      </c>
      <c r="BA9" s="191">
        <v>7</v>
      </c>
      <c r="BB9" s="191">
        <v>7</v>
      </c>
      <c r="BC9" s="191">
        <v>2</v>
      </c>
      <c r="BD9" s="196">
        <v>24</v>
      </c>
      <c r="BE9" s="195">
        <v>26</v>
      </c>
      <c r="BF9" s="190">
        <v>0</v>
      </c>
      <c r="BG9" s="191">
        <v>0</v>
      </c>
      <c r="BH9" s="196">
        <v>0</v>
      </c>
      <c r="BI9" s="193">
        <v>0</v>
      </c>
      <c r="BJ9" s="191">
        <v>10</v>
      </c>
      <c r="BK9" s="191">
        <v>8</v>
      </c>
      <c r="BL9" s="191">
        <v>14</v>
      </c>
      <c r="BM9" s="191">
        <v>12</v>
      </c>
      <c r="BN9" s="191">
        <v>5</v>
      </c>
      <c r="BO9" s="194">
        <v>49</v>
      </c>
      <c r="BP9" s="195">
        <v>49</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v>
      </c>
      <c r="CI9" s="191">
        <v>1</v>
      </c>
      <c r="CJ9" s="191">
        <v>0</v>
      </c>
      <c r="CK9" s="196">
        <v>2</v>
      </c>
      <c r="CL9" s="195">
        <v>2</v>
      </c>
      <c r="CM9" s="190">
        <v>0</v>
      </c>
      <c r="CN9" s="191">
        <v>0</v>
      </c>
      <c r="CO9" s="196">
        <v>0</v>
      </c>
      <c r="CP9" s="193">
        <v>0</v>
      </c>
      <c r="CQ9" s="191">
        <v>1</v>
      </c>
      <c r="CR9" s="191">
        <v>2</v>
      </c>
      <c r="CS9" s="191">
        <v>1</v>
      </c>
      <c r="CT9" s="191">
        <v>1</v>
      </c>
      <c r="CU9" s="191">
        <v>2</v>
      </c>
      <c r="CV9" s="196">
        <v>7</v>
      </c>
      <c r="CW9" s="195">
        <v>7</v>
      </c>
    </row>
    <row r="10" spans="2:101" ht="21" customHeight="1" x14ac:dyDescent="0.2">
      <c r="B10" s="106" t="s">
        <v>7</v>
      </c>
      <c r="C10" s="190">
        <v>0</v>
      </c>
      <c r="D10" s="196">
        <v>0</v>
      </c>
      <c r="E10" s="207">
        <v>0</v>
      </c>
      <c r="F10" s="193">
        <v>0</v>
      </c>
      <c r="G10" s="191">
        <v>0</v>
      </c>
      <c r="H10" s="191">
        <v>3</v>
      </c>
      <c r="I10" s="191">
        <v>0</v>
      </c>
      <c r="J10" s="191">
        <v>1</v>
      </c>
      <c r="K10" s="191">
        <v>0</v>
      </c>
      <c r="L10" s="194">
        <v>4</v>
      </c>
      <c r="M10" s="195">
        <v>4</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78</v>
      </c>
      <c r="AD10" s="191">
        <v>61</v>
      </c>
      <c r="AE10" s="191">
        <v>16</v>
      </c>
      <c r="AF10" s="191">
        <v>4</v>
      </c>
      <c r="AG10" s="191">
        <v>1</v>
      </c>
      <c r="AH10" s="196">
        <v>160</v>
      </c>
      <c r="AI10" s="195">
        <v>160</v>
      </c>
      <c r="AJ10" s="190">
        <v>0</v>
      </c>
      <c r="AK10" s="191">
        <v>0</v>
      </c>
      <c r="AL10" s="196">
        <v>0</v>
      </c>
      <c r="AM10" s="193">
        <v>0</v>
      </c>
      <c r="AN10" s="191">
        <v>7</v>
      </c>
      <c r="AO10" s="191">
        <v>6</v>
      </c>
      <c r="AP10" s="191">
        <v>6</v>
      </c>
      <c r="AQ10" s="191">
        <v>3</v>
      </c>
      <c r="AR10" s="191">
        <v>2</v>
      </c>
      <c r="AS10" s="196">
        <v>24</v>
      </c>
      <c r="AT10" s="195">
        <v>24</v>
      </c>
      <c r="AU10" s="190">
        <v>0</v>
      </c>
      <c r="AV10" s="191">
        <v>0</v>
      </c>
      <c r="AW10" s="196">
        <v>0</v>
      </c>
      <c r="AX10" s="193">
        <v>0</v>
      </c>
      <c r="AY10" s="191">
        <v>5</v>
      </c>
      <c r="AZ10" s="191">
        <v>3</v>
      </c>
      <c r="BA10" s="191">
        <v>2</v>
      </c>
      <c r="BB10" s="191">
        <v>1</v>
      </c>
      <c r="BC10" s="191">
        <v>0</v>
      </c>
      <c r="BD10" s="196">
        <v>11</v>
      </c>
      <c r="BE10" s="195">
        <v>11</v>
      </c>
      <c r="BF10" s="190">
        <v>0</v>
      </c>
      <c r="BG10" s="191">
        <v>0</v>
      </c>
      <c r="BH10" s="196">
        <v>0</v>
      </c>
      <c r="BI10" s="193">
        <v>0</v>
      </c>
      <c r="BJ10" s="191">
        <v>6</v>
      </c>
      <c r="BK10" s="191">
        <v>11</v>
      </c>
      <c r="BL10" s="191">
        <v>7</v>
      </c>
      <c r="BM10" s="191">
        <v>6</v>
      </c>
      <c r="BN10" s="191">
        <v>1</v>
      </c>
      <c r="BO10" s="194">
        <v>31</v>
      </c>
      <c r="BP10" s="195">
        <v>31</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0</v>
      </c>
      <c r="CR10" s="191">
        <v>1</v>
      </c>
      <c r="CS10" s="191">
        <v>2</v>
      </c>
      <c r="CT10" s="191">
        <v>2</v>
      </c>
      <c r="CU10" s="191">
        <v>5</v>
      </c>
      <c r="CV10" s="196">
        <v>10</v>
      </c>
      <c r="CW10" s="195">
        <v>10</v>
      </c>
    </row>
    <row r="11" spans="2:101" ht="21" customHeight="1" x14ac:dyDescent="0.2">
      <c r="B11" s="106" t="s">
        <v>8</v>
      </c>
      <c r="C11" s="190">
        <v>0</v>
      </c>
      <c r="D11" s="196">
        <v>0</v>
      </c>
      <c r="E11" s="207">
        <v>0</v>
      </c>
      <c r="F11" s="193">
        <v>0</v>
      </c>
      <c r="G11" s="191">
        <v>1</v>
      </c>
      <c r="H11" s="191">
        <v>0</v>
      </c>
      <c r="I11" s="191">
        <v>0</v>
      </c>
      <c r="J11" s="191">
        <v>0</v>
      </c>
      <c r="K11" s="191">
        <v>0</v>
      </c>
      <c r="L11" s="194">
        <v>1</v>
      </c>
      <c r="M11" s="195">
        <v>1</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28</v>
      </c>
      <c r="AD11" s="191">
        <v>40</v>
      </c>
      <c r="AE11" s="191">
        <v>8</v>
      </c>
      <c r="AF11" s="191">
        <v>7</v>
      </c>
      <c r="AG11" s="191">
        <v>2</v>
      </c>
      <c r="AH11" s="196">
        <v>85</v>
      </c>
      <c r="AI11" s="195">
        <v>85</v>
      </c>
      <c r="AJ11" s="190">
        <v>0</v>
      </c>
      <c r="AK11" s="191">
        <v>0</v>
      </c>
      <c r="AL11" s="196">
        <v>0</v>
      </c>
      <c r="AM11" s="193">
        <v>0</v>
      </c>
      <c r="AN11" s="191">
        <v>0</v>
      </c>
      <c r="AO11" s="191">
        <v>0</v>
      </c>
      <c r="AP11" s="191">
        <v>0</v>
      </c>
      <c r="AQ11" s="191">
        <v>0</v>
      </c>
      <c r="AR11" s="191">
        <v>0</v>
      </c>
      <c r="AS11" s="196">
        <v>0</v>
      </c>
      <c r="AT11" s="195">
        <v>0</v>
      </c>
      <c r="AU11" s="190">
        <v>0</v>
      </c>
      <c r="AV11" s="191">
        <v>1</v>
      </c>
      <c r="AW11" s="196">
        <v>1</v>
      </c>
      <c r="AX11" s="193">
        <v>0</v>
      </c>
      <c r="AY11" s="191">
        <v>2</v>
      </c>
      <c r="AZ11" s="191">
        <v>0</v>
      </c>
      <c r="BA11" s="191">
        <v>0</v>
      </c>
      <c r="BB11" s="191">
        <v>2</v>
      </c>
      <c r="BC11" s="191">
        <v>0</v>
      </c>
      <c r="BD11" s="196">
        <v>4</v>
      </c>
      <c r="BE11" s="195">
        <v>5</v>
      </c>
      <c r="BF11" s="190">
        <v>0</v>
      </c>
      <c r="BG11" s="191">
        <v>0</v>
      </c>
      <c r="BH11" s="196">
        <v>0</v>
      </c>
      <c r="BI11" s="193">
        <v>0</v>
      </c>
      <c r="BJ11" s="191">
        <v>2</v>
      </c>
      <c r="BK11" s="191">
        <v>2</v>
      </c>
      <c r="BL11" s="191">
        <v>5</v>
      </c>
      <c r="BM11" s="191">
        <v>3</v>
      </c>
      <c r="BN11" s="191">
        <v>1</v>
      </c>
      <c r="BO11" s="194">
        <v>13</v>
      </c>
      <c r="BP11" s="195">
        <v>13</v>
      </c>
      <c r="BQ11" s="190">
        <v>0</v>
      </c>
      <c r="BR11" s="191">
        <v>0</v>
      </c>
      <c r="BS11" s="196">
        <v>0</v>
      </c>
      <c r="BT11" s="193">
        <v>0</v>
      </c>
      <c r="BU11" s="191">
        <v>0</v>
      </c>
      <c r="BV11" s="191">
        <v>0</v>
      </c>
      <c r="BW11" s="191">
        <v>1</v>
      </c>
      <c r="BX11" s="191">
        <v>0</v>
      </c>
      <c r="BY11" s="191">
        <v>2</v>
      </c>
      <c r="BZ11" s="196">
        <v>3</v>
      </c>
      <c r="CA11" s="195">
        <v>3</v>
      </c>
      <c r="CB11" s="190">
        <v>0</v>
      </c>
      <c r="CC11" s="191">
        <v>0</v>
      </c>
      <c r="CD11" s="196">
        <v>0</v>
      </c>
      <c r="CE11" s="193">
        <v>0</v>
      </c>
      <c r="CF11" s="191">
        <v>0</v>
      </c>
      <c r="CG11" s="191">
        <v>0</v>
      </c>
      <c r="CH11" s="191">
        <v>0</v>
      </c>
      <c r="CI11" s="191">
        <v>0</v>
      </c>
      <c r="CJ11" s="191">
        <v>0</v>
      </c>
      <c r="CK11" s="196">
        <v>0</v>
      </c>
      <c r="CL11" s="195">
        <v>0</v>
      </c>
      <c r="CM11" s="190">
        <v>0</v>
      </c>
      <c r="CN11" s="191">
        <v>0</v>
      </c>
      <c r="CO11" s="196">
        <v>0</v>
      </c>
      <c r="CP11" s="193">
        <v>0</v>
      </c>
      <c r="CQ11" s="191">
        <v>3</v>
      </c>
      <c r="CR11" s="191">
        <v>1</v>
      </c>
      <c r="CS11" s="191">
        <v>1</v>
      </c>
      <c r="CT11" s="191">
        <v>1</v>
      </c>
      <c r="CU11" s="191">
        <v>0</v>
      </c>
      <c r="CV11" s="196">
        <v>6</v>
      </c>
      <c r="CW11" s="195">
        <v>6</v>
      </c>
    </row>
    <row r="12" spans="2:101" ht="21" customHeight="1" x14ac:dyDescent="0.2">
      <c r="B12" s="106" t="s">
        <v>9</v>
      </c>
      <c r="C12" s="190">
        <v>0</v>
      </c>
      <c r="D12" s="196">
        <v>0</v>
      </c>
      <c r="E12" s="207">
        <v>0</v>
      </c>
      <c r="F12" s="193">
        <v>0</v>
      </c>
      <c r="G12" s="191">
        <v>0</v>
      </c>
      <c r="H12" s="191">
        <v>0</v>
      </c>
      <c r="I12" s="191">
        <v>2</v>
      </c>
      <c r="J12" s="191">
        <v>0</v>
      </c>
      <c r="K12" s="191">
        <v>0</v>
      </c>
      <c r="L12" s="194">
        <v>2</v>
      </c>
      <c r="M12" s="195">
        <v>2</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7</v>
      </c>
      <c r="AD12" s="191">
        <v>21</v>
      </c>
      <c r="AE12" s="191">
        <v>13</v>
      </c>
      <c r="AF12" s="191">
        <v>9</v>
      </c>
      <c r="AG12" s="191">
        <v>4</v>
      </c>
      <c r="AH12" s="196">
        <v>94</v>
      </c>
      <c r="AI12" s="195">
        <v>94</v>
      </c>
      <c r="AJ12" s="190">
        <v>0</v>
      </c>
      <c r="AK12" s="191">
        <v>0</v>
      </c>
      <c r="AL12" s="196">
        <v>0</v>
      </c>
      <c r="AM12" s="193">
        <v>0</v>
      </c>
      <c r="AN12" s="191">
        <v>0</v>
      </c>
      <c r="AO12" s="191">
        <v>1</v>
      </c>
      <c r="AP12" s="191">
        <v>0</v>
      </c>
      <c r="AQ12" s="191">
        <v>0</v>
      </c>
      <c r="AR12" s="191">
        <v>1</v>
      </c>
      <c r="AS12" s="196">
        <v>2</v>
      </c>
      <c r="AT12" s="195">
        <v>2</v>
      </c>
      <c r="AU12" s="190">
        <v>0</v>
      </c>
      <c r="AV12" s="191">
        <v>0</v>
      </c>
      <c r="AW12" s="196">
        <v>0</v>
      </c>
      <c r="AX12" s="193">
        <v>0</v>
      </c>
      <c r="AY12" s="191">
        <v>1</v>
      </c>
      <c r="AZ12" s="191">
        <v>3</v>
      </c>
      <c r="BA12" s="191">
        <v>2</v>
      </c>
      <c r="BB12" s="191">
        <v>1</v>
      </c>
      <c r="BC12" s="191">
        <v>0</v>
      </c>
      <c r="BD12" s="196">
        <v>7</v>
      </c>
      <c r="BE12" s="195">
        <v>7</v>
      </c>
      <c r="BF12" s="190">
        <v>0</v>
      </c>
      <c r="BG12" s="191">
        <v>0</v>
      </c>
      <c r="BH12" s="196">
        <v>0</v>
      </c>
      <c r="BI12" s="193">
        <v>0</v>
      </c>
      <c r="BJ12" s="191">
        <v>2</v>
      </c>
      <c r="BK12" s="191">
        <v>3</v>
      </c>
      <c r="BL12" s="191">
        <v>8</v>
      </c>
      <c r="BM12" s="191">
        <v>5</v>
      </c>
      <c r="BN12" s="191">
        <v>1</v>
      </c>
      <c r="BO12" s="194">
        <v>19</v>
      </c>
      <c r="BP12" s="195">
        <v>19</v>
      </c>
      <c r="BQ12" s="190">
        <v>0</v>
      </c>
      <c r="BR12" s="191">
        <v>0</v>
      </c>
      <c r="BS12" s="196">
        <v>0</v>
      </c>
      <c r="BT12" s="193">
        <v>0</v>
      </c>
      <c r="BU12" s="191">
        <v>0</v>
      </c>
      <c r="BV12" s="191">
        <v>1</v>
      </c>
      <c r="BW12" s="191">
        <v>1</v>
      </c>
      <c r="BX12" s="191">
        <v>0</v>
      </c>
      <c r="BY12" s="191">
        <v>0</v>
      </c>
      <c r="BZ12" s="196">
        <v>2</v>
      </c>
      <c r="CA12" s="195">
        <v>2</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2</v>
      </c>
      <c r="CS12" s="191">
        <v>0</v>
      </c>
      <c r="CT12" s="191">
        <v>1</v>
      </c>
      <c r="CU12" s="191">
        <v>0</v>
      </c>
      <c r="CV12" s="196">
        <v>3</v>
      </c>
      <c r="CW12" s="195">
        <v>3</v>
      </c>
    </row>
    <row r="13" spans="2:101" ht="21" customHeight="1" x14ac:dyDescent="0.2">
      <c r="B13" s="106" t="s">
        <v>10</v>
      </c>
      <c r="C13" s="190">
        <v>0</v>
      </c>
      <c r="D13" s="196">
        <v>0</v>
      </c>
      <c r="E13" s="207">
        <v>0</v>
      </c>
      <c r="F13" s="193">
        <v>0</v>
      </c>
      <c r="G13" s="191">
        <v>1</v>
      </c>
      <c r="H13" s="191">
        <v>0</v>
      </c>
      <c r="I13" s="191">
        <v>1</v>
      </c>
      <c r="J13" s="191">
        <v>1</v>
      </c>
      <c r="K13" s="191">
        <v>1</v>
      </c>
      <c r="L13" s="194">
        <v>4</v>
      </c>
      <c r="M13" s="195">
        <v>4</v>
      </c>
      <c r="N13" s="190">
        <v>0</v>
      </c>
      <c r="O13" s="191">
        <v>0</v>
      </c>
      <c r="P13" s="196">
        <v>0</v>
      </c>
      <c r="Q13" s="193">
        <v>0</v>
      </c>
      <c r="R13" s="191">
        <v>2</v>
      </c>
      <c r="S13" s="191">
        <v>0</v>
      </c>
      <c r="T13" s="191">
        <v>1</v>
      </c>
      <c r="U13" s="191">
        <v>0</v>
      </c>
      <c r="V13" s="191">
        <v>0</v>
      </c>
      <c r="W13" s="196">
        <v>3</v>
      </c>
      <c r="X13" s="195">
        <v>3</v>
      </c>
      <c r="Y13" s="190">
        <v>0</v>
      </c>
      <c r="Z13" s="191">
        <v>0</v>
      </c>
      <c r="AA13" s="196">
        <v>0</v>
      </c>
      <c r="AB13" s="193">
        <v>0</v>
      </c>
      <c r="AC13" s="191">
        <v>42</v>
      </c>
      <c r="AD13" s="191">
        <v>20</v>
      </c>
      <c r="AE13" s="191">
        <v>6</v>
      </c>
      <c r="AF13" s="191">
        <v>2</v>
      </c>
      <c r="AG13" s="191">
        <v>2</v>
      </c>
      <c r="AH13" s="196">
        <v>72</v>
      </c>
      <c r="AI13" s="195">
        <v>72</v>
      </c>
      <c r="AJ13" s="190">
        <v>0</v>
      </c>
      <c r="AK13" s="191">
        <v>0</v>
      </c>
      <c r="AL13" s="196">
        <v>0</v>
      </c>
      <c r="AM13" s="193">
        <v>0</v>
      </c>
      <c r="AN13" s="191">
        <v>4</v>
      </c>
      <c r="AO13" s="191">
        <v>1</v>
      </c>
      <c r="AP13" s="191">
        <v>1</v>
      </c>
      <c r="AQ13" s="191">
        <v>0</v>
      </c>
      <c r="AR13" s="191">
        <v>0</v>
      </c>
      <c r="AS13" s="196">
        <v>6</v>
      </c>
      <c r="AT13" s="195">
        <v>6</v>
      </c>
      <c r="AU13" s="190">
        <v>0</v>
      </c>
      <c r="AV13" s="191">
        <v>1</v>
      </c>
      <c r="AW13" s="196">
        <v>1</v>
      </c>
      <c r="AX13" s="193">
        <v>0</v>
      </c>
      <c r="AY13" s="191">
        <v>4</v>
      </c>
      <c r="AZ13" s="191">
        <v>1</v>
      </c>
      <c r="BA13" s="191">
        <v>1</v>
      </c>
      <c r="BB13" s="191">
        <v>2</v>
      </c>
      <c r="BC13" s="191">
        <v>0</v>
      </c>
      <c r="BD13" s="196">
        <v>8</v>
      </c>
      <c r="BE13" s="195">
        <v>9</v>
      </c>
      <c r="BF13" s="190">
        <v>0</v>
      </c>
      <c r="BG13" s="191">
        <v>0</v>
      </c>
      <c r="BH13" s="196">
        <v>0</v>
      </c>
      <c r="BI13" s="193">
        <v>0</v>
      </c>
      <c r="BJ13" s="191">
        <v>6</v>
      </c>
      <c r="BK13" s="191">
        <v>7</v>
      </c>
      <c r="BL13" s="191">
        <v>8</v>
      </c>
      <c r="BM13" s="191">
        <v>5</v>
      </c>
      <c r="BN13" s="191">
        <v>4</v>
      </c>
      <c r="BO13" s="194">
        <v>30</v>
      </c>
      <c r="BP13" s="195">
        <v>30</v>
      </c>
      <c r="BQ13" s="190">
        <v>0</v>
      </c>
      <c r="BR13" s="191">
        <v>0</v>
      </c>
      <c r="BS13" s="196">
        <v>0</v>
      </c>
      <c r="BT13" s="193">
        <v>0</v>
      </c>
      <c r="BU13" s="191">
        <v>5</v>
      </c>
      <c r="BV13" s="191">
        <v>1</v>
      </c>
      <c r="BW13" s="191">
        <v>2</v>
      </c>
      <c r="BX13" s="191">
        <v>1</v>
      </c>
      <c r="BY13" s="191">
        <v>1</v>
      </c>
      <c r="BZ13" s="196">
        <v>10</v>
      </c>
      <c r="CA13" s="195">
        <v>10</v>
      </c>
      <c r="CB13" s="190">
        <v>0</v>
      </c>
      <c r="CC13" s="191">
        <v>0</v>
      </c>
      <c r="CD13" s="196">
        <v>0</v>
      </c>
      <c r="CE13" s="193">
        <v>0</v>
      </c>
      <c r="CF13" s="191">
        <v>0</v>
      </c>
      <c r="CG13" s="191">
        <v>1</v>
      </c>
      <c r="CH13" s="191">
        <v>1</v>
      </c>
      <c r="CI13" s="191">
        <v>3</v>
      </c>
      <c r="CJ13" s="191">
        <v>6</v>
      </c>
      <c r="CK13" s="196">
        <v>11</v>
      </c>
      <c r="CL13" s="195">
        <v>11</v>
      </c>
      <c r="CM13" s="190">
        <v>0</v>
      </c>
      <c r="CN13" s="191">
        <v>0</v>
      </c>
      <c r="CO13" s="196">
        <v>0</v>
      </c>
      <c r="CP13" s="193">
        <v>0</v>
      </c>
      <c r="CQ13" s="191">
        <v>2</v>
      </c>
      <c r="CR13" s="191">
        <v>3</v>
      </c>
      <c r="CS13" s="191">
        <v>3</v>
      </c>
      <c r="CT13" s="191">
        <v>2</v>
      </c>
      <c r="CU13" s="191">
        <v>0</v>
      </c>
      <c r="CV13" s="196">
        <v>10</v>
      </c>
      <c r="CW13" s="195">
        <v>10</v>
      </c>
    </row>
    <row r="14" spans="2:101" ht="21" customHeight="1" x14ac:dyDescent="0.2">
      <c r="B14" s="106" t="s">
        <v>11</v>
      </c>
      <c r="C14" s="190">
        <v>0</v>
      </c>
      <c r="D14" s="196">
        <v>0</v>
      </c>
      <c r="E14" s="207">
        <v>0</v>
      </c>
      <c r="F14" s="193">
        <v>0</v>
      </c>
      <c r="G14" s="191">
        <v>2</v>
      </c>
      <c r="H14" s="191">
        <v>0</v>
      </c>
      <c r="I14" s="191">
        <v>0</v>
      </c>
      <c r="J14" s="191">
        <v>0</v>
      </c>
      <c r="K14" s="191">
        <v>0</v>
      </c>
      <c r="L14" s="194">
        <v>2</v>
      </c>
      <c r="M14" s="195">
        <v>2</v>
      </c>
      <c r="N14" s="190">
        <v>0</v>
      </c>
      <c r="O14" s="191">
        <v>0</v>
      </c>
      <c r="P14" s="196">
        <v>0</v>
      </c>
      <c r="Q14" s="193">
        <v>0</v>
      </c>
      <c r="R14" s="191">
        <v>0</v>
      </c>
      <c r="S14" s="191">
        <v>1</v>
      </c>
      <c r="T14" s="191">
        <v>0</v>
      </c>
      <c r="U14" s="191">
        <v>0</v>
      </c>
      <c r="V14" s="191">
        <v>0</v>
      </c>
      <c r="W14" s="196">
        <v>1</v>
      </c>
      <c r="X14" s="195">
        <v>1</v>
      </c>
      <c r="Y14" s="190">
        <v>0</v>
      </c>
      <c r="Z14" s="191">
        <v>0</v>
      </c>
      <c r="AA14" s="196">
        <v>0</v>
      </c>
      <c r="AB14" s="193">
        <v>0</v>
      </c>
      <c r="AC14" s="191">
        <v>20</v>
      </c>
      <c r="AD14" s="191">
        <v>9</v>
      </c>
      <c r="AE14" s="191">
        <v>5</v>
      </c>
      <c r="AF14" s="191">
        <v>2</v>
      </c>
      <c r="AG14" s="191">
        <v>1</v>
      </c>
      <c r="AH14" s="196">
        <v>37</v>
      </c>
      <c r="AI14" s="195">
        <v>37</v>
      </c>
      <c r="AJ14" s="190">
        <v>0</v>
      </c>
      <c r="AK14" s="191">
        <v>0</v>
      </c>
      <c r="AL14" s="196">
        <v>0</v>
      </c>
      <c r="AM14" s="193">
        <v>0</v>
      </c>
      <c r="AN14" s="191">
        <v>0</v>
      </c>
      <c r="AO14" s="191">
        <v>1</v>
      </c>
      <c r="AP14" s="191">
        <v>2</v>
      </c>
      <c r="AQ14" s="191">
        <v>0</v>
      </c>
      <c r="AR14" s="191">
        <v>0</v>
      </c>
      <c r="AS14" s="196">
        <v>3</v>
      </c>
      <c r="AT14" s="195">
        <v>3</v>
      </c>
      <c r="AU14" s="190">
        <v>0</v>
      </c>
      <c r="AV14" s="191">
        <v>0</v>
      </c>
      <c r="AW14" s="196">
        <v>0</v>
      </c>
      <c r="AX14" s="193">
        <v>0</v>
      </c>
      <c r="AY14" s="191">
        <v>2</v>
      </c>
      <c r="AZ14" s="191">
        <v>2</v>
      </c>
      <c r="BA14" s="191">
        <v>1</v>
      </c>
      <c r="BB14" s="191">
        <v>0</v>
      </c>
      <c r="BC14" s="191">
        <v>0</v>
      </c>
      <c r="BD14" s="196">
        <v>5</v>
      </c>
      <c r="BE14" s="195">
        <v>5</v>
      </c>
      <c r="BF14" s="190">
        <v>0</v>
      </c>
      <c r="BG14" s="191">
        <v>0</v>
      </c>
      <c r="BH14" s="196">
        <v>0</v>
      </c>
      <c r="BI14" s="193">
        <v>0</v>
      </c>
      <c r="BJ14" s="191">
        <v>1</v>
      </c>
      <c r="BK14" s="191">
        <v>3</v>
      </c>
      <c r="BL14" s="191">
        <v>1</v>
      </c>
      <c r="BM14" s="191">
        <v>3</v>
      </c>
      <c r="BN14" s="191">
        <v>0</v>
      </c>
      <c r="BO14" s="194">
        <v>8</v>
      </c>
      <c r="BP14" s="195">
        <v>8</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1</v>
      </c>
      <c r="CR14" s="191">
        <v>1</v>
      </c>
      <c r="CS14" s="191">
        <v>1</v>
      </c>
      <c r="CT14" s="191">
        <v>0</v>
      </c>
      <c r="CU14" s="191">
        <v>1</v>
      </c>
      <c r="CV14" s="196">
        <v>4</v>
      </c>
      <c r="CW14" s="195">
        <v>4</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25</v>
      </c>
      <c r="AD15" s="191">
        <v>18</v>
      </c>
      <c r="AE15" s="191">
        <v>7</v>
      </c>
      <c r="AF15" s="191">
        <v>6</v>
      </c>
      <c r="AG15" s="191">
        <v>2</v>
      </c>
      <c r="AH15" s="196">
        <v>58</v>
      </c>
      <c r="AI15" s="195">
        <v>58</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3</v>
      </c>
      <c r="AZ15" s="191">
        <v>2</v>
      </c>
      <c r="BA15" s="191">
        <v>3</v>
      </c>
      <c r="BB15" s="191">
        <v>5</v>
      </c>
      <c r="BC15" s="191">
        <v>5</v>
      </c>
      <c r="BD15" s="196">
        <v>18</v>
      </c>
      <c r="BE15" s="195">
        <v>18</v>
      </c>
      <c r="BF15" s="190">
        <v>0</v>
      </c>
      <c r="BG15" s="191">
        <v>0</v>
      </c>
      <c r="BH15" s="196">
        <v>0</v>
      </c>
      <c r="BI15" s="193">
        <v>0</v>
      </c>
      <c r="BJ15" s="191">
        <v>3</v>
      </c>
      <c r="BK15" s="191">
        <v>0</v>
      </c>
      <c r="BL15" s="191">
        <v>1</v>
      </c>
      <c r="BM15" s="191">
        <v>2</v>
      </c>
      <c r="BN15" s="191">
        <v>1</v>
      </c>
      <c r="BO15" s="194">
        <v>7</v>
      </c>
      <c r="BP15" s="195">
        <v>7</v>
      </c>
      <c r="BQ15" s="190">
        <v>0</v>
      </c>
      <c r="BR15" s="191">
        <v>0</v>
      </c>
      <c r="BS15" s="196">
        <v>0</v>
      </c>
      <c r="BT15" s="193">
        <v>0</v>
      </c>
      <c r="BU15" s="191">
        <v>0</v>
      </c>
      <c r="BV15" s="191">
        <v>3</v>
      </c>
      <c r="BW15" s="191">
        <v>0</v>
      </c>
      <c r="BX15" s="191">
        <v>3</v>
      </c>
      <c r="BY15" s="191">
        <v>1</v>
      </c>
      <c r="BZ15" s="196">
        <v>7</v>
      </c>
      <c r="CA15" s="195">
        <v>7</v>
      </c>
      <c r="CB15" s="190">
        <v>0</v>
      </c>
      <c r="CC15" s="191">
        <v>0</v>
      </c>
      <c r="CD15" s="196">
        <v>0</v>
      </c>
      <c r="CE15" s="193">
        <v>0</v>
      </c>
      <c r="CF15" s="191">
        <v>0</v>
      </c>
      <c r="CG15" s="191">
        <v>0</v>
      </c>
      <c r="CH15" s="191">
        <v>0</v>
      </c>
      <c r="CI15" s="191">
        <v>1</v>
      </c>
      <c r="CJ15" s="191">
        <v>1</v>
      </c>
      <c r="CK15" s="196">
        <v>2</v>
      </c>
      <c r="CL15" s="195">
        <v>2</v>
      </c>
      <c r="CM15" s="190">
        <v>0</v>
      </c>
      <c r="CN15" s="191">
        <v>0</v>
      </c>
      <c r="CO15" s="196">
        <v>0</v>
      </c>
      <c r="CP15" s="193">
        <v>0</v>
      </c>
      <c r="CQ15" s="191">
        <v>0</v>
      </c>
      <c r="CR15" s="191">
        <v>1</v>
      </c>
      <c r="CS15" s="191">
        <v>0</v>
      </c>
      <c r="CT15" s="191">
        <v>2</v>
      </c>
      <c r="CU15" s="191">
        <v>0</v>
      </c>
      <c r="CV15" s="196">
        <v>3</v>
      </c>
      <c r="CW15" s="195">
        <v>3</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6</v>
      </c>
      <c r="AD16" s="191">
        <v>23</v>
      </c>
      <c r="AE16" s="191">
        <v>5</v>
      </c>
      <c r="AF16" s="191">
        <v>1</v>
      </c>
      <c r="AG16" s="191">
        <v>0</v>
      </c>
      <c r="AH16" s="196">
        <v>45</v>
      </c>
      <c r="AI16" s="195">
        <v>45</v>
      </c>
      <c r="AJ16" s="190">
        <v>0</v>
      </c>
      <c r="AK16" s="191">
        <v>0</v>
      </c>
      <c r="AL16" s="196">
        <v>0</v>
      </c>
      <c r="AM16" s="193">
        <v>0</v>
      </c>
      <c r="AN16" s="191">
        <v>0</v>
      </c>
      <c r="AO16" s="191">
        <v>1</v>
      </c>
      <c r="AP16" s="191">
        <v>0</v>
      </c>
      <c r="AQ16" s="191">
        <v>0</v>
      </c>
      <c r="AR16" s="191">
        <v>2</v>
      </c>
      <c r="AS16" s="196">
        <v>3</v>
      </c>
      <c r="AT16" s="195">
        <v>3</v>
      </c>
      <c r="AU16" s="190">
        <v>0</v>
      </c>
      <c r="AV16" s="191">
        <v>0</v>
      </c>
      <c r="AW16" s="196">
        <v>0</v>
      </c>
      <c r="AX16" s="193">
        <v>0</v>
      </c>
      <c r="AY16" s="191">
        <v>0</v>
      </c>
      <c r="AZ16" s="191">
        <v>1</v>
      </c>
      <c r="BA16" s="191">
        <v>0</v>
      </c>
      <c r="BB16" s="191">
        <v>0</v>
      </c>
      <c r="BC16" s="191">
        <v>1</v>
      </c>
      <c r="BD16" s="196">
        <v>2</v>
      </c>
      <c r="BE16" s="195">
        <v>2</v>
      </c>
      <c r="BF16" s="190">
        <v>0</v>
      </c>
      <c r="BG16" s="191">
        <v>0</v>
      </c>
      <c r="BH16" s="196">
        <v>0</v>
      </c>
      <c r="BI16" s="193">
        <v>0</v>
      </c>
      <c r="BJ16" s="191">
        <v>0</v>
      </c>
      <c r="BK16" s="191">
        <v>0</v>
      </c>
      <c r="BL16" s="191">
        <v>3</v>
      </c>
      <c r="BM16" s="191">
        <v>2</v>
      </c>
      <c r="BN16" s="191">
        <v>0</v>
      </c>
      <c r="BO16" s="194">
        <v>5</v>
      </c>
      <c r="BP16" s="195">
        <v>5</v>
      </c>
      <c r="BQ16" s="190">
        <v>0</v>
      </c>
      <c r="BR16" s="191">
        <v>0</v>
      </c>
      <c r="BS16" s="196">
        <v>0</v>
      </c>
      <c r="BT16" s="193">
        <v>0</v>
      </c>
      <c r="BU16" s="191">
        <v>0</v>
      </c>
      <c r="BV16" s="191">
        <v>0</v>
      </c>
      <c r="BW16" s="191">
        <v>0</v>
      </c>
      <c r="BX16" s="191">
        <v>0</v>
      </c>
      <c r="BY16" s="191">
        <v>0</v>
      </c>
      <c r="BZ16" s="196">
        <v>0</v>
      </c>
      <c r="CA16" s="195">
        <v>0</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0</v>
      </c>
      <c r="H17" s="191">
        <v>0</v>
      </c>
      <c r="I17" s="191">
        <v>0</v>
      </c>
      <c r="J17" s="191">
        <v>0</v>
      </c>
      <c r="K17" s="191">
        <v>0</v>
      </c>
      <c r="L17" s="194">
        <v>0</v>
      </c>
      <c r="M17" s="195">
        <v>0</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15</v>
      </c>
      <c r="AD17" s="191">
        <v>10</v>
      </c>
      <c r="AE17" s="191">
        <v>1</v>
      </c>
      <c r="AF17" s="191">
        <v>4</v>
      </c>
      <c r="AG17" s="191">
        <v>0</v>
      </c>
      <c r="AH17" s="196">
        <v>30</v>
      </c>
      <c r="AI17" s="195">
        <v>30</v>
      </c>
      <c r="AJ17" s="190">
        <v>0</v>
      </c>
      <c r="AK17" s="191">
        <v>0</v>
      </c>
      <c r="AL17" s="196">
        <v>0</v>
      </c>
      <c r="AM17" s="193">
        <v>0</v>
      </c>
      <c r="AN17" s="191">
        <v>0</v>
      </c>
      <c r="AO17" s="191">
        <v>0</v>
      </c>
      <c r="AP17" s="191">
        <v>0</v>
      </c>
      <c r="AQ17" s="191">
        <v>1</v>
      </c>
      <c r="AR17" s="191">
        <v>0</v>
      </c>
      <c r="AS17" s="196">
        <v>1</v>
      </c>
      <c r="AT17" s="195">
        <v>1</v>
      </c>
      <c r="AU17" s="190">
        <v>0</v>
      </c>
      <c r="AV17" s="191">
        <v>0</v>
      </c>
      <c r="AW17" s="196">
        <v>0</v>
      </c>
      <c r="AX17" s="193">
        <v>0</v>
      </c>
      <c r="AY17" s="191">
        <v>0</v>
      </c>
      <c r="AZ17" s="191">
        <v>1</v>
      </c>
      <c r="BA17" s="191">
        <v>0</v>
      </c>
      <c r="BB17" s="191">
        <v>0</v>
      </c>
      <c r="BC17" s="191">
        <v>1</v>
      </c>
      <c r="BD17" s="196">
        <v>2</v>
      </c>
      <c r="BE17" s="195">
        <v>2</v>
      </c>
      <c r="BF17" s="190">
        <v>0</v>
      </c>
      <c r="BG17" s="191">
        <v>0</v>
      </c>
      <c r="BH17" s="196">
        <v>0</v>
      </c>
      <c r="BI17" s="193">
        <v>0</v>
      </c>
      <c r="BJ17" s="191">
        <v>2</v>
      </c>
      <c r="BK17" s="191">
        <v>1</v>
      </c>
      <c r="BL17" s="191">
        <v>1</v>
      </c>
      <c r="BM17" s="191">
        <v>0</v>
      </c>
      <c r="BN17" s="191">
        <v>0</v>
      </c>
      <c r="BO17" s="194">
        <v>4</v>
      </c>
      <c r="BP17" s="195">
        <v>4</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1</v>
      </c>
      <c r="CK17" s="196">
        <v>1</v>
      </c>
      <c r="CL17" s="195">
        <v>1</v>
      </c>
      <c r="CM17" s="190">
        <v>0</v>
      </c>
      <c r="CN17" s="191">
        <v>0</v>
      </c>
      <c r="CO17" s="196">
        <v>0</v>
      </c>
      <c r="CP17" s="193">
        <v>0</v>
      </c>
      <c r="CQ17" s="191">
        <v>0</v>
      </c>
      <c r="CR17" s="191">
        <v>0</v>
      </c>
      <c r="CS17" s="191">
        <v>2</v>
      </c>
      <c r="CT17" s="191">
        <v>1</v>
      </c>
      <c r="CU17" s="191">
        <v>0</v>
      </c>
      <c r="CV17" s="196">
        <v>3</v>
      </c>
      <c r="CW17" s="195">
        <v>3</v>
      </c>
    </row>
    <row r="18" spans="2:101" ht="21" customHeight="1" x14ac:dyDescent="0.2">
      <c r="B18" s="106" t="s">
        <v>16</v>
      </c>
      <c r="C18" s="190">
        <v>0</v>
      </c>
      <c r="D18" s="196">
        <v>0</v>
      </c>
      <c r="E18" s="207">
        <v>0</v>
      </c>
      <c r="F18" s="193">
        <v>0</v>
      </c>
      <c r="G18" s="191">
        <v>0</v>
      </c>
      <c r="H18" s="191">
        <v>0</v>
      </c>
      <c r="I18" s="191">
        <v>0</v>
      </c>
      <c r="J18" s="191">
        <v>1</v>
      </c>
      <c r="K18" s="191">
        <v>0</v>
      </c>
      <c r="L18" s="194">
        <v>1</v>
      </c>
      <c r="M18" s="195">
        <v>1</v>
      </c>
      <c r="N18" s="190">
        <v>0</v>
      </c>
      <c r="O18" s="191">
        <v>0</v>
      </c>
      <c r="P18" s="196">
        <v>0</v>
      </c>
      <c r="Q18" s="193">
        <v>0</v>
      </c>
      <c r="R18" s="191">
        <v>0</v>
      </c>
      <c r="S18" s="191">
        <v>0</v>
      </c>
      <c r="T18" s="191">
        <v>0</v>
      </c>
      <c r="U18" s="191">
        <v>1</v>
      </c>
      <c r="V18" s="191">
        <v>0</v>
      </c>
      <c r="W18" s="196">
        <v>1</v>
      </c>
      <c r="X18" s="195">
        <v>1</v>
      </c>
      <c r="Y18" s="190">
        <v>0</v>
      </c>
      <c r="Z18" s="191">
        <v>0</v>
      </c>
      <c r="AA18" s="196">
        <v>0</v>
      </c>
      <c r="AB18" s="193">
        <v>0</v>
      </c>
      <c r="AC18" s="191">
        <v>11</v>
      </c>
      <c r="AD18" s="191">
        <v>8</v>
      </c>
      <c r="AE18" s="191">
        <v>6</v>
      </c>
      <c r="AF18" s="191">
        <v>2</v>
      </c>
      <c r="AG18" s="191">
        <v>0</v>
      </c>
      <c r="AH18" s="196">
        <v>27</v>
      </c>
      <c r="AI18" s="195">
        <v>27</v>
      </c>
      <c r="AJ18" s="190">
        <v>0</v>
      </c>
      <c r="AK18" s="191">
        <v>0</v>
      </c>
      <c r="AL18" s="196">
        <v>0</v>
      </c>
      <c r="AM18" s="193">
        <v>0</v>
      </c>
      <c r="AN18" s="191">
        <v>0</v>
      </c>
      <c r="AO18" s="191">
        <v>0</v>
      </c>
      <c r="AP18" s="191">
        <v>0</v>
      </c>
      <c r="AQ18" s="191">
        <v>0</v>
      </c>
      <c r="AR18" s="191">
        <v>0</v>
      </c>
      <c r="AS18" s="196">
        <v>0</v>
      </c>
      <c r="AT18" s="195">
        <v>0</v>
      </c>
      <c r="AU18" s="190">
        <v>0</v>
      </c>
      <c r="AV18" s="191">
        <v>0</v>
      </c>
      <c r="AW18" s="196">
        <v>0</v>
      </c>
      <c r="AX18" s="193">
        <v>0</v>
      </c>
      <c r="AY18" s="191">
        <v>1</v>
      </c>
      <c r="AZ18" s="191">
        <v>0</v>
      </c>
      <c r="BA18" s="191">
        <v>0</v>
      </c>
      <c r="BB18" s="191">
        <v>1</v>
      </c>
      <c r="BC18" s="191">
        <v>0</v>
      </c>
      <c r="BD18" s="196">
        <v>2</v>
      </c>
      <c r="BE18" s="195">
        <v>2</v>
      </c>
      <c r="BF18" s="190">
        <v>0</v>
      </c>
      <c r="BG18" s="191">
        <v>0</v>
      </c>
      <c r="BH18" s="196">
        <v>0</v>
      </c>
      <c r="BI18" s="193">
        <v>0</v>
      </c>
      <c r="BJ18" s="191">
        <v>1</v>
      </c>
      <c r="BK18" s="191">
        <v>2</v>
      </c>
      <c r="BL18" s="191">
        <v>0</v>
      </c>
      <c r="BM18" s="191">
        <v>1</v>
      </c>
      <c r="BN18" s="191">
        <v>1</v>
      </c>
      <c r="BO18" s="194">
        <v>5</v>
      </c>
      <c r="BP18" s="195">
        <v>5</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2</v>
      </c>
      <c r="CJ18" s="191">
        <v>0</v>
      </c>
      <c r="CK18" s="196">
        <v>2</v>
      </c>
      <c r="CL18" s="195">
        <v>2</v>
      </c>
      <c r="CM18" s="190">
        <v>0</v>
      </c>
      <c r="CN18" s="191">
        <v>0</v>
      </c>
      <c r="CO18" s="196">
        <v>0</v>
      </c>
      <c r="CP18" s="193">
        <v>0</v>
      </c>
      <c r="CQ18" s="191">
        <v>0</v>
      </c>
      <c r="CR18" s="191">
        <v>1</v>
      </c>
      <c r="CS18" s="191">
        <v>1</v>
      </c>
      <c r="CT18" s="191">
        <v>0</v>
      </c>
      <c r="CU18" s="191">
        <v>0</v>
      </c>
      <c r="CV18" s="196">
        <v>2</v>
      </c>
      <c r="CW18" s="195">
        <v>2</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30</v>
      </c>
      <c r="AD19" s="191">
        <v>31</v>
      </c>
      <c r="AE19" s="191">
        <v>4</v>
      </c>
      <c r="AF19" s="191">
        <v>2</v>
      </c>
      <c r="AG19" s="191">
        <v>2</v>
      </c>
      <c r="AH19" s="196">
        <v>69</v>
      </c>
      <c r="AI19" s="195">
        <v>69</v>
      </c>
      <c r="AJ19" s="190">
        <v>0</v>
      </c>
      <c r="AK19" s="191">
        <v>0</v>
      </c>
      <c r="AL19" s="196">
        <v>0</v>
      </c>
      <c r="AM19" s="193">
        <v>0</v>
      </c>
      <c r="AN19" s="191">
        <v>2</v>
      </c>
      <c r="AO19" s="191">
        <v>3</v>
      </c>
      <c r="AP19" s="191">
        <v>0</v>
      </c>
      <c r="AQ19" s="191">
        <v>0</v>
      </c>
      <c r="AR19" s="191">
        <v>0</v>
      </c>
      <c r="AS19" s="196">
        <v>5</v>
      </c>
      <c r="AT19" s="195">
        <v>5</v>
      </c>
      <c r="AU19" s="190">
        <v>0</v>
      </c>
      <c r="AV19" s="191">
        <v>0</v>
      </c>
      <c r="AW19" s="196">
        <v>0</v>
      </c>
      <c r="AX19" s="193">
        <v>0</v>
      </c>
      <c r="AY19" s="191">
        <v>0</v>
      </c>
      <c r="AZ19" s="191">
        <v>3</v>
      </c>
      <c r="BA19" s="191">
        <v>1</v>
      </c>
      <c r="BB19" s="191">
        <v>1</v>
      </c>
      <c r="BC19" s="191">
        <v>1</v>
      </c>
      <c r="BD19" s="196">
        <v>6</v>
      </c>
      <c r="BE19" s="195">
        <v>6</v>
      </c>
      <c r="BF19" s="190">
        <v>0</v>
      </c>
      <c r="BG19" s="191">
        <v>0</v>
      </c>
      <c r="BH19" s="196">
        <v>0</v>
      </c>
      <c r="BI19" s="193">
        <v>0</v>
      </c>
      <c r="BJ19" s="191">
        <v>0</v>
      </c>
      <c r="BK19" s="191">
        <v>2</v>
      </c>
      <c r="BL19" s="191">
        <v>2</v>
      </c>
      <c r="BM19" s="191">
        <v>0</v>
      </c>
      <c r="BN19" s="191">
        <v>0</v>
      </c>
      <c r="BO19" s="194">
        <v>4</v>
      </c>
      <c r="BP19" s="195">
        <v>4</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2</v>
      </c>
      <c r="CI19" s="191">
        <v>3</v>
      </c>
      <c r="CJ19" s="191">
        <v>1</v>
      </c>
      <c r="CK19" s="196">
        <v>6</v>
      </c>
      <c r="CL19" s="195">
        <v>6</v>
      </c>
      <c r="CM19" s="190">
        <v>0</v>
      </c>
      <c r="CN19" s="191">
        <v>0</v>
      </c>
      <c r="CO19" s="196">
        <v>0</v>
      </c>
      <c r="CP19" s="193">
        <v>0</v>
      </c>
      <c r="CQ19" s="191">
        <v>1</v>
      </c>
      <c r="CR19" s="191">
        <v>0</v>
      </c>
      <c r="CS19" s="191">
        <v>2</v>
      </c>
      <c r="CT19" s="191">
        <v>0</v>
      </c>
      <c r="CU19" s="191">
        <v>0</v>
      </c>
      <c r="CV19" s="196">
        <v>3</v>
      </c>
      <c r="CW19" s="195">
        <v>3</v>
      </c>
    </row>
    <row r="20" spans="2:101" ht="21" customHeight="1" x14ac:dyDescent="0.2">
      <c r="B20" s="106" t="s">
        <v>18</v>
      </c>
      <c r="C20" s="190">
        <v>0</v>
      </c>
      <c r="D20" s="196">
        <v>0</v>
      </c>
      <c r="E20" s="207">
        <v>0</v>
      </c>
      <c r="F20" s="193">
        <v>0</v>
      </c>
      <c r="G20" s="191">
        <v>1</v>
      </c>
      <c r="H20" s="191">
        <v>1</v>
      </c>
      <c r="I20" s="191">
        <v>1</v>
      </c>
      <c r="J20" s="191">
        <v>1</v>
      </c>
      <c r="K20" s="191">
        <v>0</v>
      </c>
      <c r="L20" s="194">
        <v>4</v>
      </c>
      <c r="M20" s="195">
        <v>4</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22</v>
      </c>
      <c r="AD20" s="191">
        <v>14</v>
      </c>
      <c r="AE20" s="191">
        <v>6</v>
      </c>
      <c r="AF20" s="191">
        <v>0</v>
      </c>
      <c r="AG20" s="191">
        <v>2</v>
      </c>
      <c r="AH20" s="196">
        <v>44</v>
      </c>
      <c r="AI20" s="195">
        <v>44</v>
      </c>
      <c r="AJ20" s="190">
        <v>0</v>
      </c>
      <c r="AK20" s="191">
        <v>0</v>
      </c>
      <c r="AL20" s="196">
        <v>0</v>
      </c>
      <c r="AM20" s="193">
        <v>0</v>
      </c>
      <c r="AN20" s="191">
        <v>1</v>
      </c>
      <c r="AO20" s="191">
        <v>1</v>
      </c>
      <c r="AP20" s="191">
        <v>5</v>
      </c>
      <c r="AQ20" s="191">
        <v>0</v>
      </c>
      <c r="AR20" s="191">
        <v>1</v>
      </c>
      <c r="AS20" s="196">
        <v>8</v>
      </c>
      <c r="AT20" s="195">
        <v>8</v>
      </c>
      <c r="AU20" s="190">
        <v>1</v>
      </c>
      <c r="AV20" s="191">
        <v>0</v>
      </c>
      <c r="AW20" s="196">
        <v>1</v>
      </c>
      <c r="AX20" s="193">
        <v>0</v>
      </c>
      <c r="AY20" s="191">
        <v>3</v>
      </c>
      <c r="AZ20" s="191">
        <v>2</v>
      </c>
      <c r="BA20" s="191">
        <v>4</v>
      </c>
      <c r="BB20" s="191">
        <v>2</v>
      </c>
      <c r="BC20" s="191">
        <v>0</v>
      </c>
      <c r="BD20" s="196">
        <v>11</v>
      </c>
      <c r="BE20" s="195">
        <v>12</v>
      </c>
      <c r="BF20" s="190">
        <v>0</v>
      </c>
      <c r="BG20" s="191">
        <v>0</v>
      </c>
      <c r="BH20" s="196">
        <v>0</v>
      </c>
      <c r="BI20" s="193">
        <v>0</v>
      </c>
      <c r="BJ20" s="191">
        <v>2</v>
      </c>
      <c r="BK20" s="191">
        <v>4</v>
      </c>
      <c r="BL20" s="191">
        <v>5</v>
      </c>
      <c r="BM20" s="191">
        <v>1</v>
      </c>
      <c r="BN20" s="191">
        <v>1</v>
      </c>
      <c r="BO20" s="194">
        <v>13</v>
      </c>
      <c r="BP20" s="195">
        <v>13</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1</v>
      </c>
      <c r="CI20" s="191">
        <v>0</v>
      </c>
      <c r="CJ20" s="191">
        <v>1</v>
      </c>
      <c r="CK20" s="196">
        <v>2</v>
      </c>
      <c r="CL20" s="195">
        <v>2</v>
      </c>
      <c r="CM20" s="190">
        <v>0</v>
      </c>
      <c r="CN20" s="191">
        <v>0</v>
      </c>
      <c r="CO20" s="196">
        <v>0</v>
      </c>
      <c r="CP20" s="193">
        <v>0</v>
      </c>
      <c r="CQ20" s="191">
        <v>0</v>
      </c>
      <c r="CR20" s="191">
        <v>0</v>
      </c>
      <c r="CS20" s="191">
        <v>2</v>
      </c>
      <c r="CT20" s="191">
        <v>1</v>
      </c>
      <c r="CU20" s="191">
        <v>0</v>
      </c>
      <c r="CV20" s="196">
        <v>3</v>
      </c>
      <c r="CW20" s="195">
        <v>3</v>
      </c>
    </row>
    <row r="21" spans="2:101" ht="21" customHeight="1" x14ac:dyDescent="0.2">
      <c r="B21" s="106" t="s">
        <v>19</v>
      </c>
      <c r="C21" s="190">
        <v>0</v>
      </c>
      <c r="D21" s="196">
        <v>0</v>
      </c>
      <c r="E21" s="207">
        <v>0</v>
      </c>
      <c r="F21" s="193">
        <v>0</v>
      </c>
      <c r="G21" s="191">
        <v>0</v>
      </c>
      <c r="H21" s="191">
        <v>0</v>
      </c>
      <c r="I21" s="191">
        <v>0</v>
      </c>
      <c r="J21" s="191">
        <v>0</v>
      </c>
      <c r="K21" s="191">
        <v>0</v>
      </c>
      <c r="L21" s="194">
        <v>0</v>
      </c>
      <c r="M21" s="195">
        <v>0</v>
      </c>
      <c r="N21" s="190">
        <v>0</v>
      </c>
      <c r="O21" s="191">
        <v>0</v>
      </c>
      <c r="P21" s="196">
        <v>0</v>
      </c>
      <c r="Q21" s="193">
        <v>0</v>
      </c>
      <c r="R21" s="191">
        <v>0</v>
      </c>
      <c r="S21" s="191">
        <v>0</v>
      </c>
      <c r="T21" s="191">
        <v>0</v>
      </c>
      <c r="U21" s="191">
        <v>0</v>
      </c>
      <c r="V21" s="191">
        <v>0</v>
      </c>
      <c r="W21" s="196">
        <v>0</v>
      </c>
      <c r="X21" s="195">
        <v>0</v>
      </c>
      <c r="Y21" s="190">
        <v>0</v>
      </c>
      <c r="Z21" s="191">
        <v>0</v>
      </c>
      <c r="AA21" s="196">
        <v>0</v>
      </c>
      <c r="AB21" s="193">
        <v>0</v>
      </c>
      <c r="AC21" s="191">
        <v>9</v>
      </c>
      <c r="AD21" s="191">
        <v>2</v>
      </c>
      <c r="AE21" s="191">
        <v>0</v>
      </c>
      <c r="AF21" s="191">
        <v>0</v>
      </c>
      <c r="AG21" s="191">
        <v>0</v>
      </c>
      <c r="AH21" s="196">
        <v>11</v>
      </c>
      <c r="AI21" s="195">
        <v>11</v>
      </c>
      <c r="AJ21" s="190">
        <v>0</v>
      </c>
      <c r="AK21" s="191">
        <v>0</v>
      </c>
      <c r="AL21" s="196">
        <v>0</v>
      </c>
      <c r="AM21" s="193">
        <v>0</v>
      </c>
      <c r="AN21" s="191">
        <v>2</v>
      </c>
      <c r="AO21" s="191">
        <v>2</v>
      </c>
      <c r="AP21" s="191">
        <v>0</v>
      </c>
      <c r="AQ21" s="191">
        <v>0</v>
      </c>
      <c r="AR21" s="191">
        <v>0</v>
      </c>
      <c r="AS21" s="196">
        <v>4</v>
      </c>
      <c r="AT21" s="195">
        <v>4</v>
      </c>
      <c r="AU21" s="190">
        <v>0</v>
      </c>
      <c r="AV21" s="191">
        <v>0</v>
      </c>
      <c r="AW21" s="196">
        <v>0</v>
      </c>
      <c r="AX21" s="193">
        <v>0</v>
      </c>
      <c r="AY21" s="191">
        <v>3</v>
      </c>
      <c r="AZ21" s="191">
        <v>3</v>
      </c>
      <c r="BA21" s="191">
        <v>4</v>
      </c>
      <c r="BB21" s="191">
        <v>0</v>
      </c>
      <c r="BC21" s="191">
        <v>0</v>
      </c>
      <c r="BD21" s="196">
        <v>10</v>
      </c>
      <c r="BE21" s="195">
        <v>10</v>
      </c>
      <c r="BF21" s="190">
        <v>0</v>
      </c>
      <c r="BG21" s="191">
        <v>0</v>
      </c>
      <c r="BH21" s="196">
        <v>0</v>
      </c>
      <c r="BI21" s="193">
        <v>0</v>
      </c>
      <c r="BJ21" s="191">
        <v>1</v>
      </c>
      <c r="BK21" s="191">
        <v>1</v>
      </c>
      <c r="BL21" s="191">
        <v>1</v>
      </c>
      <c r="BM21" s="191">
        <v>0</v>
      </c>
      <c r="BN21" s="191">
        <v>1</v>
      </c>
      <c r="BO21" s="194">
        <v>4</v>
      </c>
      <c r="BP21" s="195">
        <v>4</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1</v>
      </c>
      <c r="CS21" s="191">
        <v>1</v>
      </c>
      <c r="CT21" s="191">
        <v>0</v>
      </c>
      <c r="CU21" s="191">
        <v>4</v>
      </c>
      <c r="CV21" s="196">
        <v>6</v>
      </c>
      <c r="CW21" s="195">
        <v>6</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21</v>
      </c>
      <c r="AD22" s="191">
        <v>15</v>
      </c>
      <c r="AE22" s="191">
        <v>4</v>
      </c>
      <c r="AF22" s="191">
        <v>2</v>
      </c>
      <c r="AG22" s="191">
        <v>0</v>
      </c>
      <c r="AH22" s="196">
        <v>42</v>
      </c>
      <c r="AI22" s="195">
        <v>42</v>
      </c>
      <c r="AJ22" s="190">
        <v>0</v>
      </c>
      <c r="AK22" s="191">
        <v>0</v>
      </c>
      <c r="AL22" s="196">
        <v>0</v>
      </c>
      <c r="AM22" s="193">
        <v>0</v>
      </c>
      <c r="AN22" s="191">
        <v>0</v>
      </c>
      <c r="AO22" s="191">
        <v>0</v>
      </c>
      <c r="AP22" s="191">
        <v>0</v>
      </c>
      <c r="AQ22" s="191">
        <v>0</v>
      </c>
      <c r="AR22" s="191">
        <v>0</v>
      </c>
      <c r="AS22" s="196">
        <v>0</v>
      </c>
      <c r="AT22" s="195">
        <v>0</v>
      </c>
      <c r="AU22" s="190">
        <v>0</v>
      </c>
      <c r="AV22" s="191">
        <v>0</v>
      </c>
      <c r="AW22" s="196">
        <v>0</v>
      </c>
      <c r="AX22" s="193">
        <v>0</v>
      </c>
      <c r="AY22" s="191">
        <v>0</v>
      </c>
      <c r="AZ22" s="191">
        <v>0</v>
      </c>
      <c r="BA22" s="191">
        <v>2</v>
      </c>
      <c r="BB22" s="191">
        <v>0</v>
      </c>
      <c r="BC22" s="191">
        <v>0</v>
      </c>
      <c r="BD22" s="196">
        <v>2</v>
      </c>
      <c r="BE22" s="195">
        <v>2</v>
      </c>
      <c r="BF22" s="190">
        <v>0</v>
      </c>
      <c r="BG22" s="191">
        <v>0</v>
      </c>
      <c r="BH22" s="196">
        <v>0</v>
      </c>
      <c r="BI22" s="193">
        <v>0</v>
      </c>
      <c r="BJ22" s="191">
        <v>2</v>
      </c>
      <c r="BK22" s="191">
        <v>1</v>
      </c>
      <c r="BL22" s="191">
        <v>4</v>
      </c>
      <c r="BM22" s="191">
        <v>0</v>
      </c>
      <c r="BN22" s="191">
        <v>0</v>
      </c>
      <c r="BO22" s="194">
        <v>7</v>
      </c>
      <c r="BP22" s="195">
        <v>7</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1</v>
      </c>
      <c r="H23" s="191">
        <v>0</v>
      </c>
      <c r="I23" s="191">
        <v>0</v>
      </c>
      <c r="J23" s="191">
        <v>0</v>
      </c>
      <c r="K23" s="191">
        <v>0</v>
      </c>
      <c r="L23" s="194">
        <v>1</v>
      </c>
      <c r="M23" s="195">
        <v>1</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4</v>
      </c>
      <c r="AD23" s="191">
        <v>8</v>
      </c>
      <c r="AE23" s="191">
        <v>2</v>
      </c>
      <c r="AF23" s="191">
        <v>1</v>
      </c>
      <c r="AG23" s="191">
        <v>0</v>
      </c>
      <c r="AH23" s="196">
        <v>25</v>
      </c>
      <c r="AI23" s="195">
        <v>25</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0</v>
      </c>
      <c r="AZ23" s="191">
        <v>0</v>
      </c>
      <c r="BA23" s="191">
        <v>1</v>
      </c>
      <c r="BB23" s="191">
        <v>0</v>
      </c>
      <c r="BC23" s="191">
        <v>0</v>
      </c>
      <c r="BD23" s="196">
        <v>1</v>
      </c>
      <c r="BE23" s="195">
        <v>1</v>
      </c>
      <c r="BF23" s="190">
        <v>0</v>
      </c>
      <c r="BG23" s="191">
        <v>0</v>
      </c>
      <c r="BH23" s="196">
        <v>0</v>
      </c>
      <c r="BI23" s="193">
        <v>0</v>
      </c>
      <c r="BJ23" s="191">
        <v>2</v>
      </c>
      <c r="BK23" s="191">
        <v>3</v>
      </c>
      <c r="BL23" s="191">
        <v>0</v>
      </c>
      <c r="BM23" s="191">
        <v>1</v>
      </c>
      <c r="BN23" s="191">
        <v>0</v>
      </c>
      <c r="BO23" s="194">
        <v>6</v>
      </c>
      <c r="BP23" s="195">
        <v>6</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1</v>
      </c>
      <c r="I24" s="191">
        <v>2</v>
      </c>
      <c r="J24" s="191">
        <v>0</v>
      </c>
      <c r="K24" s="191">
        <v>0</v>
      </c>
      <c r="L24" s="194">
        <v>3</v>
      </c>
      <c r="M24" s="195">
        <v>3</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9</v>
      </c>
      <c r="AD24" s="191">
        <v>5</v>
      </c>
      <c r="AE24" s="191">
        <v>2</v>
      </c>
      <c r="AF24" s="191">
        <v>1</v>
      </c>
      <c r="AG24" s="191">
        <v>2</v>
      </c>
      <c r="AH24" s="196">
        <v>19</v>
      </c>
      <c r="AI24" s="195">
        <v>19</v>
      </c>
      <c r="AJ24" s="190">
        <v>0</v>
      </c>
      <c r="AK24" s="191">
        <v>0</v>
      </c>
      <c r="AL24" s="196">
        <v>0</v>
      </c>
      <c r="AM24" s="193">
        <v>0</v>
      </c>
      <c r="AN24" s="191">
        <v>0</v>
      </c>
      <c r="AO24" s="191">
        <v>0</v>
      </c>
      <c r="AP24" s="191">
        <v>1</v>
      </c>
      <c r="AQ24" s="191">
        <v>0</v>
      </c>
      <c r="AR24" s="191">
        <v>0</v>
      </c>
      <c r="AS24" s="196">
        <v>1</v>
      </c>
      <c r="AT24" s="195">
        <v>1</v>
      </c>
      <c r="AU24" s="190">
        <v>0</v>
      </c>
      <c r="AV24" s="191">
        <v>0</v>
      </c>
      <c r="AW24" s="196">
        <v>0</v>
      </c>
      <c r="AX24" s="193">
        <v>0</v>
      </c>
      <c r="AY24" s="191">
        <v>1</v>
      </c>
      <c r="AZ24" s="191">
        <v>0</v>
      </c>
      <c r="BA24" s="191">
        <v>2</v>
      </c>
      <c r="BB24" s="191">
        <v>0</v>
      </c>
      <c r="BC24" s="191">
        <v>0</v>
      </c>
      <c r="BD24" s="196">
        <v>3</v>
      </c>
      <c r="BE24" s="195">
        <v>3</v>
      </c>
      <c r="BF24" s="190">
        <v>0</v>
      </c>
      <c r="BG24" s="191">
        <v>0</v>
      </c>
      <c r="BH24" s="196">
        <v>0</v>
      </c>
      <c r="BI24" s="193">
        <v>0</v>
      </c>
      <c r="BJ24" s="191">
        <v>1</v>
      </c>
      <c r="BK24" s="191">
        <v>3</v>
      </c>
      <c r="BL24" s="191">
        <v>1</v>
      </c>
      <c r="BM24" s="191">
        <v>1</v>
      </c>
      <c r="BN24" s="191">
        <v>0</v>
      </c>
      <c r="BO24" s="194">
        <v>6</v>
      </c>
      <c r="BP24" s="195">
        <v>6</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1</v>
      </c>
      <c r="CH24" s="191">
        <v>0</v>
      </c>
      <c r="CI24" s="191">
        <v>4</v>
      </c>
      <c r="CJ24" s="191">
        <v>0</v>
      </c>
      <c r="CK24" s="196">
        <v>5</v>
      </c>
      <c r="CL24" s="195">
        <v>5</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0</v>
      </c>
      <c r="L25" s="194">
        <v>0</v>
      </c>
      <c r="M25" s="195">
        <v>0</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4</v>
      </c>
      <c r="AD25" s="191">
        <v>2</v>
      </c>
      <c r="AE25" s="191">
        <v>1</v>
      </c>
      <c r="AF25" s="191">
        <v>0</v>
      </c>
      <c r="AG25" s="191">
        <v>0</v>
      </c>
      <c r="AH25" s="196">
        <v>7</v>
      </c>
      <c r="AI25" s="195">
        <v>7</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0</v>
      </c>
      <c r="BB25" s="191">
        <v>0</v>
      </c>
      <c r="BC25" s="191">
        <v>0</v>
      </c>
      <c r="BD25" s="196">
        <v>0</v>
      </c>
      <c r="BE25" s="195">
        <v>0</v>
      </c>
      <c r="BF25" s="190">
        <v>0</v>
      </c>
      <c r="BG25" s="191">
        <v>0</v>
      </c>
      <c r="BH25" s="196">
        <v>0</v>
      </c>
      <c r="BI25" s="193">
        <v>0</v>
      </c>
      <c r="BJ25" s="191">
        <v>1</v>
      </c>
      <c r="BK25" s="191">
        <v>3</v>
      </c>
      <c r="BL25" s="191">
        <v>3</v>
      </c>
      <c r="BM25" s="191">
        <v>1</v>
      </c>
      <c r="BN25" s="191">
        <v>0</v>
      </c>
      <c r="BO25" s="194">
        <v>8</v>
      </c>
      <c r="BP25" s="195">
        <v>8</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1</v>
      </c>
      <c r="CU25" s="191">
        <v>0</v>
      </c>
      <c r="CV25" s="196">
        <v>1</v>
      </c>
      <c r="CW25" s="195">
        <v>1</v>
      </c>
    </row>
    <row r="26" spans="2:101" ht="21" customHeight="1" x14ac:dyDescent="0.2">
      <c r="B26" s="106" t="s">
        <v>24</v>
      </c>
      <c r="C26" s="190">
        <v>0</v>
      </c>
      <c r="D26" s="196">
        <v>0</v>
      </c>
      <c r="E26" s="207">
        <v>0</v>
      </c>
      <c r="F26" s="193">
        <v>0</v>
      </c>
      <c r="G26" s="191">
        <v>0</v>
      </c>
      <c r="H26" s="191">
        <v>0</v>
      </c>
      <c r="I26" s="191">
        <v>0</v>
      </c>
      <c r="J26" s="191">
        <v>1</v>
      </c>
      <c r="K26" s="191">
        <v>0</v>
      </c>
      <c r="L26" s="194">
        <v>1</v>
      </c>
      <c r="M26" s="195">
        <v>1</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5</v>
      </c>
      <c r="AD26" s="191">
        <v>2</v>
      </c>
      <c r="AE26" s="191">
        <v>1</v>
      </c>
      <c r="AF26" s="191">
        <v>0</v>
      </c>
      <c r="AG26" s="191">
        <v>2</v>
      </c>
      <c r="AH26" s="196">
        <v>10</v>
      </c>
      <c r="AI26" s="195">
        <v>10</v>
      </c>
      <c r="AJ26" s="190">
        <v>0</v>
      </c>
      <c r="AK26" s="191">
        <v>0</v>
      </c>
      <c r="AL26" s="196">
        <v>0</v>
      </c>
      <c r="AM26" s="193">
        <v>0</v>
      </c>
      <c r="AN26" s="191">
        <v>0</v>
      </c>
      <c r="AO26" s="191">
        <v>0</v>
      </c>
      <c r="AP26" s="191">
        <v>1</v>
      </c>
      <c r="AQ26" s="191">
        <v>0</v>
      </c>
      <c r="AR26" s="191">
        <v>1</v>
      </c>
      <c r="AS26" s="196">
        <v>2</v>
      </c>
      <c r="AT26" s="195">
        <v>2</v>
      </c>
      <c r="AU26" s="190">
        <v>1</v>
      </c>
      <c r="AV26" s="191">
        <v>0</v>
      </c>
      <c r="AW26" s="196">
        <v>1</v>
      </c>
      <c r="AX26" s="193">
        <v>0</v>
      </c>
      <c r="AY26" s="191">
        <v>0</v>
      </c>
      <c r="AZ26" s="191">
        <v>1</v>
      </c>
      <c r="BA26" s="191">
        <v>0</v>
      </c>
      <c r="BB26" s="191">
        <v>1</v>
      </c>
      <c r="BC26" s="191">
        <v>0</v>
      </c>
      <c r="BD26" s="196">
        <v>2</v>
      </c>
      <c r="BE26" s="195">
        <v>3</v>
      </c>
      <c r="BF26" s="190">
        <v>0</v>
      </c>
      <c r="BG26" s="191">
        <v>0</v>
      </c>
      <c r="BH26" s="196">
        <v>0</v>
      </c>
      <c r="BI26" s="193">
        <v>0</v>
      </c>
      <c r="BJ26" s="191">
        <v>0</v>
      </c>
      <c r="BK26" s="191">
        <v>0</v>
      </c>
      <c r="BL26" s="191">
        <v>3</v>
      </c>
      <c r="BM26" s="191">
        <v>0</v>
      </c>
      <c r="BN26" s="191">
        <v>0</v>
      </c>
      <c r="BO26" s="194">
        <v>3</v>
      </c>
      <c r="BP26" s="195">
        <v>3</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4</v>
      </c>
      <c r="AD27" s="191">
        <v>2</v>
      </c>
      <c r="AE27" s="191">
        <v>1</v>
      </c>
      <c r="AF27" s="191">
        <v>1</v>
      </c>
      <c r="AG27" s="191">
        <v>0</v>
      </c>
      <c r="AH27" s="196">
        <v>8</v>
      </c>
      <c r="AI27" s="195">
        <v>8</v>
      </c>
      <c r="AJ27" s="190">
        <v>0</v>
      </c>
      <c r="AK27" s="191">
        <v>0</v>
      </c>
      <c r="AL27" s="196">
        <v>0</v>
      </c>
      <c r="AM27" s="193">
        <v>0</v>
      </c>
      <c r="AN27" s="191">
        <v>0</v>
      </c>
      <c r="AO27" s="191">
        <v>0</v>
      </c>
      <c r="AP27" s="191">
        <v>0</v>
      </c>
      <c r="AQ27" s="191">
        <v>0</v>
      </c>
      <c r="AR27" s="191">
        <v>0</v>
      </c>
      <c r="AS27" s="196">
        <v>0</v>
      </c>
      <c r="AT27" s="195">
        <v>0</v>
      </c>
      <c r="AU27" s="190">
        <v>0</v>
      </c>
      <c r="AV27" s="191">
        <v>1</v>
      </c>
      <c r="AW27" s="196">
        <v>1</v>
      </c>
      <c r="AX27" s="193">
        <v>0</v>
      </c>
      <c r="AY27" s="191">
        <v>0</v>
      </c>
      <c r="AZ27" s="191">
        <v>0</v>
      </c>
      <c r="BA27" s="191">
        <v>0</v>
      </c>
      <c r="BB27" s="191">
        <v>0</v>
      </c>
      <c r="BC27" s="191">
        <v>0</v>
      </c>
      <c r="BD27" s="196">
        <v>0</v>
      </c>
      <c r="BE27" s="195">
        <v>1</v>
      </c>
      <c r="BF27" s="190">
        <v>0</v>
      </c>
      <c r="BG27" s="191">
        <v>0</v>
      </c>
      <c r="BH27" s="196">
        <v>0</v>
      </c>
      <c r="BI27" s="193">
        <v>0</v>
      </c>
      <c r="BJ27" s="191">
        <v>0</v>
      </c>
      <c r="BK27" s="191">
        <v>0</v>
      </c>
      <c r="BL27" s="191">
        <v>1</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6</v>
      </c>
      <c r="AD28" s="191">
        <v>1</v>
      </c>
      <c r="AE28" s="191">
        <v>4</v>
      </c>
      <c r="AF28" s="191">
        <v>0</v>
      </c>
      <c r="AG28" s="191">
        <v>0</v>
      </c>
      <c r="AH28" s="196">
        <v>11</v>
      </c>
      <c r="AI28" s="195">
        <v>11</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0</v>
      </c>
      <c r="BA28" s="191">
        <v>0</v>
      </c>
      <c r="BB28" s="191">
        <v>0</v>
      </c>
      <c r="BC28" s="191">
        <v>1</v>
      </c>
      <c r="BD28" s="196">
        <v>1</v>
      </c>
      <c r="BE28" s="195">
        <v>1</v>
      </c>
      <c r="BF28" s="190">
        <v>0</v>
      </c>
      <c r="BG28" s="191">
        <v>0</v>
      </c>
      <c r="BH28" s="196">
        <v>0</v>
      </c>
      <c r="BI28" s="193">
        <v>0</v>
      </c>
      <c r="BJ28" s="191">
        <v>0</v>
      </c>
      <c r="BK28" s="191">
        <v>0</v>
      </c>
      <c r="BL28" s="191">
        <v>1</v>
      </c>
      <c r="BM28" s="191">
        <v>1</v>
      </c>
      <c r="BN28" s="191">
        <v>1</v>
      </c>
      <c r="BO28" s="194">
        <v>3</v>
      </c>
      <c r="BP28" s="195">
        <v>3</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0</v>
      </c>
      <c r="AD29" s="191">
        <v>1</v>
      </c>
      <c r="AE29" s="191">
        <v>0</v>
      </c>
      <c r="AF29" s="191">
        <v>0</v>
      </c>
      <c r="AG29" s="191">
        <v>0</v>
      </c>
      <c r="AH29" s="196">
        <v>1</v>
      </c>
      <c r="AI29" s="195">
        <v>1</v>
      </c>
      <c r="AJ29" s="190">
        <v>0</v>
      </c>
      <c r="AK29" s="191">
        <v>0</v>
      </c>
      <c r="AL29" s="196">
        <v>0</v>
      </c>
      <c r="AM29" s="193">
        <v>0</v>
      </c>
      <c r="AN29" s="191">
        <v>1</v>
      </c>
      <c r="AO29" s="191">
        <v>0</v>
      </c>
      <c r="AP29" s="191">
        <v>1</v>
      </c>
      <c r="AQ29" s="191">
        <v>1</v>
      </c>
      <c r="AR29" s="191">
        <v>0</v>
      </c>
      <c r="AS29" s="196">
        <v>3</v>
      </c>
      <c r="AT29" s="195">
        <v>3</v>
      </c>
      <c r="AU29" s="190">
        <v>0</v>
      </c>
      <c r="AV29" s="191">
        <v>0</v>
      </c>
      <c r="AW29" s="196">
        <v>0</v>
      </c>
      <c r="AX29" s="193">
        <v>0</v>
      </c>
      <c r="AY29" s="191">
        <v>2</v>
      </c>
      <c r="AZ29" s="191">
        <v>1</v>
      </c>
      <c r="BA29" s="191">
        <v>0</v>
      </c>
      <c r="BB29" s="191">
        <v>0</v>
      </c>
      <c r="BC29" s="191">
        <v>0</v>
      </c>
      <c r="BD29" s="196">
        <v>3</v>
      </c>
      <c r="BE29" s="195">
        <v>3</v>
      </c>
      <c r="BF29" s="190">
        <v>0</v>
      </c>
      <c r="BG29" s="191">
        <v>0</v>
      </c>
      <c r="BH29" s="196">
        <v>0</v>
      </c>
      <c r="BI29" s="193">
        <v>0</v>
      </c>
      <c r="BJ29" s="191">
        <v>1</v>
      </c>
      <c r="BK29" s="191">
        <v>0</v>
      </c>
      <c r="BL29" s="191">
        <v>0</v>
      </c>
      <c r="BM29" s="191">
        <v>1</v>
      </c>
      <c r="BN29" s="191">
        <v>0</v>
      </c>
      <c r="BO29" s="194">
        <v>2</v>
      </c>
      <c r="BP29" s="195">
        <v>2</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1</v>
      </c>
      <c r="CI29" s="191">
        <v>2</v>
      </c>
      <c r="CJ29" s="191">
        <v>0</v>
      </c>
      <c r="CK29" s="196">
        <v>3</v>
      </c>
      <c r="CL29" s="195">
        <v>3</v>
      </c>
      <c r="CM29" s="190">
        <v>0</v>
      </c>
      <c r="CN29" s="191">
        <v>0</v>
      </c>
      <c r="CO29" s="196">
        <v>0</v>
      </c>
      <c r="CP29" s="193">
        <v>0</v>
      </c>
      <c r="CQ29" s="191">
        <v>0</v>
      </c>
      <c r="CR29" s="191">
        <v>0</v>
      </c>
      <c r="CS29" s="191">
        <v>0</v>
      </c>
      <c r="CT29" s="191">
        <v>0</v>
      </c>
      <c r="CU29" s="191">
        <v>0</v>
      </c>
      <c r="CV29" s="196">
        <v>0</v>
      </c>
      <c r="CW29" s="195">
        <v>0</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5</v>
      </c>
      <c r="AD30" s="191">
        <v>1</v>
      </c>
      <c r="AE30" s="191">
        <v>0</v>
      </c>
      <c r="AF30" s="191">
        <v>0</v>
      </c>
      <c r="AG30" s="191">
        <v>0</v>
      </c>
      <c r="AH30" s="196">
        <v>6</v>
      </c>
      <c r="AI30" s="195">
        <v>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0</v>
      </c>
      <c r="BM30" s="191">
        <v>0</v>
      </c>
      <c r="BN30" s="191">
        <v>1</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0</v>
      </c>
      <c r="H31" s="191">
        <v>0</v>
      </c>
      <c r="I31" s="191">
        <v>1</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0</v>
      </c>
      <c r="AD31" s="191">
        <v>2</v>
      </c>
      <c r="AE31" s="191">
        <v>1</v>
      </c>
      <c r="AF31" s="191">
        <v>0</v>
      </c>
      <c r="AG31" s="191">
        <v>0</v>
      </c>
      <c r="AH31" s="196">
        <v>3</v>
      </c>
      <c r="AI31" s="195">
        <v>3</v>
      </c>
      <c r="AJ31" s="190">
        <v>0</v>
      </c>
      <c r="AK31" s="191">
        <v>0</v>
      </c>
      <c r="AL31" s="196">
        <v>0</v>
      </c>
      <c r="AM31" s="193">
        <v>0</v>
      </c>
      <c r="AN31" s="191">
        <v>0</v>
      </c>
      <c r="AO31" s="191">
        <v>1</v>
      </c>
      <c r="AP31" s="191">
        <v>0</v>
      </c>
      <c r="AQ31" s="191">
        <v>0</v>
      </c>
      <c r="AR31" s="191">
        <v>0</v>
      </c>
      <c r="AS31" s="196">
        <v>1</v>
      </c>
      <c r="AT31" s="195">
        <v>1</v>
      </c>
      <c r="AU31" s="190">
        <v>0</v>
      </c>
      <c r="AV31" s="191">
        <v>0</v>
      </c>
      <c r="AW31" s="196">
        <v>0</v>
      </c>
      <c r="AX31" s="193">
        <v>0</v>
      </c>
      <c r="AY31" s="191">
        <v>0</v>
      </c>
      <c r="AZ31" s="191">
        <v>0</v>
      </c>
      <c r="BA31" s="191">
        <v>0</v>
      </c>
      <c r="BB31" s="191">
        <v>0</v>
      </c>
      <c r="BC31" s="191">
        <v>0</v>
      </c>
      <c r="BD31" s="196">
        <v>0</v>
      </c>
      <c r="BE31" s="195">
        <v>0</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v>
      </c>
      <c r="CI31" s="191">
        <v>0</v>
      </c>
      <c r="CJ31" s="191">
        <v>0</v>
      </c>
      <c r="CK31" s="196">
        <v>1</v>
      </c>
      <c r="CL31" s="195">
        <v>1</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0</v>
      </c>
      <c r="AD32" s="191">
        <v>0</v>
      </c>
      <c r="AE32" s="191">
        <v>1</v>
      </c>
      <c r="AF32" s="191">
        <v>0</v>
      </c>
      <c r="AG32" s="191">
        <v>0</v>
      </c>
      <c r="AH32" s="196">
        <v>1</v>
      </c>
      <c r="AI32" s="195">
        <v>1</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0</v>
      </c>
      <c r="BK32" s="191">
        <v>0</v>
      </c>
      <c r="BL32" s="191">
        <v>1</v>
      </c>
      <c r="BM32" s="191">
        <v>0</v>
      </c>
      <c r="BN32" s="191">
        <v>0</v>
      </c>
      <c r="BO32" s="194">
        <v>1</v>
      </c>
      <c r="BP32" s="195">
        <v>1</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0</v>
      </c>
      <c r="AD33" s="191">
        <v>1</v>
      </c>
      <c r="AE33" s="191">
        <v>0</v>
      </c>
      <c r="AF33" s="191">
        <v>0</v>
      </c>
      <c r="AG33" s="191">
        <v>0</v>
      </c>
      <c r="AH33" s="196">
        <v>1</v>
      </c>
      <c r="AI33" s="195">
        <v>1</v>
      </c>
      <c r="AJ33" s="190">
        <v>0</v>
      </c>
      <c r="AK33" s="191">
        <v>0</v>
      </c>
      <c r="AL33" s="196">
        <v>0</v>
      </c>
      <c r="AM33" s="193">
        <v>0</v>
      </c>
      <c r="AN33" s="191">
        <v>0</v>
      </c>
      <c r="AO33" s="191">
        <v>0</v>
      </c>
      <c r="AP33" s="191">
        <v>0</v>
      </c>
      <c r="AQ33" s="191">
        <v>1</v>
      </c>
      <c r="AR33" s="191">
        <v>0</v>
      </c>
      <c r="AS33" s="196">
        <v>1</v>
      </c>
      <c r="AT33" s="195">
        <v>1</v>
      </c>
      <c r="AU33" s="190">
        <v>0</v>
      </c>
      <c r="AV33" s="191">
        <v>0</v>
      </c>
      <c r="AW33" s="196">
        <v>0</v>
      </c>
      <c r="AX33" s="193">
        <v>0</v>
      </c>
      <c r="AY33" s="191">
        <v>1</v>
      </c>
      <c r="AZ33" s="191">
        <v>0</v>
      </c>
      <c r="BA33" s="191">
        <v>0</v>
      </c>
      <c r="BB33" s="191">
        <v>0</v>
      </c>
      <c r="BC33" s="191">
        <v>0</v>
      </c>
      <c r="BD33" s="196">
        <v>1</v>
      </c>
      <c r="BE33" s="195">
        <v>1</v>
      </c>
      <c r="BF33" s="190">
        <v>0</v>
      </c>
      <c r="BG33" s="191">
        <v>0</v>
      </c>
      <c r="BH33" s="196">
        <v>0</v>
      </c>
      <c r="BI33" s="193">
        <v>0</v>
      </c>
      <c r="BJ33" s="191">
        <v>0</v>
      </c>
      <c r="BK33" s="191">
        <v>2</v>
      </c>
      <c r="BL33" s="191">
        <v>0</v>
      </c>
      <c r="BM33" s="191">
        <v>1</v>
      </c>
      <c r="BN33" s="191">
        <v>1</v>
      </c>
      <c r="BO33" s="194">
        <v>4</v>
      </c>
      <c r="BP33" s="195">
        <v>4</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0</v>
      </c>
      <c r="I34" s="191">
        <v>0</v>
      </c>
      <c r="J34" s="191">
        <v>1</v>
      </c>
      <c r="K34" s="191">
        <v>0</v>
      </c>
      <c r="L34" s="194">
        <v>1</v>
      </c>
      <c r="M34" s="195">
        <v>1</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2</v>
      </c>
      <c r="AD34" s="191">
        <v>2</v>
      </c>
      <c r="AE34" s="191">
        <v>0</v>
      </c>
      <c r="AF34" s="191">
        <v>0</v>
      </c>
      <c r="AG34" s="191">
        <v>1</v>
      </c>
      <c r="AH34" s="196">
        <v>5</v>
      </c>
      <c r="AI34" s="195">
        <v>5</v>
      </c>
      <c r="AJ34" s="190">
        <v>0</v>
      </c>
      <c r="AK34" s="191">
        <v>0</v>
      </c>
      <c r="AL34" s="196">
        <v>0</v>
      </c>
      <c r="AM34" s="193">
        <v>0</v>
      </c>
      <c r="AN34" s="191">
        <v>0</v>
      </c>
      <c r="AO34" s="191">
        <v>0</v>
      </c>
      <c r="AP34" s="191">
        <v>0</v>
      </c>
      <c r="AQ34" s="191">
        <v>0</v>
      </c>
      <c r="AR34" s="191">
        <v>0</v>
      </c>
      <c r="AS34" s="196">
        <v>0</v>
      </c>
      <c r="AT34" s="195">
        <v>0</v>
      </c>
      <c r="AU34" s="190">
        <v>0</v>
      </c>
      <c r="AV34" s="191">
        <v>0</v>
      </c>
      <c r="AW34" s="196">
        <v>0</v>
      </c>
      <c r="AX34" s="193">
        <v>0</v>
      </c>
      <c r="AY34" s="191">
        <v>0</v>
      </c>
      <c r="AZ34" s="191">
        <v>0</v>
      </c>
      <c r="BA34" s="191">
        <v>0</v>
      </c>
      <c r="BB34" s="191">
        <v>0</v>
      </c>
      <c r="BC34" s="191">
        <v>0</v>
      </c>
      <c r="BD34" s="196">
        <v>0</v>
      </c>
      <c r="BE34" s="195">
        <v>0</v>
      </c>
      <c r="BF34" s="190">
        <v>0</v>
      </c>
      <c r="BG34" s="191">
        <v>0</v>
      </c>
      <c r="BH34" s="196">
        <v>0</v>
      </c>
      <c r="BI34" s="193">
        <v>0</v>
      </c>
      <c r="BJ34" s="191">
        <v>1</v>
      </c>
      <c r="BK34" s="191">
        <v>0</v>
      </c>
      <c r="BL34" s="191">
        <v>1</v>
      </c>
      <c r="BM34" s="191">
        <v>2</v>
      </c>
      <c r="BN34" s="191">
        <v>0</v>
      </c>
      <c r="BO34" s="194">
        <v>4</v>
      </c>
      <c r="BP34" s="195">
        <v>4</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2</v>
      </c>
      <c r="CI34" s="191">
        <v>0</v>
      </c>
      <c r="CJ34" s="191">
        <v>0</v>
      </c>
      <c r="CK34" s="196">
        <v>2</v>
      </c>
      <c r="CL34" s="195">
        <v>2</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1</v>
      </c>
      <c r="AD35" s="191">
        <v>0</v>
      </c>
      <c r="AE35" s="191">
        <v>0</v>
      </c>
      <c r="AF35" s="191">
        <v>0</v>
      </c>
      <c r="AG35" s="191">
        <v>0</v>
      </c>
      <c r="AH35" s="196">
        <v>1</v>
      </c>
      <c r="AI35" s="195">
        <v>1</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0</v>
      </c>
      <c r="BM35" s="191">
        <v>0</v>
      </c>
      <c r="BN35" s="191">
        <v>0</v>
      </c>
      <c r="BO35" s="194">
        <v>0</v>
      </c>
      <c r="BP35" s="195">
        <v>0</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2</v>
      </c>
      <c r="AD36" s="191">
        <v>2</v>
      </c>
      <c r="AE36" s="191">
        <v>0</v>
      </c>
      <c r="AF36" s="191">
        <v>0</v>
      </c>
      <c r="AG36" s="191">
        <v>0</v>
      </c>
      <c r="AH36" s="196">
        <v>4</v>
      </c>
      <c r="AI36" s="195">
        <v>4</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0</v>
      </c>
      <c r="AZ36" s="191">
        <v>1</v>
      </c>
      <c r="BA36" s="191">
        <v>1</v>
      </c>
      <c r="BB36" s="191">
        <v>0</v>
      </c>
      <c r="BC36" s="191">
        <v>0</v>
      </c>
      <c r="BD36" s="196">
        <v>2</v>
      </c>
      <c r="BE36" s="195">
        <v>2</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1</v>
      </c>
      <c r="J37" s="191">
        <v>0</v>
      </c>
      <c r="K37" s="191">
        <v>0</v>
      </c>
      <c r="L37" s="194">
        <v>1</v>
      </c>
      <c r="M37" s="195">
        <v>1</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0</v>
      </c>
      <c r="AD37" s="191">
        <v>0</v>
      </c>
      <c r="AE37" s="191">
        <v>0</v>
      </c>
      <c r="AF37" s="191">
        <v>0</v>
      </c>
      <c r="AG37" s="191">
        <v>0</v>
      </c>
      <c r="AH37" s="196">
        <v>0</v>
      </c>
      <c r="AI37" s="195">
        <v>0</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0</v>
      </c>
      <c r="AZ37" s="191">
        <v>0</v>
      </c>
      <c r="BA37" s="191">
        <v>0</v>
      </c>
      <c r="BB37" s="191">
        <v>0</v>
      </c>
      <c r="BC37" s="191">
        <v>0</v>
      </c>
      <c r="BD37" s="196">
        <v>0</v>
      </c>
      <c r="BE37" s="195">
        <v>0</v>
      </c>
      <c r="BF37" s="190">
        <v>0</v>
      </c>
      <c r="BG37" s="191">
        <v>0</v>
      </c>
      <c r="BH37" s="196">
        <v>0</v>
      </c>
      <c r="BI37" s="193">
        <v>0</v>
      </c>
      <c r="BJ37" s="191">
        <v>0</v>
      </c>
      <c r="BK37" s="191">
        <v>2</v>
      </c>
      <c r="BL37" s="191">
        <v>0</v>
      </c>
      <c r="BM37" s="191">
        <v>0</v>
      </c>
      <c r="BN37" s="191">
        <v>0</v>
      </c>
      <c r="BO37" s="194">
        <v>2</v>
      </c>
      <c r="BP37" s="195">
        <v>2</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4</v>
      </c>
      <c r="AD38" s="191">
        <v>1</v>
      </c>
      <c r="AE38" s="191">
        <v>0</v>
      </c>
      <c r="AF38" s="191">
        <v>0</v>
      </c>
      <c r="AG38" s="191">
        <v>0</v>
      </c>
      <c r="AH38" s="196">
        <v>5</v>
      </c>
      <c r="AI38" s="195">
        <v>5</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0</v>
      </c>
      <c r="BA38" s="191">
        <v>0</v>
      </c>
      <c r="BB38" s="191">
        <v>0</v>
      </c>
      <c r="BC38" s="191">
        <v>0</v>
      </c>
      <c r="BD38" s="196">
        <v>0</v>
      </c>
      <c r="BE38" s="195">
        <v>0</v>
      </c>
      <c r="BF38" s="190">
        <v>0</v>
      </c>
      <c r="BG38" s="191">
        <v>0</v>
      </c>
      <c r="BH38" s="196">
        <v>0</v>
      </c>
      <c r="BI38" s="193">
        <v>0</v>
      </c>
      <c r="BJ38" s="191">
        <v>0</v>
      </c>
      <c r="BK38" s="191">
        <v>0</v>
      </c>
      <c r="BL38" s="191">
        <v>0</v>
      </c>
      <c r="BM38" s="191">
        <v>1</v>
      </c>
      <c r="BN38" s="191">
        <v>0</v>
      </c>
      <c r="BO38" s="194">
        <v>1</v>
      </c>
      <c r="BP38" s="195">
        <v>1</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0">
        <f>第１表!F2</f>
        <v>6</v>
      </c>
      <c r="J1" s="440"/>
      <c r="K1" s="18">
        <f>第１表!G2</f>
        <v>12</v>
      </c>
      <c r="L1" s="445">
        <f>IF(K1&lt;3,K1+12-2,K1-2)</f>
        <v>10</v>
      </c>
      <c r="M1" s="445"/>
    </row>
    <row r="2" spans="2:101" s="71" customFormat="1" ht="24" customHeight="1" thickBot="1" x14ac:dyDescent="0.25">
      <c r="B2" s="142" t="s">
        <v>152</v>
      </c>
    </row>
    <row r="3" spans="2:101" ht="21" customHeight="1" thickBot="1" x14ac:dyDescent="0.25">
      <c r="B3" s="476"/>
      <c r="C3" s="470" t="s">
        <v>94</v>
      </c>
      <c r="D3" s="471"/>
      <c r="E3" s="471"/>
      <c r="F3" s="471"/>
      <c r="G3" s="471"/>
      <c r="H3" s="471"/>
      <c r="I3" s="471"/>
      <c r="J3" s="471"/>
      <c r="K3" s="471"/>
      <c r="L3" s="471"/>
      <c r="M3" s="472"/>
      <c r="N3" s="470" t="s">
        <v>88</v>
      </c>
      <c r="O3" s="471"/>
      <c r="P3" s="471"/>
      <c r="Q3" s="471"/>
      <c r="R3" s="471"/>
      <c r="S3" s="471"/>
      <c r="T3" s="471"/>
      <c r="U3" s="471"/>
      <c r="V3" s="471"/>
      <c r="W3" s="471"/>
      <c r="X3" s="472"/>
      <c r="Y3" s="470" t="s">
        <v>139</v>
      </c>
      <c r="Z3" s="471"/>
      <c r="AA3" s="471"/>
      <c r="AB3" s="471"/>
      <c r="AC3" s="471"/>
      <c r="AD3" s="471"/>
      <c r="AE3" s="471"/>
      <c r="AF3" s="471"/>
      <c r="AG3" s="471"/>
      <c r="AH3" s="471"/>
      <c r="AI3" s="472"/>
      <c r="AJ3" s="470" t="s">
        <v>90</v>
      </c>
      <c r="AK3" s="471"/>
      <c r="AL3" s="471"/>
      <c r="AM3" s="471"/>
      <c r="AN3" s="471"/>
      <c r="AO3" s="471"/>
      <c r="AP3" s="471"/>
      <c r="AQ3" s="471"/>
      <c r="AR3" s="471"/>
      <c r="AS3" s="471"/>
      <c r="AT3" s="472"/>
      <c r="AU3" s="479" t="s">
        <v>89</v>
      </c>
      <c r="AV3" s="480"/>
      <c r="AW3" s="480"/>
      <c r="AX3" s="480"/>
      <c r="AY3" s="480"/>
      <c r="AZ3" s="480"/>
      <c r="BA3" s="480"/>
      <c r="BB3" s="480"/>
      <c r="BC3" s="480"/>
      <c r="BD3" s="480"/>
      <c r="BE3" s="481"/>
      <c r="BF3" s="479" t="s">
        <v>91</v>
      </c>
      <c r="BG3" s="480"/>
      <c r="BH3" s="480"/>
      <c r="BI3" s="480"/>
      <c r="BJ3" s="480"/>
      <c r="BK3" s="480"/>
      <c r="BL3" s="480"/>
      <c r="BM3" s="480"/>
      <c r="BN3" s="480"/>
      <c r="BO3" s="480"/>
      <c r="BP3" s="481"/>
      <c r="BQ3" s="479" t="s">
        <v>92</v>
      </c>
      <c r="BR3" s="480"/>
      <c r="BS3" s="480"/>
      <c r="BT3" s="480"/>
      <c r="BU3" s="480"/>
      <c r="BV3" s="480"/>
      <c r="BW3" s="480"/>
      <c r="BX3" s="480"/>
      <c r="BY3" s="480"/>
      <c r="BZ3" s="480"/>
      <c r="CA3" s="481"/>
      <c r="CB3" s="479" t="s">
        <v>93</v>
      </c>
      <c r="CC3" s="480"/>
      <c r="CD3" s="480"/>
      <c r="CE3" s="480"/>
      <c r="CF3" s="480"/>
      <c r="CG3" s="480"/>
      <c r="CH3" s="480"/>
      <c r="CI3" s="480"/>
      <c r="CJ3" s="480"/>
      <c r="CK3" s="480"/>
      <c r="CL3" s="481"/>
      <c r="CM3" s="480" t="s">
        <v>138</v>
      </c>
      <c r="CN3" s="480"/>
      <c r="CO3" s="480"/>
      <c r="CP3" s="480"/>
      <c r="CQ3" s="480"/>
      <c r="CR3" s="480"/>
      <c r="CS3" s="480"/>
      <c r="CT3" s="480"/>
      <c r="CU3" s="480"/>
      <c r="CV3" s="480"/>
      <c r="CW3" s="481"/>
    </row>
    <row r="4" spans="2:101" ht="21" customHeight="1" x14ac:dyDescent="0.2">
      <c r="B4" s="477"/>
      <c r="C4" s="463" t="s">
        <v>61</v>
      </c>
      <c r="D4" s="464"/>
      <c r="E4" s="465"/>
      <c r="F4" s="466" t="s">
        <v>62</v>
      </c>
      <c r="G4" s="464"/>
      <c r="H4" s="464"/>
      <c r="I4" s="464"/>
      <c r="J4" s="464"/>
      <c r="K4" s="464"/>
      <c r="L4" s="469"/>
      <c r="M4" s="467" t="s">
        <v>52</v>
      </c>
      <c r="N4" s="463" t="s">
        <v>61</v>
      </c>
      <c r="O4" s="464"/>
      <c r="P4" s="465"/>
      <c r="Q4" s="466" t="s">
        <v>62</v>
      </c>
      <c r="R4" s="464"/>
      <c r="S4" s="464"/>
      <c r="T4" s="464"/>
      <c r="U4" s="464"/>
      <c r="V4" s="464"/>
      <c r="W4" s="465"/>
      <c r="X4" s="467" t="s">
        <v>52</v>
      </c>
      <c r="Y4" s="463" t="s">
        <v>61</v>
      </c>
      <c r="Z4" s="464"/>
      <c r="AA4" s="465"/>
      <c r="AB4" s="466" t="s">
        <v>62</v>
      </c>
      <c r="AC4" s="464"/>
      <c r="AD4" s="464"/>
      <c r="AE4" s="464"/>
      <c r="AF4" s="464"/>
      <c r="AG4" s="464"/>
      <c r="AH4" s="465"/>
      <c r="AI4" s="467" t="s">
        <v>52</v>
      </c>
      <c r="AJ4" s="463" t="s">
        <v>61</v>
      </c>
      <c r="AK4" s="464"/>
      <c r="AL4" s="465"/>
      <c r="AM4" s="466" t="s">
        <v>62</v>
      </c>
      <c r="AN4" s="464"/>
      <c r="AO4" s="464"/>
      <c r="AP4" s="464"/>
      <c r="AQ4" s="464"/>
      <c r="AR4" s="464"/>
      <c r="AS4" s="465"/>
      <c r="AT4" s="467" t="s">
        <v>52</v>
      </c>
      <c r="AU4" s="491" t="s">
        <v>61</v>
      </c>
      <c r="AV4" s="489"/>
      <c r="AW4" s="490"/>
      <c r="AX4" s="488" t="s">
        <v>62</v>
      </c>
      <c r="AY4" s="489"/>
      <c r="AZ4" s="489"/>
      <c r="BA4" s="489"/>
      <c r="BB4" s="489"/>
      <c r="BC4" s="489"/>
      <c r="BD4" s="490"/>
      <c r="BE4" s="492" t="s">
        <v>52</v>
      </c>
      <c r="BF4" s="491" t="s">
        <v>61</v>
      </c>
      <c r="BG4" s="489"/>
      <c r="BH4" s="490"/>
      <c r="BI4" s="488" t="s">
        <v>62</v>
      </c>
      <c r="BJ4" s="489"/>
      <c r="BK4" s="489"/>
      <c r="BL4" s="489"/>
      <c r="BM4" s="489"/>
      <c r="BN4" s="489"/>
      <c r="BO4" s="490"/>
      <c r="BP4" s="492" t="s">
        <v>52</v>
      </c>
      <c r="BQ4" s="491" t="s">
        <v>61</v>
      </c>
      <c r="BR4" s="489"/>
      <c r="BS4" s="490"/>
      <c r="BT4" s="488" t="s">
        <v>62</v>
      </c>
      <c r="BU4" s="489"/>
      <c r="BV4" s="489"/>
      <c r="BW4" s="489"/>
      <c r="BX4" s="489"/>
      <c r="BY4" s="489"/>
      <c r="BZ4" s="490"/>
      <c r="CA4" s="492" t="s">
        <v>52</v>
      </c>
      <c r="CB4" s="491" t="s">
        <v>61</v>
      </c>
      <c r="CC4" s="489"/>
      <c r="CD4" s="490"/>
      <c r="CE4" s="488" t="s">
        <v>62</v>
      </c>
      <c r="CF4" s="489"/>
      <c r="CG4" s="489"/>
      <c r="CH4" s="489"/>
      <c r="CI4" s="489"/>
      <c r="CJ4" s="489"/>
      <c r="CK4" s="490"/>
      <c r="CL4" s="492" t="s">
        <v>52</v>
      </c>
      <c r="CM4" s="491" t="s">
        <v>61</v>
      </c>
      <c r="CN4" s="489"/>
      <c r="CO4" s="490"/>
      <c r="CP4" s="488" t="s">
        <v>62</v>
      </c>
      <c r="CQ4" s="489"/>
      <c r="CR4" s="489"/>
      <c r="CS4" s="489"/>
      <c r="CT4" s="489"/>
      <c r="CU4" s="489"/>
      <c r="CV4" s="490"/>
      <c r="CW4" s="492" t="s">
        <v>52</v>
      </c>
    </row>
    <row r="5" spans="2:101" ht="30" customHeight="1" thickBot="1" x14ac:dyDescent="0.25">
      <c r="B5" s="478"/>
      <c r="C5" s="177" t="s">
        <v>43</v>
      </c>
      <c r="D5" s="182" t="s">
        <v>44</v>
      </c>
      <c r="E5" s="205" t="s">
        <v>45</v>
      </c>
      <c r="F5" s="180" t="s">
        <v>83</v>
      </c>
      <c r="G5" s="178" t="s">
        <v>47</v>
      </c>
      <c r="H5" s="178" t="s">
        <v>48</v>
      </c>
      <c r="I5" s="178" t="s">
        <v>49</v>
      </c>
      <c r="J5" s="178" t="s">
        <v>50</v>
      </c>
      <c r="K5" s="178" t="s">
        <v>51</v>
      </c>
      <c r="L5" s="181" t="s">
        <v>45</v>
      </c>
      <c r="M5" s="468"/>
      <c r="N5" s="177" t="s">
        <v>43</v>
      </c>
      <c r="O5" s="178" t="s">
        <v>44</v>
      </c>
      <c r="P5" s="182" t="s">
        <v>45</v>
      </c>
      <c r="Q5" s="180" t="s">
        <v>83</v>
      </c>
      <c r="R5" s="178" t="s">
        <v>47</v>
      </c>
      <c r="S5" s="178" t="s">
        <v>48</v>
      </c>
      <c r="T5" s="178" t="s">
        <v>49</v>
      </c>
      <c r="U5" s="178" t="s">
        <v>50</v>
      </c>
      <c r="V5" s="178" t="s">
        <v>51</v>
      </c>
      <c r="W5" s="182" t="s">
        <v>45</v>
      </c>
      <c r="X5" s="468"/>
      <c r="Y5" s="177" t="s">
        <v>43</v>
      </c>
      <c r="Z5" s="178" t="s">
        <v>44</v>
      </c>
      <c r="AA5" s="182" t="s">
        <v>45</v>
      </c>
      <c r="AB5" s="180" t="s">
        <v>83</v>
      </c>
      <c r="AC5" s="178" t="s">
        <v>47</v>
      </c>
      <c r="AD5" s="178" t="s">
        <v>48</v>
      </c>
      <c r="AE5" s="178" t="s">
        <v>49</v>
      </c>
      <c r="AF5" s="178" t="s">
        <v>50</v>
      </c>
      <c r="AG5" s="178" t="s">
        <v>51</v>
      </c>
      <c r="AH5" s="182" t="s">
        <v>45</v>
      </c>
      <c r="AI5" s="468"/>
      <c r="AJ5" s="177" t="s">
        <v>43</v>
      </c>
      <c r="AK5" s="178" t="s">
        <v>44</v>
      </c>
      <c r="AL5" s="182" t="s">
        <v>45</v>
      </c>
      <c r="AM5" s="180" t="s">
        <v>83</v>
      </c>
      <c r="AN5" s="178" t="s">
        <v>47</v>
      </c>
      <c r="AO5" s="178" t="s">
        <v>48</v>
      </c>
      <c r="AP5" s="178" t="s">
        <v>49</v>
      </c>
      <c r="AQ5" s="178" t="s">
        <v>50</v>
      </c>
      <c r="AR5" s="178" t="s">
        <v>51</v>
      </c>
      <c r="AS5" s="182" t="s">
        <v>45</v>
      </c>
      <c r="AT5" s="468"/>
      <c r="AU5" s="177" t="s">
        <v>43</v>
      </c>
      <c r="AV5" s="178" t="s">
        <v>44</v>
      </c>
      <c r="AW5" s="182" t="s">
        <v>45</v>
      </c>
      <c r="AX5" s="180" t="s">
        <v>83</v>
      </c>
      <c r="AY5" s="178" t="s">
        <v>47</v>
      </c>
      <c r="AZ5" s="178" t="s">
        <v>48</v>
      </c>
      <c r="BA5" s="178" t="s">
        <v>49</v>
      </c>
      <c r="BB5" s="178" t="s">
        <v>50</v>
      </c>
      <c r="BC5" s="178" t="s">
        <v>51</v>
      </c>
      <c r="BD5" s="182" t="s">
        <v>45</v>
      </c>
      <c r="BE5" s="493"/>
      <c r="BF5" s="177" t="s">
        <v>43</v>
      </c>
      <c r="BG5" s="178" t="s">
        <v>44</v>
      </c>
      <c r="BH5" s="182" t="s">
        <v>45</v>
      </c>
      <c r="BI5" s="180" t="s">
        <v>83</v>
      </c>
      <c r="BJ5" s="178" t="s">
        <v>47</v>
      </c>
      <c r="BK5" s="178" t="s">
        <v>48</v>
      </c>
      <c r="BL5" s="178" t="s">
        <v>49</v>
      </c>
      <c r="BM5" s="178" t="s">
        <v>50</v>
      </c>
      <c r="BN5" s="178" t="s">
        <v>51</v>
      </c>
      <c r="BO5" s="182" t="s">
        <v>45</v>
      </c>
      <c r="BP5" s="493"/>
      <c r="BQ5" s="177" t="s">
        <v>43</v>
      </c>
      <c r="BR5" s="178" t="s">
        <v>44</v>
      </c>
      <c r="BS5" s="182" t="s">
        <v>45</v>
      </c>
      <c r="BT5" s="180" t="s">
        <v>83</v>
      </c>
      <c r="BU5" s="178" t="s">
        <v>47</v>
      </c>
      <c r="BV5" s="178" t="s">
        <v>48</v>
      </c>
      <c r="BW5" s="178" t="s">
        <v>49</v>
      </c>
      <c r="BX5" s="178" t="s">
        <v>50</v>
      </c>
      <c r="BY5" s="178" t="s">
        <v>51</v>
      </c>
      <c r="BZ5" s="182" t="s">
        <v>45</v>
      </c>
      <c r="CA5" s="493"/>
      <c r="CB5" s="177" t="s">
        <v>43</v>
      </c>
      <c r="CC5" s="178" t="s">
        <v>44</v>
      </c>
      <c r="CD5" s="182" t="s">
        <v>45</v>
      </c>
      <c r="CE5" s="180" t="s">
        <v>83</v>
      </c>
      <c r="CF5" s="178" t="s">
        <v>47</v>
      </c>
      <c r="CG5" s="178" t="s">
        <v>48</v>
      </c>
      <c r="CH5" s="178" t="s">
        <v>49</v>
      </c>
      <c r="CI5" s="178" t="s">
        <v>50</v>
      </c>
      <c r="CJ5" s="178" t="s">
        <v>51</v>
      </c>
      <c r="CK5" s="182" t="s">
        <v>45</v>
      </c>
      <c r="CL5" s="493"/>
      <c r="CM5" s="177" t="s">
        <v>43</v>
      </c>
      <c r="CN5" s="178" t="s">
        <v>44</v>
      </c>
      <c r="CO5" s="182" t="s">
        <v>45</v>
      </c>
      <c r="CP5" s="180" t="s">
        <v>83</v>
      </c>
      <c r="CQ5" s="178" t="s">
        <v>47</v>
      </c>
      <c r="CR5" s="178" t="s">
        <v>48</v>
      </c>
      <c r="CS5" s="178" t="s">
        <v>49</v>
      </c>
      <c r="CT5" s="178" t="s">
        <v>50</v>
      </c>
      <c r="CU5" s="178" t="s">
        <v>51</v>
      </c>
      <c r="CV5" s="182" t="s">
        <v>45</v>
      </c>
      <c r="CW5" s="493"/>
    </row>
    <row r="6" spans="2:101" ht="21" customHeight="1" x14ac:dyDescent="0.2">
      <c r="B6" s="84" t="s">
        <v>4</v>
      </c>
      <c r="C6" s="183">
        <v>0</v>
      </c>
      <c r="D6" s="189">
        <v>0</v>
      </c>
      <c r="E6" s="206">
        <v>0</v>
      </c>
      <c r="F6" s="186">
        <v>0</v>
      </c>
      <c r="G6" s="184">
        <v>16</v>
      </c>
      <c r="H6" s="184">
        <v>36</v>
      </c>
      <c r="I6" s="184">
        <v>20</v>
      </c>
      <c r="J6" s="184">
        <v>27</v>
      </c>
      <c r="K6" s="184">
        <v>26</v>
      </c>
      <c r="L6" s="187">
        <v>125</v>
      </c>
      <c r="M6" s="188">
        <v>125</v>
      </c>
      <c r="N6" s="183">
        <v>0</v>
      </c>
      <c r="O6" s="184">
        <v>0</v>
      </c>
      <c r="P6" s="189">
        <v>0</v>
      </c>
      <c r="Q6" s="186">
        <v>0</v>
      </c>
      <c r="R6" s="184">
        <v>16</v>
      </c>
      <c r="S6" s="184">
        <v>34</v>
      </c>
      <c r="T6" s="184">
        <v>22</v>
      </c>
      <c r="U6" s="184">
        <v>23</v>
      </c>
      <c r="V6" s="184">
        <v>30</v>
      </c>
      <c r="W6" s="189">
        <v>125</v>
      </c>
      <c r="X6" s="188">
        <v>125</v>
      </c>
      <c r="Y6" s="183">
        <v>0</v>
      </c>
      <c r="Z6" s="184">
        <v>0</v>
      </c>
      <c r="AA6" s="189">
        <v>0</v>
      </c>
      <c r="AB6" s="186">
        <v>0</v>
      </c>
      <c r="AC6" s="184">
        <v>893</v>
      </c>
      <c r="AD6" s="184">
        <v>783</v>
      </c>
      <c r="AE6" s="184">
        <v>341</v>
      </c>
      <c r="AF6" s="184">
        <v>150</v>
      </c>
      <c r="AG6" s="184">
        <v>54</v>
      </c>
      <c r="AH6" s="189">
        <v>2221</v>
      </c>
      <c r="AI6" s="188">
        <v>2221</v>
      </c>
      <c r="AJ6" s="183">
        <v>1</v>
      </c>
      <c r="AK6" s="184">
        <v>0</v>
      </c>
      <c r="AL6" s="189">
        <v>1</v>
      </c>
      <c r="AM6" s="186">
        <v>0</v>
      </c>
      <c r="AN6" s="184">
        <v>48</v>
      </c>
      <c r="AO6" s="184">
        <v>63</v>
      </c>
      <c r="AP6" s="184">
        <v>63</v>
      </c>
      <c r="AQ6" s="184">
        <v>20</v>
      </c>
      <c r="AR6" s="184">
        <v>33</v>
      </c>
      <c r="AS6" s="189">
        <v>227</v>
      </c>
      <c r="AT6" s="188">
        <v>228</v>
      </c>
      <c r="AU6" s="183">
        <v>10</v>
      </c>
      <c r="AV6" s="184">
        <v>19</v>
      </c>
      <c r="AW6" s="189">
        <v>29</v>
      </c>
      <c r="AX6" s="186">
        <v>0</v>
      </c>
      <c r="AY6" s="184">
        <v>69</v>
      </c>
      <c r="AZ6" s="184">
        <v>55</v>
      </c>
      <c r="BA6" s="184">
        <v>57</v>
      </c>
      <c r="BB6" s="184">
        <v>39</v>
      </c>
      <c r="BC6" s="184">
        <v>17</v>
      </c>
      <c r="BD6" s="189">
        <v>237</v>
      </c>
      <c r="BE6" s="188">
        <v>266</v>
      </c>
      <c r="BF6" s="183">
        <v>0</v>
      </c>
      <c r="BG6" s="184">
        <v>1</v>
      </c>
      <c r="BH6" s="189">
        <v>1</v>
      </c>
      <c r="BI6" s="186">
        <v>0</v>
      </c>
      <c r="BJ6" s="184">
        <v>81</v>
      </c>
      <c r="BK6" s="184">
        <v>126</v>
      </c>
      <c r="BL6" s="184">
        <v>141</v>
      </c>
      <c r="BM6" s="184">
        <v>81</v>
      </c>
      <c r="BN6" s="184">
        <v>79</v>
      </c>
      <c r="BO6" s="187">
        <v>508</v>
      </c>
      <c r="BP6" s="188">
        <v>509</v>
      </c>
      <c r="BQ6" s="183">
        <v>0</v>
      </c>
      <c r="BR6" s="184">
        <v>0</v>
      </c>
      <c r="BS6" s="189">
        <v>0</v>
      </c>
      <c r="BT6" s="186">
        <v>0</v>
      </c>
      <c r="BU6" s="184">
        <v>1</v>
      </c>
      <c r="BV6" s="184">
        <v>3</v>
      </c>
      <c r="BW6" s="184">
        <v>10</v>
      </c>
      <c r="BX6" s="184">
        <v>6</v>
      </c>
      <c r="BY6" s="184">
        <v>5</v>
      </c>
      <c r="BZ6" s="189">
        <v>25</v>
      </c>
      <c r="CA6" s="188">
        <v>25</v>
      </c>
      <c r="CB6" s="183">
        <v>0</v>
      </c>
      <c r="CC6" s="184">
        <v>0</v>
      </c>
      <c r="CD6" s="189">
        <v>0</v>
      </c>
      <c r="CE6" s="186">
        <v>0</v>
      </c>
      <c r="CF6" s="184">
        <v>0</v>
      </c>
      <c r="CG6" s="184">
        <v>1</v>
      </c>
      <c r="CH6" s="184">
        <v>9</v>
      </c>
      <c r="CI6" s="184">
        <v>24</v>
      </c>
      <c r="CJ6" s="184">
        <v>6</v>
      </c>
      <c r="CK6" s="189">
        <v>40</v>
      </c>
      <c r="CL6" s="188">
        <v>40</v>
      </c>
      <c r="CM6" s="183">
        <v>0</v>
      </c>
      <c r="CN6" s="184">
        <v>0</v>
      </c>
      <c r="CO6" s="189">
        <v>0</v>
      </c>
      <c r="CP6" s="186">
        <v>0</v>
      </c>
      <c r="CQ6" s="184">
        <v>16</v>
      </c>
      <c r="CR6" s="184">
        <v>20</v>
      </c>
      <c r="CS6" s="184">
        <v>14</v>
      </c>
      <c r="CT6" s="184">
        <v>22</v>
      </c>
      <c r="CU6" s="184">
        <v>36</v>
      </c>
      <c r="CV6" s="189">
        <v>108</v>
      </c>
      <c r="CW6" s="188">
        <v>108</v>
      </c>
    </row>
    <row r="7" spans="2:101" ht="21" customHeight="1" x14ac:dyDescent="0.2">
      <c r="B7" s="95" t="s">
        <v>5</v>
      </c>
      <c r="C7" s="190">
        <v>0</v>
      </c>
      <c r="D7" s="196">
        <v>0</v>
      </c>
      <c r="E7" s="207">
        <v>0</v>
      </c>
      <c r="F7" s="193">
        <v>0</v>
      </c>
      <c r="G7" s="191">
        <v>6</v>
      </c>
      <c r="H7" s="191">
        <v>15</v>
      </c>
      <c r="I7" s="191">
        <v>13</v>
      </c>
      <c r="J7" s="191">
        <v>13</v>
      </c>
      <c r="K7" s="191">
        <v>9</v>
      </c>
      <c r="L7" s="194">
        <v>56</v>
      </c>
      <c r="M7" s="195">
        <v>56</v>
      </c>
      <c r="N7" s="190">
        <v>0</v>
      </c>
      <c r="O7" s="191">
        <v>0</v>
      </c>
      <c r="P7" s="196">
        <v>0</v>
      </c>
      <c r="Q7" s="193">
        <v>0</v>
      </c>
      <c r="R7" s="191">
        <v>9</v>
      </c>
      <c r="S7" s="191">
        <v>27</v>
      </c>
      <c r="T7" s="191">
        <v>18</v>
      </c>
      <c r="U7" s="191">
        <v>16</v>
      </c>
      <c r="V7" s="191">
        <v>22</v>
      </c>
      <c r="W7" s="196">
        <v>92</v>
      </c>
      <c r="X7" s="195">
        <v>92</v>
      </c>
      <c r="Y7" s="190">
        <v>0</v>
      </c>
      <c r="Z7" s="191">
        <v>0</v>
      </c>
      <c r="AA7" s="196">
        <v>0</v>
      </c>
      <c r="AB7" s="193">
        <v>0</v>
      </c>
      <c r="AC7" s="191">
        <v>373</v>
      </c>
      <c r="AD7" s="191">
        <v>416</v>
      </c>
      <c r="AE7" s="191">
        <v>182</v>
      </c>
      <c r="AF7" s="191">
        <v>69</v>
      </c>
      <c r="AG7" s="191">
        <v>18</v>
      </c>
      <c r="AH7" s="196">
        <v>1058</v>
      </c>
      <c r="AI7" s="195">
        <v>1058</v>
      </c>
      <c r="AJ7" s="190">
        <v>0</v>
      </c>
      <c r="AK7" s="191">
        <v>0</v>
      </c>
      <c r="AL7" s="196">
        <v>0</v>
      </c>
      <c r="AM7" s="193">
        <v>0</v>
      </c>
      <c r="AN7" s="191">
        <v>23</v>
      </c>
      <c r="AO7" s="191">
        <v>35</v>
      </c>
      <c r="AP7" s="191">
        <v>33</v>
      </c>
      <c r="AQ7" s="191">
        <v>9</v>
      </c>
      <c r="AR7" s="191">
        <v>24</v>
      </c>
      <c r="AS7" s="196">
        <v>124</v>
      </c>
      <c r="AT7" s="195">
        <v>124</v>
      </c>
      <c r="AU7" s="190">
        <v>4</v>
      </c>
      <c r="AV7" s="191">
        <v>10</v>
      </c>
      <c r="AW7" s="196">
        <v>14</v>
      </c>
      <c r="AX7" s="193">
        <v>0</v>
      </c>
      <c r="AY7" s="191">
        <v>33</v>
      </c>
      <c r="AZ7" s="191">
        <v>23</v>
      </c>
      <c r="BA7" s="191">
        <v>28</v>
      </c>
      <c r="BB7" s="191">
        <v>21</v>
      </c>
      <c r="BC7" s="191">
        <v>9</v>
      </c>
      <c r="BD7" s="196">
        <v>114</v>
      </c>
      <c r="BE7" s="195">
        <v>128</v>
      </c>
      <c r="BF7" s="190">
        <v>0</v>
      </c>
      <c r="BG7" s="191">
        <v>0</v>
      </c>
      <c r="BH7" s="196">
        <v>0</v>
      </c>
      <c r="BI7" s="193">
        <v>0</v>
      </c>
      <c r="BJ7" s="191">
        <v>33</v>
      </c>
      <c r="BK7" s="191">
        <v>52</v>
      </c>
      <c r="BL7" s="191">
        <v>55</v>
      </c>
      <c r="BM7" s="191">
        <v>32</v>
      </c>
      <c r="BN7" s="191">
        <v>34</v>
      </c>
      <c r="BO7" s="194">
        <v>206</v>
      </c>
      <c r="BP7" s="195">
        <v>206</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0</v>
      </c>
      <c r="CG7" s="191">
        <v>0</v>
      </c>
      <c r="CH7" s="191">
        <v>0</v>
      </c>
      <c r="CI7" s="191">
        <v>1</v>
      </c>
      <c r="CJ7" s="191">
        <v>0</v>
      </c>
      <c r="CK7" s="196">
        <v>1</v>
      </c>
      <c r="CL7" s="195">
        <v>1</v>
      </c>
      <c r="CM7" s="190">
        <v>0</v>
      </c>
      <c r="CN7" s="191">
        <v>0</v>
      </c>
      <c r="CO7" s="196">
        <v>0</v>
      </c>
      <c r="CP7" s="193">
        <v>0</v>
      </c>
      <c r="CQ7" s="191">
        <v>1</v>
      </c>
      <c r="CR7" s="191">
        <v>5</v>
      </c>
      <c r="CS7" s="191">
        <v>1</v>
      </c>
      <c r="CT7" s="191">
        <v>8</v>
      </c>
      <c r="CU7" s="191">
        <v>10</v>
      </c>
      <c r="CV7" s="196">
        <v>25</v>
      </c>
      <c r="CW7" s="195">
        <v>25</v>
      </c>
    </row>
    <row r="8" spans="2:101" ht="21" customHeight="1" x14ac:dyDescent="0.2">
      <c r="B8" s="106" t="s">
        <v>6</v>
      </c>
      <c r="C8" s="190">
        <v>0</v>
      </c>
      <c r="D8" s="196">
        <v>0</v>
      </c>
      <c r="E8" s="207">
        <v>0</v>
      </c>
      <c r="F8" s="193">
        <v>0</v>
      </c>
      <c r="G8" s="191">
        <v>5</v>
      </c>
      <c r="H8" s="191">
        <v>7</v>
      </c>
      <c r="I8" s="191">
        <v>3</v>
      </c>
      <c r="J8" s="191">
        <v>9</v>
      </c>
      <c r="K8" s="191">
        <v>8</v>
      </c>
      <c r="L8" s="194">
        <v>32</v>
      </c>
      <c r="M8" s="195">
        <v>32</v>
      </c>
      <c r="N8" s="190">
        <v>0</v>
      </c>
      <c r="O8" s="191">
        <v>0</v>
      </c>
      <c r="P8" s="196">
        <v>0</v>
      </c>
      <c r="Q8" s="193">
        <v>0</v>
      </c>
      <c r="R8" s="191">
        <v>7</v>
      </c>
      <c r="S8" s="191">
        <v>5</v>
      </c>
      <c r="T8" s="191">
        <v>4</v>
      </c>
      <c r="U8" s="191">
        <v>5</v>
      </c>
      <c r="V8" s="191">
        <v>8</v>
      </c>
      <c r="W8" s="196">
        <v>29</v>
      </c>
      <c r="X8" s="195">
        <v>29</v>
      </c>
      <c r="Y8" s="190">
        <v>0</v>
      </c>
      <c r="Z8" s="191">
        <v>0</v>
      </c>
      <c r="AA8" s="196">
        <v>0</v>
      </c>
      <c r="AB8" s="193">
        <v>0</v>
      </c>
      <c r="AC8" s="191">
        <v>132</v>
      </c>
      <c r="AD8" s="191">
        <v>99</v>
      </c>
      <c r="AE8" s="191">
        <v>48</v>
      </c>
      <c r="AF8" s="191">
        <v>28</v>
      </c>
      <c r="AG8" s="191">
        <v>9</v>
      </c>
      <c r="AH8" s="196">
        <v>316</v>
      </c>
      <c r="AI8" s="195">
        <v>316</v>
      </c>
      <c r="AJ8" s="190">
        <v>0</v>
      </c>
      <c r="AK8" s="191">
        <v>0</v>
      </c>
      <c r="AL8" s="196">
        <v>0</v>
      </c>
      <c r="AM8" s="193">
        <v>0</v>
      </c>
      <c r="AN8" s="191">
        <v>9</v>
      </c>
      <c r="AO8" s="191">
        <v>16</v>
      </c>
      <c r="AP8" s="191">
        <v>17</v>
      </c>
      <c r="AQ8" s="191">
        <v>5</v>
      </c>
      <c r="AR8" s="191">
        <v>7</v>
      </c>
      <c r="AS8" s="196">
        <v>54</v>
      </c>
      <c r="AT8" s="195">
        <v>54</v>
      </c>
      <c r="AU8" s="190">
        <v>1</v>
      </c>
      <c r="AV8" s="191">
        <v>4</v>
      </c>
      <c r="AW8" s="196">
        <v>5</v>
      </c>
      <c r="AX8" s="193">
        <v>0</v>
      </c>
      <c r="AY8" s="191">
        <v>7</v>
      </c>
      <c r="AZ8" s="191">
        <v>8</v>
      </c>
      <c r="BA8" s="191">
        <v>10</v>
      </c>
      <c r="BB8" s="191">
        <v>5</v>
      </c>
      <c r="BC8" s="191">
        <v>3</v>
      </c>
      <c r="BD8" s="196">
        <v>33</v>
      </c>
      <c r="BE8" s="195">
        <v>38</v>
      </c>
      <c r="BF8" s="190">
        <v>0</v>
      </c>
      <c r="BG8" s="191">
        <v>0</v>
      </c>
      <c r="BH8" s="196">
        <v>0</v>
      </c>
      <c r="BI8" s="193">
        <v>0</v>
      </c>
      <c r="BJ8" s="191">
        <v>17</v>
      </c>
      <c r="BK8" s="191">
        <v>30</v>
      </c>
      <c r="BL8" s="191">
        <v>26</v>
      </c>
      <c r="BM8" s="191">
        <v>17</v>
      </c>
      <c r="BN8" s="191">
        <v>15</v>
      </c>
      <c r="BO8" s="194">
        <v>105</v>
      </c>
      <c r="BP8" s="195">
        <v>105</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1</v>
      </c>
      <c r="CH8" s="191">
        <v>5</v>
      </c>
      <c r="CI8" s="191">
        <v>9</v>
      </c>
      <c r="CJ8" s="191">
        <v>2</v>
      </c>
      <c r="CK8" s="196">
        <v>17</v>
      </c>
      <c r="CL8" s="195">
        <v>17</v>
      </c>
      <c r="CM8" s="190">
        <v>0</v>
      </c>
      <c r="CN8" s="191">
        <v>0</v>
      </c>
      <c r="CO8" s="196">
        <v>0</v>
      </c>
      <c r="CP8" s="193">
        <v>0</v>
      </c>
      <c r="CQ8" s="191">
        <v>5</v>
      </c>
      <c r="CR8" s="191">
        <v>8</v>
      </c>
      <c r="CS8" s="191">
        <v>8</v>
      </c>
      <c r="CT8" s="191">
        <v>5</v>
      </c>
      <c r="CU8" s="191">
        <v>15</v>
      </c>
      <c r="CV8" s="196">
        <v>41</v>
      </c>
      <c r="CW8" s="195">
        <v>41</v>
      </c>
    </row>
    <row r="9" spans="2:101" ht="21" customHeight="1" x14ac:dyDescent="0.2">
      <c r="B9" s="106" t="s">
        <v>14</v>
      </c>
      <c r="C9" s="190">
        <v>0</v>
      </c>
      <c r="D9" s="196">
        <v>0</v>
      </c>
      <c r="E9" s="207">
        <v>0</v>
      </c>
      <c r="F9" s="193">
        <v>0</v>
      </c>
      <c r="G9" s="191">
        <v>0</v>
      </c>
      <c r="H9" s="191">
        <v>4</v>
      </c>
      <c r="I9" s="191">
        <v>1</v>
      </c>
      <c r="J9" s="191">
        <v>0</v>
      </c>
      <c r="K9" s="191">
        <v>2</v>
      </c>
      <c r="L9" s="194">
        <v>7</v>
      </c>
      <c r="M9" s="195">
        <v>7</v>
      </c>
      <c r="N9" s="190">
        <v>0</v>
      </c>
      <c r="O9" s="191">
        <v>0</v>
      </c>
      <c r="P9" s="196">
        <v>0</v>
      </c>
      <c r="Q9" s="193">
        <v>0</v>
      </c>
      <c r="R9" s="191">
        <v>0</v>
      </c>
      <c r="S9" s="191">
        <v>0</v>
      </c>
      <c r="T9" s="191">
        <v>0</v>
      </c>
      <c r="U9" s="191">
        <v>0</v>
      </c>
      <c r="V9" s="191">
        <v>0</v>
      </c>
      <c r="W9" s="196">
        <v>0</v>
      </c>
      <c r="X9" s="195">
        <v>0</v>
      </c>
      <c r="Y9" s="190">
        <v>0</v>
      </c>
      <c r="Z9" s="191">
        <v>0</v>
      </c>
      <c r="AA9" s="196">
        <v>0</v>
      </c>
      <c r="AB9" s="193">
        <v>0</v>
      </c>
      <c r="AC9" s="191">
        <v>47</v>
      </c>
      <c r="AD9" s="191">
        <v>62</v>
      </c>
      <c r="AE9" s="191">
        <v>23</v>
      </c>
      <c r="AF9" s="191">
        <v>9</v>
      </c>
      <c r="AG9" s="191">
        <v>6</v>
      </c>
      <c r="AH9" s="196">
        <v>147</v>
      </c>
      <c r="AI9" s="195">
        <v>147</v>
      </c>
      <c r="AJ9" s="190">
        <v>0</v>
      </c>
      <c r="AK9" s="191">
        <v>0</v>
      </c>
      <c r="AL9" s="196">
        <v>0</v>
      </c>
      <c r="AM9" s="193">
        <v>0</v>
      </c>
      <c r="AN9" s="191">
        <v>0</v>
      </c>
      <c r="AO9" s="191">
        <v>1</v>
      </c>
      <c r="AP9" s="191">
        <v>0</v>
      </c>
      <c r="AQ9" s="191">
        <v>2</v>
      </c>
      <c r="AR9" s="191">
        <v>0</v>
      </c>
      <c r="AS9" s="196">
        <v>3</v>
      </c>
      <c r="AT9" s="195">
        <v>3</v>
      </c>
      <c r="AU9" s="190">
        <v>2</v>
      </c>
      <c r="AV9" s="191">
        <v>0</v>
      </c>
      <c r="AW9" s="196">
        <v>2</v>
      </c>
      <c r="AX9" s="193">
        <v>0</v>
      </c>
      <c r="AY9" s="191">
        <v>4</v>
      </c>
      <c r="AZ9" s="191">
        <v>7</v>
      </c>
      <c r="BA9" s="191">
        <v>4</v>
      </c>
      <c r="BB9" s="191">
        <v>4</v>
      </c>
      <c r="BC9" s="191">
        <v>1</v>
      </c>
      <c r="BD9" s="196">
        <v>20</v>
      </c>
      <c r="BE9" s="195">
        <v>22</v>
      </c>
      <c r="BF9" s="190">
        <v>0</v>
      </c>
      <c r="BG9" s="191">
        <v>0</v>
      </c>
      <c r="BH9" s="196">
        <v>0</v>
      </c>
      <c r="BI9" s="193">
        <v>0</v>
      </c>
      <c r="BJ9" s="191">
        <v>7</v>
      </c>
      <c r="BK9" s="191">
        <v>6</v>
      </c>
      <c r="BL9" s="191">
        <v>14</v>
      </c>
      <c r="BM9" s="191">
        <v>5</v>
      </c>
      <c r="BN9" s="191">
        <v>6</v>
      </c>
      <c r="BO9" s="194">
        <v>38</v>
      </c>
      <c r="BP9" s="195">
        <v>38</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0</v>
      </c>
      <c r="CI9" s="191">
        <v>4</v>
      </c>
      <c r="CJ9" s="191">
        <v>0</v>
      </c>
      <c r="CK9" s="196">
        <v>4</v>
      </c>
      <c r="CL9" s="195">
        <v>4</v>
      </c>
      <c r="CM9" s="190">
        <v>0</v>
      </c>
      <c r="CN9" s="191">
        <v>0</v>
      </c>
      <c r="CO9" s="196">
        <v>0</v>
      </c>
      <c r="CP9" s="193">
        <v>0</v>
      </c>
      <c r="CQ9" s="191">
        <v>2</v>
      </c>
      <c r="CR9" s="191">
        <v>1</v>
      </c>
      <c r="CS9" s="191">
        <v>0</v>
      </c>
      <c r="CT9" s="191">
        <v>4</v>
      </c>
      <c r="CU9" s="191">
        <v>1</v>
      </c>
      <c r="CV9" s="196">
        <v>8</v>
      </c>
      <c r="CW9" s="195">
        <v>8</v>
      </c>
    </row>
    <row r="10" spans="2:101" ht="21" customHeight="1" x14ac:dyDescent="0.2">
      <c r="B10" s="106" t="s">
        <v>7</v>
      </c>
      <c r="C10" s="190">
        <v>0</v>
      </c>
      <c r="D10" s="196">
        <v>0</v>
      </c>
      <c r="E10" s="207">
        <v>0</v>
      </c>
      <c r="F10" s="193">
        <v>0</v>
      </c>
      <c r="G10" s="191">
        <v>0</v>
      </c>
      <c r="H10" s="191">
        <v>1</v>
      </c>
      <c r="I10" s="191">
        <v>0</v>
      </c>
      <c r="J10" s="191">
        <v>0</v>
      </c>
      <c r="K10" s="191">
        <v>1</v>
      </c>
      <c r="L10" s="194">
        <v>2</v>
      </c>
      <c r="M10" s="195">
        <v>2</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46</v>
      </c>
      <c r="AD10" s="191">
        <v>18</v>
      </c>
      <c r="AE10" s="191">
        <v>7</v>
      </c>
      <c r="AF10" s="191">
        <v>4</v>
      </c>
      <c r="AG10" s="191">
        <v>2</v>
      </c>
      <c r="AH10" s="196">
        <v>77</v>
      </c>
      <c r="AI10" s="195">
        <v>77</v>
      </c>
      <c r="AJ10" s="190">
        <v>0</v>
      </c>
      <c r="AK10" s="191">
        <v>0</v>
      </c>
      <c r="AL10" s="196">
        <v>0</v>
      </c>
      <c r="AM10" s="193">
        <v>0</v>
      </c>
      <c r="AN10" s="191">
        <v>4</v>
      </c>
      <c r="AO10" s="191">
        <v>2</v>
      </c>
      <c r="AP10" s="191">
        <v>5</v>
      </c>
      <c r="AQ10" s="191">
        <v>2</v>
      </c>
      <c r="AR10" s="191">
        <v>0</v>
      </c>
      <c r="AS10" s="196">
        <v>13</v>
      </c>
      <c r="AT10" s="195">
        <v>13</v>
      </c>
      <c r="AU10" s="190">
        <v>0</v>
      </c>
      <c r="AV10" s="191">
        <v>0</v>
      </c>
      <c r="AW10" s="196">
        <v>0</v>
      </c>
      <c r="AX10" s="193">
        <v>0</v>
      </c>
      <c r="AY10" s="191">
        <v>2</v>
      </c>
      <c r="AZ10" s="191">
        <v>0</v>
      </c>
      <c r="BA10" s="191">
        <v>1</v>
      </c>
      <c r="BB10" s="191">
        <v>0</v>
      </c>
      <c r="BC10" s="191">
        <v>0</v>
      </c>
      <c r="BD10" s="196">
        <v>3</v>
      </c>
      <c r="BE10" s="195">
        <v>3</v>
      </c>
      <c r="BF10" s="190">
        <v>0</v>
      </c>
      <c r="BG10" s="191">
        <v>0</v>
      </c>
      <c r="BH10" s="196">
        <v>0</v>
      </c>
      <c r="BI10" s="193">
        <v>0</v>
      </c>
      <c r="BJ10" s="191">
        <v>3</v>
      </c>
      <c r="BK10" s="191">
        <v>5</v>
      </c>
      <c r="BL10" s="191">
        <v>4</v>
      </c>
      <c r="BM10" s="191">
        <v>4</v>
      </c>
      <c r="BN10" s="191">
        <v>3</v>
      </c>
      <c r="BO10" s="194">
        <v>19</v>
      </c>
      <c r="BP10" s="195">
        <v>19</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v>
      </c>
      <c r="CR10" s="191">
        <v>0</v>
      </c>
      <c r="CS10" s="191">
        <v>0</v>
      </c>
      <c r="CT10" s="191">
        <v>0</v>
      </c>
      <c r="CU10" s="191">
        <v>0</v>
      </c>
      <c r="CV10" s="196">
        <v>1</v>
      </c>
      <c r="CW10" s="195">
        <v>1</v>
      </c>
    </row>
    <row r="11" spans="2:101" ht="21" customHeight="1" x14ac:dyDescent="0.2">
      <c r="B11" s="106" t="s">
        <v>8</v>
      </c>
      <c r="C11" s="190">
        <v>0</v>
      </c>
      <c r="D11" s="196">
        <v>0</v>
      </c>
      <c r="E11" s="207">
        <v>0</v>
      </c>
      <c r="F11" s="193">
        <v>0</v>
      </c>
      <c r="G11" s="191">
        <v>0</v>
      </c>
      <c r="H11" s="191">
        <v>0</v>
      </c>
      <c r="I11" s="191">
        <v>0</v>
      </c>
      <c r="J11" s="191">
        <v>0</v>
      </c>
      <c r="K11" s="191">
        <v>0</v>
      </c>
      <c r="L11" s="194">
        <v>0</v>
      </c>
      <c r="M11" s="195">
        <v>0</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6</v>
      </c>
      <c r="AD11" s="191">
        <v>23</v>
      </c>
      <c r="AE11" s="191">
        <v>8</v>
      </c>
      <c r="AF11" s="191">
        <v>4</v>
      </c>
      <c r="AG11" s="191">
        <v>3</v>
      </c>
      <c r="AH11" s="196">
        <v>74</v>
      </c>
      <c r="AI11" s="195">
        <v>74</v>
      </c>
      <c r="AJ11" s="190">
        <v>0</v>
      </c>
      <c r="AK11" s="191">
        <v>0</v>
      </c>
      <c r="AL11" s="196">
        <v>0</v>
      </c>
      <c r="AM11" s="193">
        <v>0</v>
      </c>
      <c r="AN11" s="191">
        <v>0</v>
      </c>
      <c r="AO11" s="191">
        <v>0</v>
      </c>
      <c r="AP11" s="191">
        <v>0</v>
      </c>
      <c r="AQ11" s="191">
        <v>0</v>
      </c>
      <c r="AR11" s="191">
        <v>1</v>
      </c>
      <c r="AS11" s="196">
        <v>1</v>
      </c>
      <c r="AT11" s="195">
        <v>1</v>
      </c>
      <c r="AU11" s="190">
        <v>0</v>
      </c>
      <c r="AV11" s="191">
        <v>0</v>
      </c>
      <c r="AW11" s="196">
        <v>0</v>
      </c>
      <c r="AX11" s="193">
        <v>0</v>
      </c>
      <c r="AY11" s="191">
        <v>1</v>
      </c>
      <c r="AZ11" s="191">
        <v>1</v>
      </c>
      <c r="BA11" s="191">
        <v>0</v>
      </c>
      <c r="BB11" s="191">
        <v>0</v>
      </c>
      <c r="BC11" s="191">
        <v>1</v>
      </c>
      <c r="BD11" s="196">
        <v>3</v>
      </c>
      <c r="BE11" s="195">
        <v>3</v>
      </c>
      <c r="BF11" s="190">
        <v>0</v>
      </c>
      <c r="BG11" s="191">
        <v>0</v>
      </c>
      <c r="BH11" s="196">
        <v>0</v>
      </c>
      <c r="BI11" s="193">
        <v>0</v>
      </c>
      <c r="BJ11" s="191">
        <v>3</v>
      </c>
      <c r="BK11" s="191">
        <v>3</v>
      </c>
      <c r="BL11" s="191">
        <v>4</v>
      </c>
      <c r="BM11" s="191">
        <v>3</v>
      </c>
      <c r="BN11" s="191">
        <v>0</v>
      </c>
      <c r="BO11" s="194">
        <v>13</v>
      </c>
      <c r="BP11" s="195">
        <v>13</v>
      </c>
      <c r="BQ11" s="190">
        <v>0</v>
      </c>
      <c r="BR11" s="191">
        <v>0</v>
      </c>
      <c r="BS11" s="196">
        <v>0</v>
      </c>
      <c r="BT11" s="193">
        <v>0</v>
      </c>
      <c r="BU11" s="191">
        <v>0</v>
      </c>
      <c r="BV11" s="191">
        <v>0</v>
      </c>
      <c r="BW11" s="191">
        <v>1</v>
      </c>
      <c r="BX11" s="191">
        <v>2</v>
      </c>
      <c r="BY11" s="191">
        <v>1</v>
      </c>
      <c r="BZ11" s="196">
        <v>4</v>
      </c>
      <c r="CA11" s="195">
        <v>4</v>
      </c>
      <c r="CB11" s="190">
        <v>0</v>
      </c>
      <c r="CC11" s="191">
        <v>0</v>
      </c>
      <c r="CD11" s="196">
        <v>0</v>
      </c>
      <c r="CE11" s="193">
        <v>0</v>
      </c>
      <c r="CF11" s="191">
        <v>0</v>
      </c>
      <c r="CG11" s="191">
        <v>0</v>
      </c>
      <c r="CH11" s="191">
        <v>0</v>
      </c>
      <c r="CI11" s="191">
        <v>1</v>
      </c>
      <c r="CJ11" s="191">
        <v>0</v>
      </c>
      <c r="CK11" s="196">
        <v>1</v>
      </c>
      <c r="CL11" s="195">
        <v>1</v>
      </c>
      <c r="CM11" s="190">
        <v>0</v>
      </c>
      <c r="CN11" s="191">
        <v>0</v>
      </c>
      <c r="CO11" s="196">
        <v>0</v>
      </c>
      <c r="CP11" s="193">
        <v>0</v>
      </c>
      <c r="CQ11" s="191">
        <v>0</v>
      </c>
      <c r="CR11" s="191">
        <v>0</v>
      </c>
      <c r="CS11" s="191">
        <v>0</v>
      </c>
      <c r="CT11" s="191">
        <v>1</v>
      </c>
      <c r="CU11" s="191">
        <v>0</v>
      </c>
      <c r="CV11" s="196">
        <v>1</v>
      </c>
      <c r="CW11" s="195">
        <v>1</v>
      </c>
    </row>
    <row r="12" spans="2:101" ht="21" customHeight="1" x14ac:dyDescent="0.2">
      <c r="B12" s="106" t="s">
        <v>9</v>
      </c>
      <c r="C12" s="190">
        <v>0</v>
      </c>
      <c r="D12" s="196">
        <v>0</v>
      </c>
      <c r="E12" s="207">
        <v>0</v>
      </c>
      <c r="F12" s="193">
        <v>0</v>
      </c>
      <c r="G12" s="191">
        <v>0</v>
      </c>
      <c r="H12" s="191">
        <v>1</v>
      </c>
      <c r="I12" s="191">
        <v>0</v>
      </c>
      <c r="J12" s="191">
        <v>0</v>
      </c>
      <c r="K12" s="191">
        <v>0</v>
      </c>
      <c r="L12" s="194">
        <v>1</v>
      </c>
      <c r="M12" s="195">
        <v>1</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2</v>
      </c>
      <c r="AD12" s="191">
        <v>33</v>
      </c>
      <c r="AE12" s="191">
        <v>16</v>
      </c>
      <c r="AF12" s="191">
        <v>6</v>
      </c>
      <c r="AG12" s="191">
        <v>4</v>
      </c>
      <c r="AH12" s="196">
        <v>101</v>
      </c>
      <c r="AI12" s="195">
        <v>101</v>
      </c>
      <c r="AJ12" s="190">
        <v>0</v>
      </c>
      <c r="AK12" s="191">
        <v>0</v>
      </c>
      <c r="AL12" s="196">
        <v>0</v>
      </c>
      <c r="AM12" s="193">
        <v>0</v>
      </c>
      <c r="AN12" s="191">
        <v>0</v>
      </c>
      <c r="AO12" s="191">
        <v>0</v>
      </c>
      <c r="AP12" s="191">
        <v>2</v>
      </c>
      <c r="AQ12" s="191">
        <v>0</v>
      </c>
      <c r="AR12" s="191">
        <v>0</v>
      </c>
      <c r="AS12" s="196">
        <v>2</v>
      </c>
      <c r="AT12" s="195">
        <v>2</v>
      </c>
      <c r="AU12" s="190">
        <v>0</v>
      </c>
      <c r="AV12" s="191">
        <v>1</v>
      </c>
      <c r="AW12" s="196">
        <v>1</v>
      </c>
      <c r="AX12" s="193">
        <v>0</v>
      </c>
      <c r="AY12" s="191">
        <v>4</v>
      </c>
      <c r="AZ12" s="191">
        <v>0</v>
      </c>
      <c r="BA12" s="191">
        <v>1</v>
      </c>
      <c r="BB12" s="191">
        <v>0</v>
      </c>
      <c r="BC12" s="191">
        <v>1</v>
      </c>
      <c r="BD12" s="196">
        <v>6</v>
      </c>
      <c r="BE12" s="195">
        <v>7</v>
      </c>
      <c r="BF12" s="190">
        <v>0</v>
      </c>
      <c r="BG12" s="191">
        <v>0</v>
      </c>
      <c r="BH12" s="196">
        <v>0</v>
      </c>
      <c r="BI12" s="193">
        <v>0</v>
      </c>
      <c r="BJ12" s="191">
        <v>0</v>
      </c>
      <c r="BK12" s="191">
        <v>2</v>
      </c>
      <c r="BL12" s="191">
        <v>4</v>
      </c>
      <c r="BM12" s="191">
        <v>7</v>
      </c>
      <c r="BN12" s="191">
        <v>1</v>
      </c>
      <c r="BO12" s="194">
        <v>14</v>
      </c>
      <c r="BP12" s="195">
        <v>14</v>
      </c>
      <c r="BQ12" s="190">
        <v>0</v>
      </c>
      <c r="BR12" s="191">
        <v>0</v>
      </c>
      <c r="BS12" s="196">
        <v>0</v>
      </c>
      <c r="BT12" s="193">
        <v>0</v>
      </c>
      <c r="BU12" s="191">
        <v>0</v>
      </c>
      <c r="BV12" s="191">
        <v>1</v>
      </c>
      <c r="BW12" s="191">
        <v>1</v>
      </c>
      <c r="BX12" s="191">
        <v>0</v>
      </c>
      <c r="BY12" s="191">
        <v>1</v>
      </c>
      <c r="BZ12" s="196">
        <v>3</v>
      </c>
      <c r="CA12" s="195">
        <v>3</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1</v>
      </c>
      <c r="CR12" s="191">
        <v>1</v>
      </c>
      <c r="CS12" s="191">
        <v>0</v>
      </c>
      <c r="CT12" s="191">
        <v>0</v>
      </c>
      <c r="CU12" s="191">
        <v>2</v>
      </c>
      <c r="CV12" s="196">
        <v>4</v>
      </c>
      <c r="CW12" s="195">
        <v>4</v>
      </c>
    </row>
    <row r="13" spans="2:101" ht="21" customHeight="1" x14ac:dyDescent="0.2">
      <c r="B13" s="106" t="s">
        <v>10</v>
      </c>
      <c r="C13" s="190">
        <v>0</v>
      </c>
      <c r="D13" s="196">
        <v>0</v>
      </c>
      <c r="E13" s="207">
        <v>0</v>
      </c>
      <c r="F13" s="193">
        <v>0</v>
      </c>
      <c r="G13" s="191">
        <v>0</v>
      </c>
      <c r="H13" s="191">
        <v>0</v>
      </c>
      <c r="I13" s="191">
        <v>2</v>
      </c>
      <c r="J13" s="191">
        <v>0</v>
      </c>
      <c r="K13" s="191">
        <v>3</v>
      </c>
      <c r="L13" s="194">
        <v>5</v>
      </c>
      <c r="M13" s="195">
        <v>5</v>
      </c>
      <c r="N13" s="190">
        <v>0</v>
      </c>
      <c r="O13" s="191">
        <v>0</v>
      </c>
      <c r="P13" s="196">
        <v>0</v>
      </c>
      <c r="Q13" s="193">
        <v>0</v>
      </c>
      <c r="R13" s="191">
        <v>0</v>
      </c>
      <c r="S13" s="191">
        <v>1</v>
      </c>
      <c r="T13" s="191">
        <v>0</v>
      </c>
      <c r="U13" s="191">
        <v>0</v>
      </c>
      <c r="V13" s="191">
        <v>0</v>
      </c>
      <c r="W13" s="196">
        <v>1</v>
      </c>
      <c r="X13" s="195">
        <v>1</v>
      </c>
      <c r="Y13" s="190">
        <v>0</v>
      </c>
      <c r="Z13" s="191">
        <v>0</v>
      </c>
      <c r="AA13" s="196">
        <v>0</v>
      </c>
      <c r="AB13" s="193">
        <v>0</v>
      </c>
      <c r="AC13" s="191">
        <v>35</v>
      </c>
      <c r="AD13" s="191">
        <v>15</v>
      </c>
      <c r="AE13" s="191">
        <v>9</v>
      </c>
      <c r="AF13" s="191">
        <v>4</v>
      </c>
      <c r="AG13" s="191">
        <v>0</v>
      </c>
      <c r="AH13" s="196">
        <v>63</v>
      </c>
      <c r="AI13" s="195">
        <v>63</v>
      </c>
      <c r="AJ13" s="190">
        <v>0</v>
      </c>
      <c r="AK13" s="191">
        <v>0</v>
      </c>
      <c r="AL13" s="196">
        <v>0</v>
      </c>
      <c r="AM13" s="193">
        <v>0</v>
      </c>
      <c r="AN13" s="191">
        <v>2</v>
      </c>
      <c r="AO13" s="191">
        <v>0</v>
      </c>
      <c r="AP13" s="191">
        <v>1</v>
      </c>
      <c r="AQ13" s="191">
        <v>2</v>
      </c>
      <c r="AR13" s="191">
        <v>0</v>
      </c>
      <c r="AS13" s="196">
        <v>5</v>
      </c>
      <c r="AT13" s="195">
        <v>5</v>
      </c>
      <c r="AU13" s="190">
        <v>2</v>
      </c>
      <c r="AV13" s="191">
        <v>1</v>
      </c>
      <c r="AW13" s="196">
        <v>3</v>
      </c>
      <c r="AX13" s="193">
        <v>0</v>
      </c>
      <c r="AY13" s="191">
        <v>4</v>
      </c>
      <c r="AZ13" s="191">
        <v>4</v>
      </c>
      <c r="BA13" s="191">
        <v>4</v>
      </c>
      <c r="BB13" s="191">
        <v>2</v>
      </c>
      <c r="BC13" s="191">
        <v>0</v>
      </c>
      <c r="BD13" s="196">
        <v>14</v>
      </c>
      <c r="BE13" s="195">
        <v>17</v>
      </c>
      <c r="BF13" s="190">
        <v>0</v>
      </c>
      <c r="BG13" s="191">
        <v>0</v>
      </c>
      <c r="BH13" s="196">
        <v>0</v>
      </c>
      <c r="BI13" s="193">
        <v>0</v>
      </c>
      <c r="BJ13" s="191">
        <v>4</v>
      </c>
      <c r="BK13" s="191">
        <v>5</v>
      </c>
      <c r="BL13" s="191">
        <v>6</v>
      </c>
      <c r="BM13" s="191">
        <v>5</v>
      </c>
      <c r="BN13" s="191">
        <v>9</v>
      </c>
      <c r="BO13" s="194">
        <v>29</v>
      </c>
      <c r="BP13" s="195">
        <v>29</v>
      </c>
      <c r="BQ13" s="190">
        <v>0</v>
      </c>
      <c r="BR13" s="191">
        <v>0</v>
      </c>
      <c r="BS13" s="196">
        <v>0</v>
      </c>
      <c r="BT13" s="193">
        <v>0</v>
      </c>
      <c r="BU13" s="191">
        <v>1</v>
      </c>
      <c r="BV13" s="191">
        <v>2</v>
      </c>
      <c r="BW13" s="191">
        <v>5</v>
      </c>
      <c r="BX13" s="191">
        <v>2</v>
      </c>
      <c r="BY13" s="191">
        <v>3</v>
      </c>
      <c r="BZ13" s="196">
        <v>13</v>
      </c>
      <c r="CA13" s="195">
        <v>13</v>
      </c>
      <c r="CB13" s="190">
        <v>0</v>
      </c>
      <c r="CC13" s="191">
        <v>0</v>
      </c>
      <c r="CD13" s="196">
        <v>0</v>
      </c>
      <c r="CE13" s="193">
        <v>0</v>
      </c>
      <c r="CF13" s="191">
        <v>0</v>
      </c>
      <c r="CG13" s="191">
        <v>0</v>
      </c>
      <c r="CH13" s="191">
        <v>1</v>
      </c>
      <c r="CI13" s="191">
        <v>2</v>
      </c>
      <c r="CJ13" s="191">
        <v>0</v>
      </c>
      <c r="CK13" s="196">
        <v>3</v>
      </c>
      <c r="CL13" s="195">
        <v>3</v>
      </c>
      <c r="CM13" s="190">
        <v>0</v>
      </c>
      <c r="CN13" s="191">
        <v>0</v>
      </c>
      <c r="CO13" s="196">
        <v>0</v>
      </c>
      <c r="CP13" s="193">
        <v>0</v>
      </c>
      <c r="CQ13" s="191">
        <v>3</v>
      </c>
      <c r="CR13" s="191">
        <v>0</v>
      </c>
      <c r="CS13" s="191">
        <v>0</v>
      </c>
      <c r="CT13" s="191">
        <v>2</v>
      </c>
      <c r="CU13" s="191">
        <v>2</v>
      </c>
      <c r="CV13" s="196">
        <v>7</v>
      </c>
      <c r="CW13" s="195">
        <v>7</v>
      </c>
    </row>
    <row r="14" spans="2:101" ht="21" customHeight="1" x14ac:dyDescent="0.2">
      <c r="B14" s="106" t="s">
        <v>11</v>
      </c>
      <c r="C14" s="190">
        <v>0</v>
      </c>
      <c r="D14" s="196">
        <v>0</v>
      </c>
      <c r="E14" s="207">
        <v>0</v>
      </c>
      <c r="F14" s="193">
        <v>0</v>
      </c>
      <c r="G14" s="191">
        <v>0</v>
      </c>
      <c r="H14" s="191">
        <v>3</v>
      </c>
      <c r="I14" s="191">
        <v>0</v>
      </c>
      <c r="J14" s="191">
        <v>0</v>
      </c>
      <c r="K14" s="191">
        <v>0</v>
      </c>
      <c r="L14" s="194">
        <v>3</v>
      </c>
      <c r="M14" s="195">
        <v>3</v>
      </c>
      <c r="N14" s="190">
        <v>0</v>
      </c>
      <c r="O14" s="191">
        <v>0</v>
      </c>
      <c r="P14" s="196">
        <v>0</v>
      </c>
      <c r="Q14" s="193">
        <v>0</v>
      </c>
      <c r="R14" s="191">
        <v>0</v>
      </c>
      <c r="S14" s="191">
        <v>0</v>
      </c>
      <c r="T14" s="191">
        <v>0</v>
      </c>
      <c r="U14" s="191">
        <v>1</v>
      </c>
      <c r="V14" s="191">
        <v>0</v>
      </c>
      <c r="W14" s="196">
        <v>1</v>
      </c>
      <c r="X14" s="195">
        <v>1</v>
      </c>
      <c r="Y14" s="190">
        <v>0</v>
      </c>
      <c r="Z14" s="191">
        <v>0</v>
      </c>
      <c r="AA14" s="196">
        <v>0</v>
      </c>
      <c r="AB14" s="193">
        <v>0</v>
      </c>
      <c r="AC14" s="191">
        <v>28</v>
      </c>
      <c r="AD14" s="191">
        <v>12</v>
      </c>
      <c r="AE14" s="191">
        <v>2</v>
      </c>
      <c r="AF14" s="191">
        <v>6</v>
      </c>
      <c r="AG14" s="191">
        <v>1</v>
      </c>
      <c r="AH14" s="196">
        <v>49</v>
      </c>
      <c r="AI14" s="195">
        <v>49</v>
      </c>
      <c r="AJ14" s="190">
        <v>0</v>
      </c>
      <c r="AK14" s="191">
        <v>0</v>
      </c>
      <c r="AL14" s="196">
        <v>0</v>
      </c>
      <c r="AM14" s="193">
        <v>0</v>
      </c>
      <c r="AN14" s="191">
        <v>3</v>
      </c>
      <c r="AO14" s="191">
        <v>1</v>
      </c>
      <c r="AP14" s="191">
        <v>0</v>
      </c>
      <c r="AQ14" s="191">
        <v>0</v>
      </c>
      <c r="AR14" s="191">
        <v>0</v>
      </c>
      <c r="AS14" s="196">
        <v>4</v>
      </c>
      <c r="AT14" s="195">
        <v>4</v>
      </c>
      <c r="AU14" s="190">
        <v>0</v>
      </c>
      <c r="AV14" s="191">
        <v>2</v>
      </c>
      <c r="AW14" s="196">
        <v>2</v>
      </c>
      <c r="AX14" s="193">
        <v>0</v>
      </c>
      <c r="AY14" s="191">
        <v>0</v>
      </c>
      <c r="AZ14" s="191">
        <v>4</v>
      </c>
      <c r="BA14" s="191">
        <v>3</v>
      </c>
      <c r="BB14" s="191">
        <v>2</v>
      </c>
      <c r="BC14" s="191">
        <v>0</v>
      </c>
      <c r="BD14" s="196">
        <v>9</v>
      </c>
      <c r="BE14" s="195">
        <v>11</v>
      </c>
      <c r="BF14" s="190">
        <v>0</v>
      </c>
      <c r="BG14" s="191">
        <v>0</v>
      </c>
      <c r="BH14" s="196">
        <v>0</v>
      </c>
      <c r="BI14" s="193">
        <v>0</v>
      </c>
      <c r="BJ14" s="191">
        <v>0</v>
      </c>
      <c r="BK14" s="191">
        <v>3</v>
      </c>
      <c r="BL14" s="191">
        <v>3</v>
      </c>
      <c r="BM14" s="191">
        <v>1</v>
      </c>
      <c r="BN14" s="191">
        <v>0</v>
      </c>
      <c r="BO14" s="194">
        <v>7</v>
      </c>
      <c r="BP14" s="195">
        <v>7</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1</v>
      </c>
      <c r="CR14" s="191">
        <v>1</v>
      </c>
      <c r="CS14" s="191">
        <v>0</v>
      </c>
      <c r="CT14" s="191">
        <v>0</v>
      </c>
      <c r="CU14" s="191">
        <v>0</v>
      </c>
      <c r="CV14" s="196">
        <v>2</v>
      </c>
      <c r="CW14" s="195">
        <v>2</v>
      </c>
    </row>
    <row r="15" spans="2:101" ht="21" customHeight="1" x14ac:dyDescent="0.2">
      <c r="B15" s="106" t="s">
        <v>12</v>
      </c>
      <c r="C15" s="190">
        <v>0</v>
      </c>
      <c r="D15" s="196">
        <v>0</v>
      </c>
      <c r="E15" s="207">
        <v>0</v>
      </c>
      <c r="F15" s="193">
        <v>0</v>
      </c>
      <c r="G15" s="191">
        <v>0</v>
      </c>
      <c r="H15" s="191">
        <v>0</v>
      </c>
      <c r="I15" s="191">
        <v>0</v>
      </c>
      <c r="J15" s="191">
        <v>1</v>
      </c>
      <c r="K15" s="191">
        <v>0</v>
      </c>
      <c r="L15" s="194">
        <v>1</v>
      </c>
      <c r="M15" s="195">
        <v>1</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13</v>
      </c>
      <c r="AD15" s="191">
        <v>11</v>
      </c>
      <c r="AE15" s="191">
        <v>6</v>
      </c>
      <c r="AF15" s="191">
        <v>5</v>
      </c>
      <c r="AG15" s="191">
        <v>3</v>
      </c>
      <c r="AH15" s="196">
        <v>38</v>
      </c>
      <c r="AI15" s="195">
        <v>38</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0</v>
      </c>
      <c r="AZ15" s="191">
        <v>1</v>
      </c>
      <c r="BA15" s="191">
        <v>1</v>
      </c>
      <c r="BB15" s="191">
        <v>2</v>
      </c>
      <c r="BC15" s="191">
        <v>0</v>
      </c>
      <c r="BD15" s="196">
        <v>4</v>
      </c>
      <c r="BE15" s="195">
        <v>4</v>
      </c>
      <c r="BF15" s="190">
        <v>0</v>
      </c>
      <c r="BG15" s="191">
        <v>0</v>
      </c>
      <c r="BH15" s="196">
        <v>0</v>
      </c>
      <c r="BI15" s="193">
        <v>0</v>
      </c>
      <c r="BJ15" s="191">
        <v>2</v>
      </c>
      <c r="BK15" s="191">
        <v>4</v>
      </c>
      <c r="BL15" s="191">
        <v>1</v>
      </c>
      <c r="BM15" s="191">
        <v>1</v>
      </c>
      <c r="BN15" s="191">
        <v>2</v>
      </c>
      <c r="BO15" s="194">
        <v>10</v>
      </c>
      <c r="BP15" s="195">
        <v>10</v>
      </c>
      <c r="BQ15" s="190">
        <v>0</v>
      </c>
      <c r="BR15" s="191">
        <v>0</v>
      </c>
      <c r="BS15" s="196">
        <v>0</v>
      </c>
      <c r="BT15" s="193">
        <v>0</v>
      </c>
      <c r="BU15" s="191">
        <v>0</v>
      </c>
      <c r="BV15" s="191">
        <v>0</v>
      </c>
      <c r="BW15" s="191">
        <v>2</v>
      </c>
      <c r="BX15" s="191">
        <v>2</v>
      </c>
      <c r="BY15" s="191">
        <v>0</v>
      </c>
      <c r="BZ15" s="196">
        <v>4</v>
      </c>
      <c r="CA15" s="195">
        <v>4</v>
      </c>
      <c r="CB15" s="190">
        <v>0</v>
      </c>
      <c r="CC15" s="191">
        <v>0</v>
      </c>
      <c r="CD15" s="196">
        <v>0</v>
      </c>
      <c r="CE15" s="193">
        <v>0</v>
      </c>
      <c r="CF15" s="191">
        <v>0</v>
      </c>
      <c r="CG15" s="191">
        <v>0</v>
      </c>
      <c r="CH15" s="191">
        <v>2</v>
      </c>
      <c r="CI15" s="191">
        <v>0</v>
      </c>
      <c r="CJ15" s="191">
        <v>1</v>
      </c>
      <c r="CK15" s="196">
        <v>3</v>
      </c>
      <c r="CL15" s="195">
        <v>3</v>
      </c>
      <c r="CM15" s="190">
        <v>0</v>
      </c>
      <c r="CN15" s="191">
        <v>0</v>
      </c>
      <c r="CO15" s="196">
        <v>0</v>
      </c>
      <c r="CP15" s="193">
        <v>0</v>
      </c>
      <c r="CQ15" s="191">
        <v>0</v>
      </c>
      <c r="CR15" s="191">
        <v>1</v>
      </c>
      <c r="CS15" s="191">
        <v>2</v>
      </c>
      <c r="CT15" s="191">
        <v>0</v>
      </c>
      <c r="CU15" s="191">
        <v>2</v>
      </c>
      <c r="CV15" s="196">
        <v>5</v>
      </c>
      <c r="CW15" s="195">
        <v>5</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6</v>
      </c>
      <c r="AD16" s="191">
        <v>6</v>
      </c>
      <c r="AE16" s="191">
        <v>6</v>
      </c>
      <c r="AF16" s="191">
        <v>2</v>
      </c>
      <c r="AG16" s="191">
        <v>3</v>
      </c>
      <c r="AH16" s="196">
        <v>33</v>
      </c>
      <c r="AI16" s="195">
        <v>33</v>
      </c>
      <c r="AJ16" s="190">
        <v>0</v>
      </c>
      <c r="AK16" s="191">
        <v>0</v>
      </c>
      <c r="AL16" s="196">
        <v>0</v>
      </c>
      <c r="AM16" s="193">
        <v>0</v>
      </c>
      <c r="AN16" s="191">
        <v>0</v>
      </c>
      <c r="AO16" s="191">
        <v>1</v>
      </c>
      <c r="AP16" s="191">
        <v>1</v>
      </c>
      <c r="AQ16" s="191">
        <v>0</v>
      </c>
      <c r="AR16" s="191">
        <v>0</v>
      </c>
      <c r="AS16" s="196">
        <v>2</v>
      </c>
      <c r="AT16" s="195">
        <v>2</v>
      </c>
      <c r="AU16" s="190">
        <v>0</v>
      </c>
      <c r="AV16" s="191">
        <v>0</v>
      </c>
      <c r="AW16" s="196">
        <v>0</v>
      </c>
      <c r="AX16" s="193">
        <v>0</v>
      </c>
      <c r="AY16" s="191">
        <v>1</v>
      </c>
      <c r="AZ16" s="191">
        <v>0</v>
      </c>
      <c r="BA16" s="191">
        <v>0</v>
      </c>
      <c r="BB16" s="191">
        <v>0</v>
      </c>
      <c r="BC16" s="191">
        <v>0</v>
      </c>
      <c r="BD16" s="196">
        <v>1</v>
      </c>
      <c r="BE16" s="195">
        <v>1</v>
      </c>
      <c r="BF16" s="190">
        <v>0</v>
      </c>
      <c r="BG16" s="191">
        <v>0</v>
      </c>
      <c r="BH16" s="196">
        <v>0</v>
      </c>
      <c r="BI16" s="193">
        <v>0</v>
      </c>
      <c r="BJ16" s="191">
        <v>2</v>
      </c>
      <c r="BK16" s="191">
        <v>0</v>
      </c>
      <c r="BL16" s="191">
        <v>0</v>
      </c>
      <c r="BM16" s="191">
        <v>0</v>
      </c>
      <c r="BN16" s="191">
        <v>1</v>
      </c>
      <c r="BO16" s="194">
        <v>3</v>
      </c>
      <c r="BP16" s="195">
        <v>3</v>
      </c>
      <c r="BQ16" s="190">
        <v>0</v>
      </c>
      <c r="BR16" s="191">
        <v>0</v>
      </c>
      <c r="BS16" s="196">
        <v>0</v>
      </c>
      <c r="BT16" s="193">
        <v>0</v>
      </c>
      <c r="BU16" s="191">
        <v>0</v>
      </c>
      <c r="BV16" s="191">
        <v>0</v>
      </c>
      <c r="BW16" s="191">
        <v>1</v>
      </c>
      <c r="BX16" s="191">
        <v>0</v>
      </c>
      <c r="BY16" s="191">
        <v>0</v>
      </c>
      <c r="BZ16" s="196">
        <v>1</v>
      </c>
      <c r="CA16" s="195">
        <v>1</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0</v>
      </c>
      <c r="H17" s="191">
        <v>0</v>
      </c>
      <c r="I17" s="191">
        <v>0</v>
      </c>
      <c r="J17" s="191">
        <v>0</v>
      </c>
      <c r="K17" s="191">
        <v>0</v>
      </c>
      <c r="L17" s="194">
        <v>0</v>
      </c>
      <c r="M17" s="195">
        <v>0</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4</v>
      </c>
      <c r="AD17" s="191">
        <v>7</v>
      </c>
      <c r="AE17" s="191">
        <v>1</v>
      </c>
      <c r="AF17" s="191">
        <v>0</v>
      </c>
      <c r="AG17" s="191">
        <v>1</v>
      </c>
      <c r="AH17" s="196">
        <v>13</v>
      </c>
      <c r="AI17" s="195">
        <v>13</v>
      </c>
      <c r="AJ17" s="190">
        <v>0</v>
      </c>
      <c r="AK17" s="191">
        <v>0</v>
      </c>
      <c r="AL17" s="196">
        <v>0</v>
      </c>
      <c r="AM17" s="193">
        <v>0</v>
      </c>
      <c r="AN17" s="191">
        <v>0</v>
      </c>
      <c r="AO17" s="191">
        <v>0</v>
      </c>
      <c r="AP17" s="191">
        <v>0</v>
      </c>
      <c r="AQ17" s="191">
        <v>0</v>
      </c>
      <c r="AR17" s="191">
        <v>0</v>
      </c>
      <c r="AS17" s="196">
        <v>0</v>
      </c>
      <c r="AT17" s="195">
        <v>0</v>
      </c>
      <c r="AU17" s="190">
        <v>0</v>
      </c>
      <c r="AV17" s="191">
        <v>0</v>
      </c>
      <c r="AW17" s="196">
        <v>0</v>
      </c>
      <c r="AX17" s="193">
        <v>0</v>
      </c>
      <c r="AY17" s="191">
        <v>0</v>
      </c>
      <c r="AZ17" s="191">
        <v>0</v>
      </c>
      <c r="BA17" s="191">
        <v>0</v>
      </c>
      <c r="BB17" s="191">
        <v>0</v>
      </c>
      <c r="BC17" s="191">
        <v>0</v>
      </c>
      <c r="BD17" s="196">
        <v>0</v>
      </c>
      <c r="BE17" s="195">
        <v>0</v>
      </c>
      <c r="BF17" s="190">
        <v>0</v>
      </c>
      <c r="BG17" s="191">
        <v>0</v>
      </c>
      <c r="BH17" s="196">
        <v>0</v>
      </c>
      <c r="BI17" s="193">
        <v>0</v>
      </c>
      <c r="BJ17" s="191">
        <v>0</v>
      </c>
      <c r="BK17" s="191">
        <v>3</v>
      </c>
      <c r="BL17" s="191">
        <v>0</v>
      </c>
      <c r="BM17" s="191">
        <v>0</v>
      </c>
      <c r="BN17" s="191">
        <v>0</v>
      </c>
      <c r="BO17" s="194">
        <v>3</v>
      </c>
      <c r="BP17" s="195">
        <v>3</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1</v>
      </c>
      <c r="CJ17" s="191">
        <v>0</v>
      </c>
      <c r="CK17" s="196">
        <v>1</v>
      </c>
      <c r="CL17" s="195">
        <v>1</v>
      </c>
      <c r="CM17" s="190">
        <v>0</v>
      </c>
      <c r="CN17" s="191">
        <v>0</v>
      </c>
      <c r="CO17" s="196">
        <v>0</v>
      </c>
      <c r="CP17" s="193">
        <v>0</v>
      </c>
      <c r="CQ17" s="191">
        <v>0</v>
      </c>
      <c r="CR17" s="191">
        <v>0</v>
      </c>
      <c r="CS17" s="191">
        <v>0</v>
      </c>
      <c r="CT17" s="191">
        <v>0</v>
      </c>
      <c r="CU17" s="191">
        <v>0</v>
      </c>
      <c r="CV17" s="196">
        <v>0</v>
      </c>
      <c r="CW17" s="195">
        <v>0</v>
      </c>
    </row>
    <row r="18" spans="2:101" ht="21" customHeight="1" x14ac:dyDescent="0.2">
      <c r="B18" s="106" t="s">
        <v>16</v>
      </c>
      <c r="C18" s="190">
        <v>0</v>
      </c>
      <c r="D18" s="196">
        <v>0</v>
      </c>
      <c r="E18" s="207">
        <v>0</v>
      </c>
      <c r="F18" s="193">
        <v>0</v>
      </c>
      <c r="G18" s="191">
        <v>0</v>
      </c>
      <c r="H18" s="191">
        <v>0</v>
      </c>
      <c r="I18" s="191">
        <v>1</v>
      </c>
      <c r="J18" s="191">
        <v>1</v>
      </c>
      <c r="K18" s="191">
        <v>1</v>
      </c>
      <c r="L18" s="194">
        <v>3</v>
      </c>
      <c r="M18" s="195">
        <v>3</v>
      </c>
      <c r="N18" s="190">
        <v>0</v>
      </c>
      <c r="O18" s="191">
        <v>0</v>
      </c>
      <c r="P18" s="196">
        <v>0</v>
      </c>
      <c r="Q18" s="193">
        <v>0</v>
      </c>
      <c r="R18" s="191">
        <v>0</v>
      </c>
      <c r="S18" s="191">
        <v>0</v>
      </c>
      <c r="T18" s="191">
        <v>0</v>
      </c>
      <c r="U18" s="191">
        <v>0</v>
      </c>
      <c r="V18" s="191">
        <v>0</v>
      </c>
      <c r="W18" s="196">
        <v>0</v>
      </c>
      <c r="X18" s="195">
        <v>0</v>
      </c>
      <c r="Y18" s="190">
        <v>0</v>
      </c>
      <c r="Z18" s="191">
        <v>0</v>
      </c>
      <c r="AA18" s="196">
        <v>0</v>
      </c>
      <c r="AB18" s="193">
        <v>0</v>
      </c>
      <c r="AC18" s="191">
        <v>8</v>
      </c>
      <c r="AD18" s="191">
        <v>8</v>
      </c>
      <c r="AE18" s="191">
        <v>3</v>
      </c>
      <c r="AF18" s="191">
        <v>2</v>
      </c>
      <c r="AG18" s="191">
        <v>0</v>
      </c>
      <c r="AH18" s="196">
        <v>21</v>
      </c>
      <c r="AI18" s="195">
        <v>21</v>
      </c>
      <c r="AJ18" s="190">
        <v>0</v>
      </c>
      <c r="AK18" s="191">
        <v>0</v>
      </c>
      <c r="AL18" s="196">
        <v>0</v>
      </c>
      <c r="AM18" s="193">
        <v>0</v>
      </c>
      <c r="AN18" s="191">
        <v>1</v>
      </c>
      <c r="AO18" s="191">
        <v>0</v>
      </c>
      <c r="AP18" s="191">
        <v>0</v>
      </c>
      <c r="AQ18" s="191">
        <v>0</v>
      </c>
      <c r="AR18" s="191">
        <v>1</v>
      </c>
      <c r="AS18" s="196">
        <v>2</v>
      </c>
      <c r="AT18" s="195">
        <v>2</v>
      </c>
      <c r="AU18" s="190">
        <v>0</v>
      </c>
      <c r="AV18" s="191">
        <v>0</v>
      </c>
      <c r="AW18" s="196">
        <v>0</v>
      </c>
      <c r="AX18" s="193">
        <v>0</v>
      </c>
      <c r="AY18" s="191">
        <v>3</v>
      </c>
      <c r="AZ18" s="191">
        <v>1</v>
      </c>
      <c r="BA18" s="191">
        <v>0</v>
      </c>
      <c r="BB18" s="191">
        <v>0</v>
      </c>
      <c r="BC18" s="191">
        <v>1</v>
      </c>
      <c r="BD18" s="196">
        <v>5</v>
      </c>
      <c r="BE18" s="195">
        <v>5</v>
      </c>
      <c r="BF18" s="190">
        <v>0</v>
      </c>
      <c r="BG18" s="191">
        <v>0</v>
      </c>
      <c r="BH18" s="196">
        <v>0</v>
      </c>
      <c r="BI18" s="193">
        <v>0</v>
      </c>
      <c r="BJ18" s="191">
        <v>1</v>
      </c>
      <c r="BK18" s="191">
        <v>2</v>
      </c>
      <c r="BL18" s="191">
        <v>1</v>
      </c>
      <c r="BM18" s="191">
        <v>1</v>
      </c>
      <c r="BN18" s="191">
        <v>0</v>
      </c>
      <c r="BO18" s="194">
        <v>5</v>
      </c>
      <c r="BP18" s="195">
        <v>5</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1</v>
      </c>
      <c r="CR18" s="191">
        <v>1</v>
      </c>
      <c r="CS18" s="191">
        <v>0</v>
      </c>
      <c r="CT18" s="191">
        <v>0</v>
      </c>
      <c r="CU18" s="191">
        <v>0</v>
      </c>
      <c r="CV18" s="196">
        <v>2</v>
      </c>
      <c r="CW18" s="195">
        <v>2</v>
      </c>
    </row>
    <row r="19" spans="2:101" ht="21" customHeight="1" x14ac:dyDescent="0.2">
      <c r="B19" s="106" t="s">
        <v>17</v>
      </c>
      <c r="C19" s="190">
        <v>0</v>
      </c>
      <c r="D19" s="196">
        <v>0</v>
      </c>
      <c r="E19" s="207">
        <v>0</v>
      </c>
      <c r="F19" s="193">
        <v>0</v>
      </c>
      <c r="G19" s="191">
        <v>1</v>
      </c>
      <c r="H19" s="191">
        <v>0</v>
      </c>
      <c r="I19" s="191">
        <v>0</v>
      </c>
      <c r="J19" s="191">
        <v>0</v>
      </c>
      <c r="K19" s="191">
        <v>0</v>
      </c>
      <c r="L19" s="194">
        <v>1</v>
      </c>
      <c r="M19" s="195">
        <v>1</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1</v>
      </c>
      <c r="AD19" s="191">
        <v>20</v>
      </c>
      <c r="AE19" s="191">
        <v>11</v>
      </c>
      <c r="AF19" s="191">
        <v>2</v>
      </c>
      <c r="AG19" s="191">
        <v>3</v>
      </c>
      <c r="AH19" s="196">
        <v>57</v>
      </c>
      <c r="AI19" s="195">
        <v>57</v>
      </c>
      <c r="AJ19" s="190">
        <v>0</v>
      </c>
      <c r="AK19" s="191">
        <v>0</v>
      </c>
      <c r="AL19" s="196">
        <v>0</v>
      </c>
      <c r="AM19" s="193">
        <v>0</v>
      </c>
      <c r="AN19" s="191">
        <v>2</v>
      </c>
      <c r="AO19" s="191">
        <v>2</v>
      </c>
      <c r="AP19" s="191">
        <v>0</v>
      </c>
      <c r="AQ19" s="191">
        <v>0</v>
      </c>
      <c r="AR19" s="191">
        <v>0</v>
      </c>
      <c r="AS19" s="196">
        <v>4</v>
      </c>
      <c r="AT19" s="195">
        <v>4</v>
      </c>
      <c r="AU19" s="190">
        <v>0</v>
      </c>
      <c r="AV19" s="191">
        <v>0</v>
      </c>
      <c r="AW19" s="196">
        <v>0</v>
      </c>
      <c r="AX19" s="193">
        <v>0</v>
      </c>
      <c r="AY19" s="191">
        <v>2</v>
      </c>
      <c r="AZ19" s="191">
        <v>0</v>
      </c>
      <c r="BA19" s="191">
        <v>2</v>
      </c>
      <c r="BB19" s="191">
        <v>2</v>
      </c>
      <c r="BC19" s="191">
        <v>1</v>
      </c>
      <c r="BD19" s="196">
        <v>7</v>
      </c>
      <c r="BE19" s="195">
        <v>7</v>
      </c>
      <c r="BF19" s="190">
        <v>0</v>
      </c>
      <c r="BG19" s="191">
        <v>0</v>
      </c>
      <c r="BH19" s="196">
        <v>0</v>
      </c>
      <c r="BI19" s="193">
        <v>0</v>
      </c>
      <c r="BJ19" s="191">
        <v>1</v>
      </c>
      <c r="BK19" s="191">
        <v>2</v>
      </c>
      <c r="BL19" s="191">
        <v>4</v>
      </c>
      <c r="BM19" s="191">
        <v>1</v>
      </c>
      <c r="BN19" s="191">
        <v>2</v>
      </c>
      <c r="BO19" s="194">
        <v>10</v>
      </c>
      <c r="BP19" s="195">
        <v>10</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1</v>
      </c>
      <c r="CI19" s="191">
        <v>3</v>
      </c>
      <c r="CJ19" s="191">
        <v>3</v>
      </c>
      <c r="CK19" s="196">
        <v>7</v>
      </c>
      <c r="CL19" s="195">
        <v>7</v>
      </c>
      <c r="CM19" s="190">
        <v>0</v>
      </c>
      <c r="CN19" s="191">
        <v>0</v>
      </c>
      <c r="CO19" s="196">
        <v>0</v>
      </c>
      <c r="CP19" s="193">
        <v>0</v>
      </c>
      <c r="CQ19" s="191">
        <v>0</v>
      </c>
      <c r="CR19" s="191">
        <v>1</v>
      </c>
      <c r="CS19" s="191">
        <v>0</v>
      </c>
      <c r="CT19" s="191">
        <v>1</v>
      </c>
      <c r="CU19" s="191">
        <v>0</v>
      </c>
      <c r="CV19" s="196">
        <v>2</v>
      </c>
      <c r="CW19" s="195">
        <v>2</v>
      </c>
    </row>
    <row r="20" spans="2:101" ht="21" customHeight="1" x14ac:dyDescent="0.2">
      <c r="B20" s="106" t="s">
        <v>18</v>
      </c>
      <c r="C20" s="190">
        <v>0</v>
      </c>
      <c r="D20" s="196">
        <v>0</v>
      </c>
      <c r="E20" s="207">
        <v>0</v>
      </c>
      <c r="F20" s="193">
        <v>0</v>
      </c>
      <c r="G20" s="191">
        <v>1</v>
      </c>
      <c r="H20" s="191">
        <v>2</v>
      </c>
      <c r="I20" s="191">
        <v>0</v>
      </c>
      <c r="J20" s="191">
        <v>0</v>
      </c>
      <c r="K20" s="191">
        <v>0</v>
      </c>
      <c r="L20" s="194">
        <v>3</v>
      </c>
      <c r="M20" s="195">
        <v>3</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22</v>
      </c>
      <c r="AD20" s="191">
        <v>9</v>
      </c>
      <c r="AE20" s="191">
        <v>5</v>
      </c>
      <c r="AF20" s="191">
        <v>2</v>
      </c>
      <c r="AG20" s="191">
        <v>0</v>
      </c>
      <c r="AH20" s="196">
        <v>38</v>
      </c>
      <c r="AI20" s="195">
        <v>38</v>
      </c>
      <c r="AJ20" s="190">
        <v>0</v>
      </c>
      <c r="AK20" s="191">
        <v>0</v>
      </c>
      <c r="AL20" s="196">
        <v>0</v>
      </c>
      <c r="AM20" s="193">
        <v>0</v>
      </c>
      <c r="AN20" s="191">
        <v>0</v>
      </c>
      <c r="AO20" s="191">
        <v>1</v>
      </c>
      <c r="AP20" s="191">
        <v>1</v>
      </c>
      <c r="AQ20" s="191">
        <v>0</v>
      </c>
      <c r="AR20" s="191">
        <v>0</v>
      </c>
      <c r="AS20" s="196">
        <v>2</v>
      </c>
      <c r="AT20" s="195">
        <v>2</v>
      </c>
      <c r="AU20" s="190">
        <v>0</v>
      </c>
      <c r="AV20" s="191">
        <v>0</v>
      </c>
      <c r="AW20" s="196">
        <v>0</v>
      </c>
      <c r="AX20" s="193">
        <v>0</v>
      </c>
      <c r="AY20" s="191">
        <v>2</v>
      </c>
      <c r="AZ20" s="191">
        <v>1</v>
      </c>
      <c r="BA20" s="191">
        <v>0</v>
      </c>
      <c r="BB20" s="191">
        <v>0</v>
      </c>
      <c r="BC20" s="191">
        <v>0</v>
      </c>
      <c r="BD20" s="196">
        <v>3</v>
      </c>
      <c r="BE20" s="195">
        <v>3</v>
      </c>
      <c r="BF20" s="190">
        <v>0</v>
      </c>
      <c r="BG20" s="191">
        <v>0</v>
      </c>
      <c r="BH20" s="196">
        <v>0</v>
      </c>
      <c r="BI20" s="193">
        <v>0</v>
      </c>
      <c r="BJ20" s="191">
        <v>1</v>
      </c>
      <c r="BK20" s="191">
        <v>4</v>
      </c>
      <c r="BL20" s="191">
        <v>7</v>
      </c>
      <c r="BM20" s="191">
        <v>1</v>
      </c>
      <c r="BN20" s="191">
        <v>1</v>
      </c>
      <c r="BO20" s="194">
        <v>14</v>
      </c>
      <c r="BP20" s="195">
        <v>14</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0</v>
      </c>
      <c r="CI20" s="191">
        <v>1</v>
      </c>
      <c r="CJ20" s="191">
        <v>0</v>
      </c>
      <c r="CK20" s="196">
        <v>1</v>
      </c>
      <c r="CL20" s="195">
        <v>1</v>
      </c>
      <c r="CM20" s="190">
        <v>0</v>
      </c>
      <c r="CN20" s="191">
        <v>0</v>
      </c>
      <c r="CO20" s="196">
        <v>0</v>
      </c>
      <c r="CP20" s="193">
        <v>0</v>
      </c>
      <c r="CQ20" s="191">
        <v>0</v>
      </c>
      <c r="CR20" s="191">
        <v>0</v>
      </c>
      <c r="CS20" s="191">
        <v>2</v>
      </c>
      <c r="CT20" s="191">
        <v>0</v>
      </c>
      <c r="CU20" s="191">
        <v>4</v>
      </c>
      <c r="CV20" s="196">
        <v>6</v>
      </c>
      <c r="CW20" s="195">
        <v>6</v>
      </c>
    </row>
    <row r="21" spans="2:101" ht="21" customHeight="1" x14ac:dyDescent="0.2">
      <c r="B21" s="106" t="s">
        <v>19</v>
      </c>
      <c r="C21" s="190">
        <v>0</v>
      </c>
      <c r="D21" s="196">
        <v>0</v>
      </c>
      <c r="E21" s="207">
        <v>0</v>
      </c>
      <c r="F21" s="193">
        <v>0</v>
      </c>
      <c r="G21" s="191">
        <v>0</v>
      </c>
      <c r="H21" s="191">
        <v>2</v>
      </c>
      <c r="I21" s="191">
        <v>0</v>
      </c>
      <c r="J21" s="191">
        <v>1</v>
      </c>
      <c r="K21" s="191">
        <v>0</v>
      </c>
      <c r="L21" s="194">
        <v>3</v>
      </c>
      <c r="M21" s="195">
        <v>3</v>
      </c>
      <c r="N21" s="190">
        <v>0</v>
      </c>
      <c r="O21" s="191">
        <v>0</v>
      </c>
      <c r="P21" s="196">
        <v>0</v>
      </c>
      <c r="Q21" s="193">
        <v>0</v>
      </c>
      <c r="R21" s="191">
        <v>0</v>
      </c>
      <c r="S21" s="191">
        <v>1</v>
      </c>
      <c r="T21" s="191">
        <v>0</v>
      </c>
      <c r="U21" s="191">
        <v>1</v>
      </c>
      <c r="V21" s="191">
        <v>0</v>
      </c>
      <c r="W21" s="196">
        <v>2</v>
      </c>
      <c r="X21" s="195">
        <v>2</v>
      </c>
      <c r="Y21" s="190">
        <v>0</v>
      </c>
      <c r="Z21" s="191">
        <v>0</v>
      </c>
      <c r="AA21" s="196">
        <v>0</v>
      </c>
      <c r="AB21" s="193">
        <v>0</v>
      </c>
      <c r="AC21" s="191">
        <v>8</v>
      </c>
      <c r="AD21" s="191">
        <v>5</v>
      </c>
      <c r="AE21" s="191">
        <v>1</v>
      </c>
      <c r="AF21" s="191">
        <v>1</v>
      </c>
      <c r="AG21" s="191">
        <v>0</v>
      </c>
      <c r="AH21" s="196">
        <v>15</v>
      </c>
      <c r="AI21" s="195">
        <v>15</v>
      </c>
      <c r="AJ21" s="190">
        <v>1</v>
      </c>
      <c r="AK21" s="191">
        <v>0</v>
      </c>
      <c r="AL21" s="196">
        <v>1</v>
      </c>
      <c r="AM21" s="193">
        <v>0</v>
      </c>
      <c r="AN21" s="191">
        <v>1</v>
      </c>
      <c r="AO21" s="191">
        <v>2</v>
      </c>
      <c r="AP21" s="191">
        <v>1</v>
      </c>
      <c r="AQ21" s="191">
        <v>0</v>
      </c>
      <c r="AR21" s="191">
        <v>0</v>
      </c>
      <c r="AS21" s="196">
        <v>4</v>
      </c>
      <c r="AT21" s="195">
        <v>5</v>
      </c>
      <c r="AU21" s="190">
        <v>0</v>
      </c>
      <c r="AV21" s="191">
        <v>0</v>
      </c>
      <c r="AW21" s="196">
        <v>0</v>
      </c>
      <c r="AX21" s="193">
        <v>0</v>
      </c>
      <c r="AY21" s="191">
        <v>1</v>
      </c>
      <c r="AZ21" s="191">
        <v>1</v>
      </c>
      <c r="BA21" s="191">
        <v>1</v>
      </c>
      <c r="BB21" s="191">
        <v>1</v>
      </c>
      <c r="BC21" s="191">
        <v>0</v>
      </c>
      <c r="BD21" s="196">
        <v>4</v>
      </c>
      <c r="BE21" s="195">
        <v>4</v>
      </c>
      <c r="BF21" s="190">
        <v>0</v>
      </c>
      <c r="BG21" s="191">
        <v>0</v>
      </c>
      <c r="BH21" s="196">
        <v>0</v>
      </c>
      <c r="BI21" s="193">
        <v>0</v>
      </c>
      <c r="BJ21" s="191">
        <v>1</v>
      </c>
      <c r="BK21" s="191">
        <v>0</v>
      </c>
      <c r="BL21" s="191">
        <v>1</v>
      </c>
      <c r="BM21" s="191">
        <v>0</v>
      </c>
      <c r="BN21" s="191">
        <v>0</v>
      </c>
      <c r="BO21" s="194">
        <v>2</v>
      </c>
      <c r="BP21" s="195">
        <v>2</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0</v>
      </c>
      <c r="CV21" s="196">
        <v>0</v>
      </c>
      <c r="CW21" s="195">
        <v>0</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3</v>
      </c>
      <c r="AD22" s="191">
        <v>13</v>
      </c>
      <c r="AE22" s="191">
        <v>3</v>
      </c>
      <c r="AF22" s="191">
        <v>1</v>
      </c>
      <c r="AG22" s="191">
        <v>0</v>
      </c>
      <c r="AH22" s="196">
        <v>30</v>
      </c>
      <c r="AI22" s="195">
        <v>30</v>
      </c>
      <c r="AJ22" s="190">
        <v>0</v>
      </c>
      <c r="AK22" s="191">
        <v>0</v>
      </c>
      <c r="AL22" s="196">
        <v>0</v>
      </c>
      <c r="AM22" s="193">
        <v>0</v>
      </c>
      <c r="AN22" s="191">
        <v>0</v>
      </c>
      <c r="AO22" s="191">
        <v>0</v>
      </c>
      <c r="AP22" s="191">
        <v>1</v>
      </c>
      <c r="AQ22" s="191">
        <v>0</v>
      </c>
      <c r="AR22" s="191">
        <v>0</v>
      </c>
      <c r="AS22" s="196">
        <v>1</v>
      </c>
      <c r="AT22" s="195">
        <v>1</v>
      </c>
      <c r="AU22" s="190">
        <v>0</v>
      </c>
      <c r="AV22" s="191">
        <v>1</v>
      </c>
      <c r="AW22" s="196">
        <v>1</v>
      </c>
      <c r="AX22" s="193">
        <v>0</v>
      </c>
      <c r="AY22" s="191">
        <v>0</v>
      </c>
      <c r="AZ22" s="191">
        <v>1</v>
      </c>
      <c r="BA22" s="191">
        <v>1</v>
      </c>
      <c r="BB22" s="191">
        <v>0</v>
      </c>
      <c r="BC22" s="191">
        <v>0</v>
      </c>
      <c r="BD22" s="196">
        <v>2</v>
      </c>
      <c r="BE22" s="195">
        <v>3</v>
      </c>
      <c r="BF22" s="190">
        <v>0</v>
      </c>
      <c r="BG22" s="191">
        <v>0</v>
      </c>
      <c r="BH22" s="196">
        <v>0</v>
      </c>
      <c r="BI22" s="193">
        <v>0</v>
      </c>
      <c r="BJ22" s="191">
        <v>1</v>
      </c>
      <c r="BK22" s="191">
        <v>2</v>
      </c>
      <c r="BL22" s="191">
        <v>4</v>
      </c>
      <c r="BM22" s="191">
        <v>0</v>
      </c>
      <c r="BN22" s="191">
        <v>0</v>
      </c>
      <c r="BO22" s="194">
        <v>7</v>
      </c>
      <c r="BP22" s="195">
        <v>7</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0</v>
      </c>
      <c r="H23" s="191">
        <v>0</v>
      </c>
      <c r="I23" s="191">
        <v>0</v>
      </c>
      <c r="J23" s="191">
        <v>0</v>
      </c>
      <c r="K23" s="191">
        <v>0</v>
      </c>
      <c r="L23" s="194">
        <v>0</v>
      </c>
      <c r="M23" s="195">
        <v>0</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4</v>
      </c>
      <c r="AD23" s="191">
        <v>10</v>
      </c>
      <c r="AE23" s="191">
        <v>4</v>
      </c>
      <c r="AF23" s="191">
        <v>2</v>
      </c>
      <c r="AG23" s="191">
        <v>0</v>
      </c>
      <c r="AH23" s="196">
        <v>30</v>
      </c>
      <c r="AI23" s="195">
        <v>30</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1</v>
      </c>
      <c r="AZ23" s="191">
        <v>0</v>
      </c>
      <c r="BA23" s="191">
        <v>1</v>
      </c>
      <c r="BB23" s="191">
        <v>0</v>
      </c>
      <c r="BC23" s="191">
        <v>0</v>
      </c>
      <c r="BD23" s="196">
        <v>2</v>
      </c>
      <c r="BE23" s="195">
        <v>2</v>
      </c>
      <c r="BF23" s="190">
        <v>0</v>
      </c>
      <c r="BG23" s="191">
        <v>0</v>
      </c>
      <c r="BH23" s="196">
        <v>0</v>
      </c>
      <c r="BI23" s="193">
        <v>0</v>
      </c>
      <c r="BJ23" s="191">
        <v>0</v>
      </c>
      <c r="BK23" s="191">
        <v>1</v>
      </c>
      <c r="BL23" s="191">
        <v>0</v>
      </c>
      <c r="BM23" s="191">
        <v>2</v>
      </c>
      <c r="BN23" s="191">
        <v>0</v>
      </c>
      <c r="BO23" s="194">
        <v>3</v>
      </c>
      <c r="BP23" s="195">
        <v>3</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0</v>
      </c>
      <c r="I24" s="191">
        <v>0</v>
      </c>
      <c r="J24" s="191">
        <v>1</v>
      </c>
      <c r="K24" s="191">
        <v>0</v>
      </c>
      <c r="L24" s="194">
        <v>1</v>
      </c>
      <c r="M24" s="195">
        <v>1</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7</v>
      </c>
      <c r="AD24" s="191">
        <v>5</v>
      </c>
      <c r="AE24" s="191">
        <v>1</v>
      </c>
      <c r="AF24" s="191">
        <v>0</v>
      </c>
      <c r="AG24" s="191">
        <v>0</v>
      </c>
      <c r="AH24" s="196">
        <v>13</v>
      </c>
      <c r="AI24" s="195">
        <v>13</v>
      </c>
      <c r="AJ24" s="190">
        <v>0</v>
      </c>
      <c r="AK24" s="191">
        <v>0</v>
      </c>
      <c r="AL24" s="196">
        <v>0</v>
      </c>
      <c r="AM24" s="193">
        <v>0</v>
      </c>
      <c r="AN24" s="191">
        <v>1</v>
      </c>
      <c r="AO24" s="191">
        <v>0</v>
      </c>
      <c r="AP24" s="191">
        <v>0</v>
      </c>
      <c r="AQ24" s="191">
        <v>0</v>
      </c>
      <c r="AR24" s="191">
        <v>0</v>
      </c>
      <c r="AS24" s="196">
        <v>1</v>
      </c>
      <c r="AT24" s="195">
        <v>1</v>
      </c>
      <c r="AU24" s="190">
        <v>0</v>
      </c>
      <c r="AV24" s="191">
        <v>0</v>
      </c>
      <c r="AW24" s="196">
        <v>0</v>
      </c>
      <c r="AX24" s="193">
        <v>0</v>
      </c>
      <c r="AY24" s="191">
        <v>0</v>
      </c>
      <c r="AZ24" s="191">
        <v>1</v>
      </c>
      <c r="BA24" s="191">
        <v>0</v>
      </c>
      <c r="BB24" s="191">
        <v>0</v>
      </c>
      <c r="BC24" s="191">
        <v>0</v>
      </c>
      <c r="BD24" s="196">
        <v>1</v>
      </c>
      <c r="BE24" s="195">
        <v>1</v>
      </c>
      <c r="BF24" s="190">
        <v>0</v>
      </c>
      <c r="BG24" s="191">
        <v>1</v>
      </c>
      <c r="BH24" s="196">
        <v>1</v>
      </c>
      <c r="BI24" s="193">
        <v>0</v>
      </c>
      <c r="BJ24" s="191">
        <v>0</v>
      </c>
      <c r="BK24" s="191">
        <v>0</v>
      </c>
      <c r="BL24" s="191">
        <v>0</v>
      </c>
      <c r="BM24" s="191">
        <v>0</v>
      </c>
      <c r="BN24" s="191">
        <v>0</v>
      </c>
      <c r="BO24" s="194">
        <v>0</v>
      </c>
      <c r="BP24" s="195">
        <v>1</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0</v>
      </c>
      <c r="CI24" s="191">
        <v>0</v>
      </c>
      <c r="CJ24" s="191">
        <v>0</v>
      </c>
      <c r="CK24" s="196">
        <v>0</v>
      </c>
      <c r="CL24" s="195">
        <v>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1</v>
      </c>
      <c r="L25" s="194">
        <v>1</v>
      </c>
      <c r="M25" s="195">
        <v>1</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2</v>
      </c>
      <c r="AD25" s="191">
        <v>1</v>
      </c>
      <c r="AE25" s="191">
        <v>1</v>
      </c>
      <c r="AF25" s="191">
        <v>0</v>
      </c>
      <c r="AG25" s="191">
        <v>0</v>
      </c>
      <c r="AH25" s="196">
        <v>4</v>
      </c>
      <c r="AI25" s="195">
        <v>4</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0</v>
      </c>
      <c r="BB25" s="191">
        <v>0</v>
      </c>
      <c r="BC25" s="191">
        <v>0</v>
      </c>
      <c r="BD25" s="196">
        <v>0</v>
      </c>
      <c r="BE25" s="195">
        <v>0</v>
      </c>
      <c r="BF25" s="190">
        <v>0</v>
      </c>
      <c r="BG25" s="191">
        <v>0</v>
      </c>
      <c r="BH25" s="196">
        <v>0</v>
      </c>
      <c r="BI25" s="193">
        <v>0</v>
      </c>
      <c r="BJ25" s="191">
        <v>1</v>
      </c>
      <c r="BK25" s="191">
        <v>0</v>
      </c>
      <c r="BL25" s="191">
        <v>3</v>
      </c>
      <c r="BM25" s="191">
        <v>0</v>
      </c>
      <c r="BN25" s="191">
        <v>2</v>
      </c>
      <c r="BO25" s="194">
        <v>6</v>
      </c>
      <c r="BP25" s="195">
        <v>6</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1</v>
      </c>
      <c r="CS25" s="191">
        <v>0</v>
      </c>
      <c r="CT25" s="191">
        <v>1</v>
      </c>
      <c r="CU25" s="191">
        <v>0</v>
      </c>
      <c r="CV25" s="196">
        <v>2</v>
      </c>
      <c r="CW25" s="195">
        <v>2</v>
      </c>
    </row>
    <row r="26" spans="2:101" ht="21" customHeight="1" x14ac:dyDescent="0.2">
      <c r="B26" s="106" t="s">
        <v>24</v>
      </c>
      <c r="C26" s="190">
        <v>0</v>
      </c>
      <c r="D26" s="196">
        <v>0</v>
      </c>
      <c r="E26" s="207">
        <v>0</v>
      </c>
      <c r="F26" s="193">
        <v>0</v>
      </c>
      <c r="G26" s="191">
        <v>1</v>
      </c>
      <c r="H26" s="191">
        <v>0</v>
      </c>
      <c r="I26" s="191">
        <v>0</v>
      </c>
      <c r="J26" s="191">
        <v>1</v>
      </c>
      <c r="K26" s="191">
        <v>1</v>
      </c>
      <c r="L26" s="194">
        <v>3</v>
      </c>
      <c r="M26" s="195">
        <v>3</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0</v>
      </c>
      <c r="AD26" s="191">
        <v>1</v>
      </c>
      <c r="AE26" s="191">
        <v>0</v>
      </c>
      <c r="AF26" s="191">
        <v>2</v>
      </c>
      <c r="AG26" s="191">
        <v>0</v>
      </c>
      <c r="AH26" s="196">
        <v>3</v>
      </c>
      <c r="AI26" s="195">
        <v>3</v>
      </c>
      <c r="AJ26" s="190">
        <v>0</v>
      </c>
      <c r="AK26" s="191">
        <v>0</v>
      </c>
      <c r="AL26" s="196">
        <v>0</v>
      </c>
      <c r="AM26" s="193">
        <v>0</v>
      </c>
      <c r="AN26" s="191">
        <v>0</v>
      </c>
      <c r="AO26" s="191">
        <v>0</v>
      </c>
      <c r="AP26" s="191">
        <v>0</v>
      </c>
      <c r="AQ26" s="191">
        <v>0</v>
      </c>
      <c r="AR26" s="191">
        <v>0</v>
      </c>
      <c r="AS26" s="196">
        <v>0</v>
      </c>
      <c r="AT26" s="195">
        <v>0</v>
      </c>
      <c r="AU26" s="190">
        <v>0</v>
      </c>
      <c r="AV26" s="191">
        <v>0</v>
      </c>
      <c r="AW26" s="196">
        <v>0</v>
      </c>
      <c r="AX26" s="193">
        <v>0</v>
      </c>
      <c r="AY26" s="191">
        <v>2</v>
      </c>
      <c r="AZ26" s="191">
        <v>1</v>
      </c>
      <c r="BA26" s="191">
        <v>0</v>
      </c>
      <c r="BB26" s="191">
        <v>0</v>
      </c>
      <c r="BC26" s="191">
        <v>0</v>
      </c>
      <c r="BD26" s="196">
        <v>3</v>
      </c>
      <c r="BE26" s="195">
        <v>3</v>
      </c>
      <c r="BF26" s="190">
        <v>0</v>
      </c>
      <c r="BG26" s="191">
        <v>0</v>
      </c>
      <c r="BH26" s="196">
        <v>0</v>
      </c>
      <c r="BI26" s="193">
        <v>0</v>
      </c>
      <c r="BJ26" s="191">
        <v>0</v>
      </c>
      <c r="BK26" s="191">
        <v>0</v>
      </c>
      <c r="BL26" s="191">
        <v>0</v>
      </c>
      <c r="BM26" s="191">
        <v>0</v>
      </c>
      <c r="BN26" s="191">
        <v>2</v>
      </c>
      <c r="BO26" s="194">
        <v>2</v>
      </c>
      <c r="BP26" s="195">
        <v>2</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4</v>
      </c>
      <c r="AD27" s="191">
        <v>2</v>
      </c>
      <c r="AE27" s="191">
        <v>0</v>
      </c>
      <c r="AF27" s="191">
        <v>1</v>
      </c>
      <c r="AG27" s="191">
        <v>0</v>
      </c>
      <c r="AH27" s="196">
        <v>7</v>
      </c>
      <c r="AI27" s="195">
        <v>7</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0</v>
      </c>
      <c r="AZ27" s="191">
        <v>0</v>
      </c>
      <c r="BA27" s="191">
        <v>0</v>
      </c>
      <c r="BB27" s="191">
        <v>0</v>
      </c>
      <c r="BC27" s="191">
        <v>0</v>
      </c>
      <c r="BD27" s="196">
        <v>0</v>
      </c>
      <c r="BE27" s="195">
        <v>0</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2</v>
      </c>
      <c r="AD28" s="191">
        <v>2</v>
      </c>
      <c r="AE28" s="191">
        <v>1</v>
      </c>
      <c r="AF28" s="191">
        <v>0</v>
      </c>
      <c r="AG28" s="191">
        <v>0</v>
      </c>
      <c r="AH28" s="196">
        <v>5</v>
      </c>
      <c r="AI28" s="195">
        <v>5</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0</v>
      </c>
      <c r="BA28" s="191">
        <v>0</v>
      </c>
      <c r="BB28" s="191">
        <v>0</v>
      </c>
      <c r="BC28" s="191">
        <v>0</v>
      </c>
      <c r="BD28" s="196">
        <v>0</v>
      </c>
      <c r="BE28" s="195">
        <v>0</v>
      </c>
      <c r="BF28" s="190">
        <v>0</v>
      </c>
      <c r="BG28" s="191">
        <v>0</v>
      </c>
      <c r="BH28" s="196">
        <v>0</v>
      </c>
      <c r="BI28" s="193">
        <v>0</v>
      </c>
      <c r="BJ28" s="191">
        <v>2</v>
      </c>
      <c r="BK28" s="191">
        <v>0</v>
      </c>
      <c r="BL28" s="191">
        <v>2</v>
      </c>
      <c r="BM28" s="191">
        <v>0</v>
      </c>
      <c r="BN28" s="191">
        <v>0</v>
      </c>
      <c r="BO28" s="194">
        <v>4</v>
      </c>
      <c r="BP28" s="195">
        <v>4</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0</v>
      </c>
      <c r="J29" s="191">
        <v>0</v>
      </c>
      <c r="K29" s="191">
        <v>0</v>
      </c>
      <c r="L29" s="194">
        <v>0</v>
      </c>
      <c r="M29" s="195">
        <v>0</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3</v>
      </c>
      <c r="AD29" s="191">
        <v>2</v>
      </c>
      <c r="AE29" s="191">
        <v>1</v>
      </c>
      <c r="AF29" s="191">
        <v>0</v>
      </c>
      <c r="AG29" s="191">
        <v>0</v>
      </c>
      <c r="AH29" s="196">
        <v>6</v>
      </c>
      <c r="AI29" s="195">
        <v>6</v>
      </c>
      <c r="AJ29" s="190">
        <v>0</v>
      </c>
      <c r="AK29" s="191">
        <v>0</v>
      </c>
      <c r="AL29" s="196">
        <v>0</v>
      </c>
      <c r="AM29" s="193">
        <v>0</v>
      </c>
      <c r="AN29" s="191">
        <v>1</v>
      </c>
      <c r="AO29" s="191">
        <v>1</v>
      </c>
      <c r="AP29" s="191">
        <v>0</v>
      </c>
      <c r="AQ29" s="191">
        <v>0</v>
      </c>
      <c r="AR29" s="191">
        <v>0</v>
      </c>
      <c r="AS29" s="196">
        <v>2</v>
      </c>
      <c r="AT29" s="195">
        <v>2</v>
      </c>
      <c r="AU29" s="190">
        <v>0</v>
      </c>
      <c r="AV29" s="191">
        <v>0</v>
      </c>
      <c r="AW29" s="196">
        <v>0</v>
      </c>
      <c r="AX29" s="193">
        <v>0</v>
      </c>
      <c r="AY29" s="191">
        <v>0</v>
      </c>
      <c r="AZ29" s="191">
        <v>0</v>
      </c>
      <c r="BA29" s="191">
        <v>0</v>
      </c>
      <c r="BB29" s="191">
        <v>0</v>
      </c>
      <c r="BC29" s="191">
        <v>0</v>
      </c>
      <c r="BD29" s="196">
        <v>0</v>
      </c>
      <c r="BE29" s="195">
        <v>0</v>
      </c>
      <c r="BF29" s="190">
        <v>0</v>
      </c>
      <c r="BG29" s="191">
        <v>0</v>
      </c>
      <c r="BH29" s="196">
        <v>0</v>
      </c>
      <c r="BI29" s="193">
        <v>0</v>
      </c>
      <c r="BJ29" s="191">
        <v>0</v>
      </c>
      <c r="BK29" s="191">
        <v>0</v>
      </c>
      <c r="BL29" s="191">
        <v>0</v>
      </c>
      <c r="BM29" s="191">
        <v>1</v>
      </c>
      <c r="BN29" s="191">
        <v>0</v>
      </c>
      <c r="BO29" s="194">
        <v>1</v>
      </c>
      <c r="BP29" s="195">
        <v>1</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1</v>
      </c>
      <c r="CR29" s="191">
        <v>0</v>
      </c>
      <c r="CS29" s="191">
        <v>1</v>
      </c>
      <c r="CT29" s="191">
        <v>0</v>
      </c>
      <c r="CU29" s="191">
        <v>0</v>
      </c>
      <c r="CV29" s="196">
        <v>2</v>
      </c>
      <c r="CW29" s="195">
        <v>2</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6</v>
      </c>
      <c r="AD30" s="191">
        <v>1</v>
      </c>
      <c r="AE30" s="191">
        <v>0</v>
      </c>
      <c r="AF30" s="191">
        <v>0</v>
      </c>
      <c r="AG30" s="191">
        <v>0</v>
      </c>
      <c r="AH30" s="196">
        <v>7</v>
      </c>
      <c r="AI30" s="195">
        <v>7</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0</v>
      </c>
      <c r="BM30" s="191">
        <v>0</v>
      </c>
      <c r="BN30" s="191">
        <v>0</v>
      </c>
      <c r="BO30" s="194">
        <v>1</v>
      </c>
      <c r="BP30" s="195">
        <v>1</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1</v>
      </c>
      <c r="H31" s="191">
        <v>0</v>
      </c>
      <c r="I31" s="191">
        <v>0</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0</v>
      </c>
      <c r="AD31" s="191">
        <v>0</v>
      </c>
      <c r="AE31" s="191">
        <v>1</v>
      </c>
      <c r="AF31" s="191">
        <v>0</v>
      </c>
      <c r="AG31" s="191">
        <v>0</v>
      </c>
      <c r="AH31" s="196">
        <v>1</v>
      </c>
      <c r="AI31" s="195">
        <v>1</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0</v>
      </c>
      <c r="AZ31" s="191">
        <v>1</v>
      </c>
      <c r="BA31" s="191">
        <v>0</v>
      </c>
      <c r="BB31" s="191">
        <v>0</v>
      </c>
      <c r="BC31" s="191">
        <v>0</v>
      </c>
      <c r="BD31" s="196">
        <v>1</v>
      </c>
      <c r="BE31" s="195">
        <v>1</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1</v>
      </c>
      <c r="CJ31" s="191">
        <v>0</v>
      </c>
      <c r="CK31" s="196">
        <v>1</v>
      </c>
      <c r="CL31" s="195">
        <v>1</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1</v>
      </c>
      <c r="AD32" s="191">
        <v>0</v>
      </c>
      <c r="AE32" s="191">
        <v>0</v>
      </c>
      <c r="AF32" s="191">
        <v>0</v>
      </c>
      <c r="AG32" s="191">
        <v>0</v>
      </c>
      <c r="AH32" s="196">
        <v>1</v>
      </c>
      <c r="AI32" s="195">
        <v>1</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0</v>
      </c>
      <c r="BK32" s="191">
        <v>0</v>
      </c>
      <c r="BL32" s="191">
        <v>0</v>
      </c>
      <c r="BM32" s="191">
        <v>0</v>
      </c>
      <c r="BN32" s="191">
        <v>0</v>
      </c>
      <c r="BO32" s="194">
        <v>0</v>
      </c>
      <c r="BP32" s="195">
        <v>0</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3</v>
      </c>
      <c r="AD33" s="191">
        <v>0</v>
      </c>
      <c r="AE33" s="191">
        <v>0</v>
      </c>
      <c r="AF33" s="191">
        <v>0</v>
      </c>
      <c r="AG33" s="191">
        <v>0</v>
      </c>
      <c r="AH33" s="196">
        <v>3</v>
      </c>
      <c r="AI33" s="195">
        <v>3</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0</v>
      </c>
      <c r="BB33" s="191">
        <v>0</v>
      </c>
      <c r="BC33" s="191">
        <v>0</v>
      </c>
      <c r="BD33" s="196">
        <v>0</v>
      </c>
      <c r="BE33" s="195">
        <v>0</v>
      </c>
      <c r="BF33" s="190">
        <v>0</v>
      </c>
      <c r="BG33" s="191">
        <v>0</v>
      </c>
      <c r="BH33" s="196">
        <v>0</v>
      </c>
      <c r="BI33" s="193">
        <v>0</v>
      </c>
      <c r="BJ33" s="191">
        <v>0</v>
      </c>
      <c r="BK33" s="191">
        <v>0</v>
      </c>
      <c r="BL33" s="191">
        <v>0</v>
      </c>
      <c r="BM33" s="191">
        <v>0</v>
      </c>
      <c r="BN33" s="191">
        <v>0</v>
      </c>
      <c r="BO33" s="194">
        <v>0</v>
      </c>
      <c r="BP33" s="195">
        <v>0</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1</v>
      </c>
      <c r="H34" s="191">
        <v>1</v>
      </c>
      <c r="I34" s="191">
        <v>0</v>
      </c>
      <c r="J34" s="191">
        <v>0</v>
      </c>
      <c r="K34" s="191">
        <v>0</v>
      </c>
      <c r="L34" s="194">
        <v>2</v>
      </c>
      <c r="M34" s="195">
        <v>2</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v>
      </c>
      <c r="AD34" s="191">
        <v>2</v>
      </c>
      <c r="AE34" s="191">
        <v>0</v>
      </c>
      <c r="AF34" s="191">
        <v>0</v>
      </c>
      <c r="AG34" s="191">
        <v>0</v>
      </c>
      <c r="AH34" s="196">
        <v>6</v>
      </c>
      <c r="AI34" s="195">
        <v>6</v>
      </c>
      <c r="AJ34" s="190">
        <v>0</v>
      </c>
      <c r="AK34" s="191">
        <v>0</v>
      </c>
      <c r="AL34" s="196">
        <v>0</v>
      </c>
      <c r="AM34" s="193">
        <v>0</v>
      </c>
      <c r="AN34" s="191">
        <v>1</v>
      </c>
      <c r="AO34" s="191">
        <v>0</v>
      </c>
      <c r="AP34" s="191">
        <v>1</v>
      </c>
      <c r="AQ34" s="191">
        <v>0</v>
      </c>
      <c r="AR34" s="191">
        <v>0</v>
      </c>
      <c r="AS34" s="196">
        <v>2</v>
      </c>
      <c r="AT34" s="195">
        <v>2</v>
      </c>
      <c r="AU34" s="190">
        <v>0</v>
      </c>
      <c r="AV34" s="191">
        <v>0</v>
      </c>
      <c r="AW34" s="196">
        <v>0</v>
      </c>
      <c r="AX34" s="193">
        <v>0</v>
      </c>
      <c r="AY34" s="191">
        <v>1</v>
      </c>
      <c r="AZ34" s="191">
        <v>0</v>
      </c>
      <c r="BA34" s="191">
        <v>0</v>
      </c>
      <c r="BB34" s="191">
        <v>0</v>
      </c>
      <c r="BC34" s="191">
        <v>0</v>
      </c>
      <c r="BD34" s="196">
        <v>1</v>
      </c>
      <c r="BE34" s="195">
        <v>1</v>
      </c>
      <c r="BF34" s="190">
        <v>0</v>
      </c>
      <c r="BG34" s="191">
        <v>0</v>
      </c>
      <c r="BH34" s="196">
        <v>0</v>
      </c>
      <c r="BI34" s="193">
        <v>0</v>
      </c>
      <c r="BJ34" s="191">
        <v>0</v>
      </c>
      <c r="BK34" s="191">
        <v>0</v>
      </c>
      <c r="BL34" s="191">
        <v>0</v>
      </c>
      <c r="BM34" s="191">
        <v>0</v>
      </c>
      <c r="BN34" s="191">
        <v>1</v>
      </c>
      <c r="BO34" s="194">
        <v>1</v>
      </c>
      <c r="BP34" s="195">
        <v>1</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0</v>
      </c>
      <c r="CI34" s="191">
        <v>1</v>
      </c>
      <c r="CJ34" s="191">
        <v>0</v>
      </c>
      <c r="CK34" s="196">
        <v>1</v>
      </c>
      <c r="CL34" s="195">
        <v>1</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0</v>
      </c>
      <c r="AD35" s="191">
        <v>0</v>
      </c>
      <c r="AE35" s="191">
        <v>1</v>
      </c>
      <c r="AF35" s="191">
        <v>0</v>
      </c>
      <c r="AG35" s="191">
        <v>0</v>
      </c>
      <c r="AH35" s="196">
        <v>1</v>
      </c>
      <c r="AI35" s="195">
        <v>1</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1</v>
      </c>
      <c r="BM35" s="191">
        <v>0</v>
      </c>
      <c r="BN35" s="191">
        <v>0</v>
      </c>
      <c r="BO35" s="194">
        <v>1</v>
      </c>
      <c r="BP35" s="195">
        <v>1</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0</v>
      </c>
      <c r="AD36" s="191">
        <v>0</v>
      </c>
      <c r="AE36" s="191">
        <v>0</v>
      </c>
      <c r="AF36" s="191">
        <v>0</v>
      </c>
      <c r="AG36" s="191">
        <v>0</v>
      </c>
      <c r="AH36" s="196">
        <v>0</v>
      </c>
      <c r="AI36" s="195">
        <v>0</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1</v>
      </c>
      <c r="AZ36" s="191">
        <v>0</v>
      </c>
      <c r="BA36" s="191">
        <v>0</v>
      </c>
      <c r="BB36" s="191">
        <v>0</v>
      </c>
      <c r="BC36" s="191">
        <v>0</v>
      </c>
      <c r="BD36" s="196">
        <v>1</v>
      </c>
      <c r="BE36" s="195">
        <v>1</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0</v>
      </c>
      <c r="J37" s="191">
        <v>0</v>
      </c>
      <c r="K37" s="191">
        <v>0</v>
      </c>
      <c r="L37" s="194">
        <v>0</v>
      </c>
      <c r="M37" s="195">
        <v>0</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v>
      </c>
      <c r="AD37" s="191">
        <v>0</v>
      </c>
      <c r="AE37" s="191">
        <v>0</v>
      </c>
      <c r="AF37" s="191">
        <v>0</v>
      </c>
      <c r="AG37" s="191">
        <v>0</v>
      </c>
      <c r="AH37" s="196">
        <v>1</v>
      </c>
      <c r="AI37" s="195">
        <v>1</v>
      </c>
      <c r="AJ37" s="190">
        <v>0</v>
      </c>
      <c r="AK37" s="191">
        <v>0</v>
      </c>
      <c r="AL37" s="196">
        <v>0</v>
      </c>
      <c r="AM37" s="193">
        <v>0</v>
      </c>
      <c r="AN37" s="191">
        <v>0</v>
      </c>
      <c r="AO37" s="191">
        <v>0</v>
      </c>
      <c r="AP37" s="191">
        <v>0</v>
      </c>
      <c r="AQ37" s="191">
        <v>0</v>
      </c>
      <c r="AR37" s="191">
        <v>0</v>
      </c>
      <c r="AS37" s="196">
        <v>0</v>
      </c>
      <c r="AT37" s="195">
        <v>0</v>
      </c>
      <c r="AU37" s="190">
        <v>1</v>
      </c>
      <c r="AV37" s="191">
        <v>0</v>
      </c>
      <c r="AW37" s="196">
        <v>1</v>
      </c>
      <c r="AX37" s="193">
        <v>0</v>
      </c>
      <c r="AY37" s="191">
        <v>0</v>
      </c>
      <c r="AZ37" s="191">
        <v>0</v>
      </c>
      <c r="BA37" s="191">
        <v>0</v>
      </c>
      <c r="BB37" s="191">
        <v>0</v>
      </c>
      <c r="BC37" s="191">
        <v>0</v>
      </c>
      <c r="BD37" s="196">
        <v>0</v>
      </c>
      <c r="BE37" s="195">
        <v>1</v>
      </c>
      <c r="BF37" s="190">
        <v>0</v>
      </c>
      <c r="BG37" s="191">
        <v>0</v>
      </c>
      <c r="BH37" s="196">
        <v>0</v>
      </c>
      <c r="BI37" s="193">
        <v>0</v>
      </c>
      <c r="BJ37" s="191">
        <v>1</v>
      </c>
      <c r="BK37" s="191">
        <v>0</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2</v>
      </c>
      <c r="AD38" s="191">
        <v>0</v>
      </c>
      <c r="AE38" s="191">
        <v>0</v>
      </c>
      <c r="AF38" s="191">
        <v>0</v>
      </c>
      <c r="AG38" s="191">
        <v>0</v>
      </c>
      <c r="AH38" s="196">
        <v>2</v>
      </c>
      <c r="AI38" s="195">
        <v>2</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0</v>
      </c>
      <c r="BA38" s="191">
        <v>0</v>
      </c>
      <c r="BB38" s="191">
        <v>0</v>
      </c>
      <c r="BC38" s="191">
        <v>0</v>
      </c>
      <c r="BD38" s="196">
        <v>0</v>
      </c>
      <c r="BE38" s="195">
        <v>0</v>
      </c>
      <c r="BF38" s="190">
        <v>0</v>
      </c>
      <c r="BG38" s="191">
        <v>0</v>
      </c>
      <c r="BH38" s="196">
        <v>0</v>
      </c>
      <c r="BI38" s="193">
        <v>0</v>
      </c>
      <c r="BJ38" s="191">
        <v>0</v>
      </c>
      <c r="BK38" s="191">
        <v>1</v>
      </c>
      <c r="BL38" s="191">
        <v>1</v>
      </c>
      <c r="BM38" s="191">
        <v>0</v>
      </c>
      <c r="BN38" s="191">
        <v>0</v>
      </c>
      <c r="BO38" s="194">
        <v>2</v>
      </c>
      <c r="BP38" s="195">
        <v>2</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1</v>
      </c>
      <c r="AH39" s="203">
        <v>1</v>
      </c>
      <c r="AI39" s="202">
        <v>1</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8" style="175" customWidth="1"/>
    <col min="18" max="16384" width="9" style="175"/>
  </cols>
  <sheetData>
    <row r="1" spans="2:24" ht="24" customHeight="1" x14ac:dyDescent="0.2">
      <c r="B1" s="142" t="s">
        <v>123</v>
      </c>
      <c r="H1" s="440">
        <f>第１表!F2</f>
        <v>6</v>
      </c>
      <c r="I1" s="440"/>
      <c r="J1" s="18">
        <f>第１表!G2</f>
        <v>12</v>
      </c>
      <c r="K1" s="445">
        <f>IF(J1&lt;3,J1+12-2,J1-2)</f>
        <v>10</v>
      </c>
      <c r="L1" s="445"/>
    </row>
    <row r="2" spans="2:24" ht="24" customHeight="1" thickBot="1" x14ac:dyDescent="0.25">
      <c r="B2" s="142" t="s">
        <v>130</v>
      </c>
    </row>
    <row r="3" spans="2:24" ht="21" customHeight="1" x14ac:dyDescent="0.2">
      <c r="B3" s="463"/>
      <c r="C3" s="464" t="s">
        <v>140</v>
      </c>
      <c r="D3" s="464"/>
      <c r="E3" s="464"/>
      <c r="F3" s="464"/>
      <c r="G3" s="464"/>
      <c r="H3" s="464"/>
      <c r="I3" s="464"/>
      <c r="J3" s="464"/>
      <c r="K3" s="464"/>
      <c r="L3" s="464"/>
      <c r="M3" s="494"/>
      <c r="N3" s="464" t="s">
        <v>112</v>
      </c>
      <c r="O3" s="464"/>
      <c r="P3" s="464"/>
      <c r="Q3" s="464"/>
      <c r="R3" s="464"/>
      <c r="S3" s="464"/>
      <c r="T3" s="464"/>
      <c r="U3" s="464"/>
      <c r="V3" s="464"/>
      <c r="W3" s="464"/>
      <c r="X3" s="494"/>
    </row>
    <row r="4" spans="2:24" ht="21" customHeight="1" x14ac:dyDescent="0.2">
      <c r="B4" s="500"/>
      <c r="C4" s="495" t="s">
        <v>61</v>
      </c>
      <c r="D4" s="495"/>
      <c r="E4" s="496"/>
      <c r="F4" s="497" t="s">
        <v>62</v>
      </c>
      <c r="G4" s="495"/>
      <c r="H4" s="495"/>
      <c r="I4" s="495"/>
      <c r="J4" s="495"/>
      <c r="K4" s="495"/>
      <c r="L4" s="498"/>
      <c r="M4" s="499" t="s">
        <v>52</v>
      </c>
      <c r="N4" s="495" t="s">
        <v>61</v>
      </c>
      <c r="O4" s="495"/>
      <c r="P4" s="496"/>
      <c r="Q4" s="497" t="s">
        <v>62</v>
      </c>
      <c r="R4" s="495"/>
      <c r="S4" s="495"/>
      <c r="T4" s="495"/>
      <c r="U4" s="495"/>
      <c r="V4" s="495"/>
      <c r="W4" s="498"/>
      <c r="X4" s="499" t="s">
        <v>52</v>
      </c>
    </row>
    <row r="5" spans="2:24" ht="30" customHeight="1" thickBot="1" x14ac:dyDescent="0.25">
      <c r="B5" s="501"/>
      <c r="C5" s="178" t="s">
        <v>43</v>
      </c>
      <c r="D5" s="178" t="s">
        <v>44</v>
      </c>
      <c r="E5" s="182" t="s">
        <v>45</v>
      </c>
      <c r="F5" s="180" t="s">
        <v>83</v>
      </c>
      <c r="G5" s="178" t="s">
        <v>47</v>
      </c>
      <c r="H5" s="178" t="s">
        <v>48</v>
      </c>
      <c r="I5" s="178" t="s">
        <v>49</v>
      </c>
      <c r="J5" s="178" t="s">
        <v>50</v>
      </c>
      <c r="K5" s="178" t="s">
        <v>51</v>
      </c>
      <c r="L5" s="182" t="s">
        <v>45</v>
      </c>
      <c r="M5" s="468"/>
      <c r="N5" s="178" t="s">
        <v>43</v>
      </c>
      <c r="O5" s="178" t="s">
        <v>44</v>
      </c>
      <c r="P5" s="182" t="s">
        <v>45</v>
      </c>
      <c r="Q5" s="180" t="s">
        <v>83</v>
      </c>
      <c r="R5" s="178" t="s">
        <v>47</v>
      </c>
      <c r="S5" s="178" t="s">
        <v>48</v>
      </c>
      <c r="T5" s="178" t="s">
        <v>49</v>
      </c>
      <c r="U5" s="178" t="s">
        <v>50</v>
      </c>
      <c r="V5" s="178" t="s">
        <v>51</v>
      </c>
      <c r="W5" s="182" t="s">
        <v>45</v>
      </c>
      <c r="X5" s="468"/>
    </row>
    <row r="6" spans="2:24" ht="21" customHeight="1" x14ac:dyDescent="0.2">
      <c r="B6" s="84" t="s">
        <v>4</v>
      </c>
      <c r="C6" s="184">
        <v>0</v>
      </c>
      <c r="D6" s="184">
        <v>0</v>
      </c>
      <c r="E6" s="189">
        <v>0</v>
      </c>
      <c r="F6" s="186">
        <v>0</v>
      </c>
      <c r="G6" s="184">
        <v>111466</v>
      </c>
      <c r="H6" s="184">
        <v>114478</v>
      </c>
      <c r="I6" s="184">
        <v>65562</v>
      </c>
      <c r="J6" s="184">
        <v>32760</v>
      </c>
      <c r="K6" s="184">
        <v>15018</v>
      </c>
      <c r="L6" s="189">
        <v>339284</v>
      </c>
      <c r="M6" s="188">
        <v>339284</v>
      </c>
      <c r="N6" s="184">
        <v>27</v>
      </c>
      <c r="O6" s="184">
        <v>61</v>
      </c>
      <c r="P6" s="189">
        <v>88</v>
      </c>
      <c r="Q6" s="186">
        <v>0</v>
      </c>
      <c r="R6" s="184">
        <v>7247</v>
      </c>
      <c r="S6" s="184">
        <v>9898</v>
      </c>
      <c r="T6" s="184">
        <v>12056</v>
      </c>
      <c r="U6" s="184">
        <v>6520</v>
      </c>
      <c r="V6" s="184">
        <v>4900</v>
      </c>
      <c r="W6" s="189">
        <v>40621</v>
      </c>
      <c r="X6" s="188">
        <v>40709</v>
      </c>
    </row>
    <row r="7" spans="2:24" ht="21" customHeight="1" x14ac:dyDescent="0.2">
      <c r="B7" s="95" t="s">
        <v>5</v>
      </c>
      <c r="C7" s="191">
        <v>0</v>
      </c>
      <c r="D7" s="191">
        <v>0</v>
      </c>
      <c r="E7" s="196">
        <v>0</v>
      </c>
      <c r="F7" s="193">
        <v>0</v>
      </c>
      <c r="G7" s="191">
        <v>39658</v>
      </c>
      <c r="H7" s="191">
        <v>53888</v>
      </c>
      <c r="I7" s="191">
        <v>30654</v>
      </c>
      <c r="J7" s="191">
        <v>15053</v>
      </c>
      <c r="K7" s="191">
        <v>7171</v>
      </c>
      <c r="L7" s="196">
        <v>146424</v>
      </c>
      <c r="M7" s="195">
        <v>146424</v>
      </c>
      <c r="N7" s="191">
        <v>9</v>
      </c>
      <c r="O7" s="191">
        <v>8</v>
      </c>
      <c r="P7" s="196">
        <v>17</v>
      </c>
      <c r="Q7" s="193">
        <v>0</v>
      </c>
      <c r="R7" s="191">
        <v>3609</v>
      </c>
      <c r="S7" s="191">
        <v>5124</v>
      </c>
      <c r="T7" s="191">
        <v>6304</v>
      </c>
      <c r="U7" s="191">
        <v>3653</v>
      </c>
      <c r="V7" s="191">
        <v>2695</v>
      </c>
      <c r="W7" s="196">
        <v>21385</v>
      </c>
      <c r="X7" s="195">
        <v>21402</v>
      </c>
    </row>
    <row r="8" spans="2:24" ht="21" customHeight="1" x14ac:dyDescent="0.2">
      <c r="B8" s="106" t="s">
        <v>6</v>
      </c>
      <c r="C8" s="191">
        <v>0</v>
      </c>
      <c r="D8" s="191">
        <v>0</v>
      </c>
      <c r="E8" s="196">
        <v>0</v>
      </c>
      <c r="F8" s="193">
        <v>0</v>
      </c>
      <c r="G8" s="191">
        <v>15054</v>
      </c>
      <c r="H8" s="191">
        <v>12951</v>
      </c>
      <c r="I8" s="191">
        <v>7190</v>
      </c>
      <c r="J8" s="191">
        <v>4235</v>
      </c>
      <c r="K8" s="191">
        <v>1992</v>
      </c>
      <c r="L8" s="196">
        <v>41422</v>
      </c>
      <c r="M8" s="195">
        <v>41422</v>
      </c>
      <c r="N8" s="191">
        <v>3</v>
      </c>
      <c r="O8" s="191">
        <v>0</v>
      </c>
      <c r="P8" s="196">
        <v>3</v>
      </c>
      <c r="Q8" s="193">
        <v>0</v>
      </c>
      <c r="R8" s="191">
        <v>1501</v>
      </c>
      <c r="S8" s="191">
        <v>2447</v>
      </c>
      <c r="T8" s="191">
        <v>2748</v>
      </c>
      <c r="U8" s="191">
        <v>1409</v>
      </c>
      <c r="V8" s="191">
        <v>1076</v>
      </c>
      <c r="W8" s="196">
        <v>9181</v>
      </c>
      <c r="X8" s="195">
        <v>9184</v>
      </c>
    </row>
    <row r="9" spans="2:24" ht="21" customHeight="1" x14ac:dyDescent="0.2">
      <c r="B9" s="106" t="s">
        <v>14</v>
      </c>
      <c r="C9" s="191">
        <v>0</v>
      </c>
      <c r="D9" s="191">
        <v>0</v>
      </c>
      <c r="E9" s="196">
        <v>0</v>
      </c>
      <c r="F9" s="193">
        <v>0</v>
      </c>
      <c r="G9" s="191">
        <v>8966</v>
      </c>
      <c r="H9" s="191">
        <v>10381</v>
      </c>
      <c r="I9" s="191">
        <v>6022</v>
      </c>
      <c r="J9" s="191">
        <v>3259</v>
      </c>
      <c r="K9" s="191">
        <v>1294</v>
      </c>
      <c r="L9" s="196">
        <v>29922</v>
      </c>
      <c r="M9" s="195">
        <v>29922</v>
      </c>
      <c r="N9" s="191">
        <v>0</v>
      </c>
      <c r="O9" s="191">
        <v>0</v>
      </c>
      <c r="P9" s="196">
        <v>0</v>
      </c>
      <c r="Q9" s="193">
        <v>0</v>
      </c>
      <c r="R9" s="191">
        <v>138</v>
      </c>
      <c r="S9" s="191">
        <v>149</v>
      </c>
      <c r="T9" s="191">
        <v>336</v>
      </c>
      <c r="U9" s="191">
        <v>233</v>
      </c>
      <c r="V9" s="191">
        <v>223</v>
      </c>
      <c r="W9" s="196">
        <v>1079</v>
      </c>
      <c r="X9" s="195">
        <v>1079</v>
      </c>
    </row>
    <row r="10" spans="2:24" ht="21" customHeight="1" x14ac:dyDescent="0.2">
      <c r="B10" s="106" t="s">
        <v>7</v>
      </c>
      <c r="C10" s="191">
        <v>0</v>
      </c>
      <c r="D10" s="191">
        <v>0</v>
      </c>
      <c r="E10" s="196">
        <v>0</v>
      </c>
      <c r="F10" s="193">
        <v>0</v>
      </c>
      <c r="G10" s="191">
        <v>9119</v>
      </c>
      <c r="H10" s="191">
        <v>5895</v>
      </c>
      <c r="I10" s="191">
        <v>2602</v>
      </c>
      <c r="J10" s="191">
        <v>1104</v>
      </c>
      <c r="K10" s="191">
        <v>493</v>
      </c>
      <c r="L10" s="196">
        <v>19213</v>
      </c>
      <c r="M10" s="195">
        <v>19213</v>
      </c>
      <c r="N10" s="191">
        <v>6</v>
      </c>
      <c r="O10" s="191">
        <v>18</v>
      </c>
      <c r="P10" s="196">
        <v>24</v>
      </c>
      <c r="Q10" s="193">
        <v>0</v>
      </c>
      <c r="R10" s="191">
        <v>728</v>
      </c>
      <c r="S10" s="191">
        <v>904</v>
      </c>
      <c r="T10" s="191">
        <v>968</v>
      </c>
      <c r="U10" s="191">
        <v>363</v>
      </c>
      <c r="V10" s="191">
        <v>259</v>
      </c>
      <c r="W10" s="196">
        <v>3222</v>
      </c>
      <c r="X10" s="195">
        <v>3246</v>
      </c>
    </row>
    <row r="11" spans="2:24" ht="21" customHeight="1" x14ac:dyDescent="0.2">
      <c r="B11" s="106" t="s">
        <v>8</v>
      </c>
      <c r="C11" s="191">
        <v>0</v>
      </c>
      <c r="D11" s="191">
        <v>0</v>
      </c>
      <c r="E11" s="196">
        <v>0</v>
      </c>
      <c r="F11" s="193">
        <v>0</v>
      </c>
      <c r="G11" s="191">
        <v>5095</v>
      </c>
      <c r="H11" s="191">
        <v>4902</v>
      </c>
      <c r="I11" s="191">
        <v>2312</v>
      </c>
      <c r="J11" s="191">
        <v>1253</v>
      </c>
      <c r="K11" s="191">
        <v>551</v>
      </c>
      <c r="L11" s="196">
        <v>14113</v>
      </c>
      <c r="M11" s="195">
        <v>14113</v>
      </c>
      <c r="N11" s="191">
        <v>0</v>
      </c>
      <c r="O11" s="191">
        <v>0</v>
      </c>
      <c r="P11" s="196">
        <v>0</v>
      </c>
      <c r="Q11" s="193">
        <v>0</v>
      </c>
      <c r="R11" s="191">
        <v>62</v>
      </c>
      <c r="S11" s="191">
        <v>80</v>
      </c>
      <c r="T11" s="191">
        <v>103</v>
      </c>
      <c r="U11" s="191">
        <v>114</v>
      </c>
      <c r="V11" s="191">
        <v>81</v>
      </c>
      <c r="W11" s="196">
        <v>440</v>
      </c>
      <c r="X11" s="195">
        <v>440</v>
      </c>
    </row>
    <row r="12" spans="2:24" ht="21" customHeight="1" x14ac:dyDescent="0.2">
      <c r="B12" s="106" t="s">
        <v>9</v>
      </c>
      <c r="C12" s="191">
        <v>0</v>
      </c>
      <c r="D12" s="191">
        <v>0</v>
      </c>
      <c r="E12" s="196">
        <v>0</v>
      </c>
      <c r="F12" s="193">
        <v>0</v>
      </c>
      <c r="G12" s="191">
        <v>3461</v>
      </c>
      <c r="H12" s="191">
        <v>2453</v>
      </c>
      <c r="I12" s="191">
        <v>1509</v>
      </c>
      <c r="J12" s="191">
        <v>1015</v>
      </c>
      <c r="K12" s="191">
        <v>442</v>
      </c>
      <c r="L12" s="196">
        <v>8880</v>
      </c>
      <c r="M12" s="195">
        <v>8880</v>
      </c>
      <c r="N12" s="191">
        <v>0</v>
      </c>
      <c r="O12" s="191">
        <v>0</v>
      </c>
      <c r="P12" s="196">
        <v>0</v>
      </c>
      <c r="Q12" s="193">
        <v>0</v>
      </c>
      <c r="R12" s="191">
        <v>46</v>
      </c>
      <c r="S12" s="191">
        <v>51</v>
      </c>
      <c r="T12" s="191">
        <v>109</v>
      </c>
      <c r="U12" s="191">
        <v>6</v>
      </c>
      <c r="V12" s="191">
        <v>40</v>
      </c>
      <c r="W12" s="196">
        <v>252</v>
      </c>
      <c r="X12" s="195">
        <v>252</v>
      </c>
    </row>
    <row r="13" spans="2:24" ht="21" customHeight="1" x14ac:dyDescent="0.2">
      <c r="B13" s="106" t="s">
        <v>10</v>
      </c>
      <c r="C13" s="191">
        <v>0</v>
      </c>
      <c r="D13" s="191">
        <v>0</v>
      </c>
      <c r="E13" s="196">
        <v>0</v>
      </c>
      <c r="F13" s="193">
        <v>0</v>
      </c>
      <c r="G13" s="191">
        <v>4394</v>
      </c>
      <c r="H13" s="191">
        <v>2109</v>
      </c>
      <c r="I13" s="191">
        <v>1245</v>
      </c>
      <c r="J13" s="191">
        <v>676</v>
      </c>
      <c r="K13" s="191">
        <v>121</v>
      </c>
      <c r="L13" s="196">
        <v>8545</v>
      </c>
      <c r="M13" s="195">
        <v>8545</v>
      </c>
      <c r="N13" s="191">
        <v>0</v>
      </c>
      <c r="O13" s="191">
        <v>5</v>
      </c>
      <c r="P13" s="196">
        <v>5</v>
      </c>
      <c r="Q13" s="193">
        <v>0</v>
      </c>
      <c r="R13" s="191">
        <v>92</v>
      </c>
      <c r="S13" s="191">
        <v>131</v>
      </c>
      <c r="T13" s="191">
        <v>234</v>
      </c>
      <c r="U13" s="191">
        <v>147</v>
      </c>
      <c r="V13" s="191">
        <v>121</v>
      </c>
      <c r="W13" s="196">
        <v>725</v>
      </c>
      <c r="X13" s="195">
        <v>730</v>
      </c>
    </row>
    <row r="14" spans="2:24" ht="21" customHeight="1" x14ac:dyDescent="0.2">
      <c r="B14" s="106" t="s">
        <v>11</v>
      </c>
      <c r="C14" s="191">
        <v>0</v>
      </c>
      <c r="D14" s="191">
        <v>0</v>
      </c>
      <c r="E14" s="196">
        <v>0</v>
      </c>
      <c r="F14" s="193">
        <v>0</v>
      </c>
      <c r="G14" s="191">
        <v>4159</v>
      </c>
      <c r="H14" s="191">
        <v>2769</v>
      </c>
      <c r="I14" s="191">
        <v>2187</v>
      </c>
      <c r="J14" s="191">
        <v>987</v>
      </c>
      <c r="K14" s="191">
        <v>455</v>
      </c>
      <c r="L14" s="196">
        <v>10557</v>
      </c>
      <c r="M14" s="195">
        <v>10557</v>
      </c>
      <c r="N14" s="191">
        <v>0</v>
      </c>
      <c r="O14" s="191">
        <v>0</v>
      </c>
      <c r="P14" s="196">
        <v>0</v>
      </c>
      <c r="Q14" s="193">
        <v>0</v>
      </c>
      <c r="R14" s="191">
        <v>212</v>
      </c>
      <c r="S14" s="191">
        <v>192</v>
      </c>
      <c r="T14" s="191">
        <v>113</v>
      </c>
      <c r="U14" s="191">
        <v>54</v>
      </c>
      <c r="V14" s="191">
        <v>26</v>
      </c>
      <c r="W14" s="196">
        <v>597</v>
      </c>
      <c r="X14" s="195">
        <v>597</v>
      </c>
    </row>
    <row r="15" spans="2:24" ht="21" customHeight="1" x14ac:dyDescent="0.2">
      <c r="B15" s="106" t="s">
        <v>12</v>
      </c>
      <c r="C15" s="191">
        <v>0</v>
      </c>
      <c r="D15" s="191">
        <v>0</v>
      </c>
      <c r="E15" s="196">
        <v>0</v>
      </c>
      <c r="F15" s="193">
        <v>0</v>
      </c>
      <c r="G15" s="191">
        <v>3364</v>
      </c>
      <c r="H15" s="191">
        <v>2162</v>
      </c>
      <c r="I15" s="191">
        <v>1586</v>
      </c>
      <c r="J15" s="191">
        <v>668</v>
      </c>
      <c r="K15" s="191">
        <v>222</v>
      </c>
      <c r="L15" s="196">
        <v>8002</v>
      </c>
      <c r="M15" s="195">
        <v>8002</v>
      </c>
      <c r="N15" s="191">
        <v>0</v>
      </c>
      <c r="O15" s="191">
        <v>0</v>
      </c>
      <c r="P15" s="196">
        <v>0</v>
      </c>
      <c r="Q15" s="193">
        <v>0</v>
      </c>
      <c r="R15" s="191">
        <v>41</v>
      </c>
      <c r="S15" s="191">
        <v>9</v>
      </c>
      <c r="T15" s="191">
        <v>20</v>
      </c>
      <c r="U15" s="191">
        <v>0</v>
      </c>
      <c r="V15" s="191">
        <v>14</v>
      </c>
      <c r="W15" s="196">
        <v>84</v>
      </c>
      <c r="X15" s="195">
        <v>84</v>
      </c>
    </row>
    <row r="16" spans="2:24" ht="21" customHeight="1" x14ac:dyDescent="0.2">
      <c r="B16" s="106" t="s">
        <v>13</v>
      </c>
      <c r="C16" s="191">
        <v>0</v>
      </c>
      <c r="D16" s="191">
        <v>0</v>
      </c>
      <c r="E16" s="196">
        <v>0</v>
      </c>
      <c r="F16" s="193">
        <v>0</v>
      </c>
      <c r="G16" s="191">
        <v>980</v>
      </c>
      <c r="H16" s="191">
        <v>1324</v>
      </c>
      <c r="I16" s="191">
        <v>633</v>
      </c>
      <c r="J16" s="191">
        <v>282</v>
      </c>
      <c r="K16" s="191">
        <v>117</v>
      </c>
      <c r="L16" s="196">
        <v>3336</v>
      </c>
      <c r="M16" s="195">
        <v>3336</v>
      </c>
      <c r="N16" s="191">
        <v>0</v>
      </c>
      <c r="O16" s="191">
        <v>0</v>
      </c>
      <c r="P16" s="196">
        <v>0</v>
      </c>
      <c r="Q16" s="193">
        <v>0</v>
      </c>
      <c r="R16" s="191">
        <v>8</v>
      </c>
      <c r="S16" s="191">
        <v>46</v>
      </c>
      <c r="T16" s="191">
        <v>86</v>
      </c>
      <c r="U16" s="191">
        <v>46</v>
      </c>
      <c r="V16" s="191">
        <v>97</v>
      </c>
      <c r="W16" s="196">
        <v>283</v>
      </c>
      <c r="X16" s="195">
        <v>283</v>
      </c>
    </row>
    <row r="17" spans="2:24" ht="21" customHeight="1" x14ac:dyDescent="0.2">
      <c r="B17" s="106" t="s">
        <v>15</v>
      </c>
      <c r="C17" s="191">
        <v>0</v>
      </c>
      <c r="D17" s="191">
        <v>0</v>
      </c>
      <c r="E17" s="196">
        <v>0</v>
      </c>
      <c r="F17" s="193">
        <v>0</v>
      </c>
      <c r="G17" s="191">
        <v>1541</v>
      </c>
      <c r="H17" s="191">
        <v>1672</v>
      </c>
      <c r="I17" s="191">
        <v>820</v>
      </c>
      <c r="J17" s="191">
        <v>398</v>
      </c>
      <c r="K17" s="191">
        <v>168</v>
      </c>
      <c r="L17" s="196">
        <v>4599</v>
      </c>
      <c r="M17" s="195">
        <v>4599</v>
      </c>
      <c r="N17" s="191">
        <v>0</v>
      </c>
      <c r="O17" s="191">
        <v>9</v>
      </c>
      <c r="P17" s="196">
        <v>9</v>
      </c>
      <c r="Q17" s="193">
        <v>0</v>
      </c>
      <c r="R17" s="191">
        <v>48</v>
      </c>
      <c r="S17" s="191">
        <v>45</v>
      </c>
      <c r="T17" s="191">
        <v>65</v>
      </c>
      <c r="U17" s="191">
        <v>8</v>
      </c>
      <c r="V17" s="191">
        <v>21</v>
      </c>
      <c r="W17" s="196">
        <v>187</v>
      </c>
      <c r="X17" s="195">
        <v>196</v>
      </c>
    </row>
    <row r="18" spans="2:24" ht="21" customHeight="1" x14ac:dyDescent="0.2">
      <c r="B18" s="106" t="s">
        <v>16</v>
      </c>
      <c r="C18" s="191">
        <v>0</v>
      </c>
      <c r="D18" s="191">
        <v>0</v>
      </c>
      <c r="E18" s="196">
        <v>0</v>
      </c>
      <c r="F18" s="193">
        <v>0</v>
      </c>
      <c r="G18" s="191">
        <v>1277</v>
      </c>
      <c r="H18" s="191">
        <v>1522</v>
      </c>
      <c r="I18" s="191">
        <v>931</v>
      </c>
      <c r="J18" s="191">
        <v>347</v>
      </c>
      <c r="K18" s="191">
        <v>146</v>
      </c>
      <c r="L18" s="196">
        <v>4223</v>
      </c>
      <c r="M18" s="195">
        <v>4223</v>
      </c>
      <c r="N18" s="191">
        <v>0</v>
      </c>
      <c r="O18" s="191">
        <v>0</v>
      </c>
      <c r="P18" s="196">
        <v>0</v>
      </c>
      <c r="Q18" s="193">
        <v>0</v>
      </c>
      <c r="R18" s="191">
        <v>55</v>
      </c>
      <c r="S18" s="191">
        <v>65</v>
      </c>
      <c r="T18" s="191">
        <v>50</v>
      </c>
      <c r="U18" s="191">
        <v>24</v>
      </c>
      <c r="V18" s="191">
        <v>43</v>
      </c>
      <c r="W18" s="196">
        <v>237</v>
      </c>
      <c r="X18" s="195">
        <v>237</v>
      </c>
    </row>
    <row r="19" spans="2:24" ht="21" customHeight="1" x14ac:dyDescent="0.2">
      <c r="B19" s="106" t="s">
        <v>17</v>
      </c>
      <c r="C19" s="191">
        <v>0</v>
      </c>
      <c r="D19" s="191">
        <v>0</v>
      </c>
      <c r="E19" s="196">
        <v>0</v>
      </c>
      <c r="F19" s="193">
        <v>0</v>
      </c>
      <c r="G19" s="191">
        <v>2372</v>
      </c>
      <c r="H19" s="191">
        <v>3275</v>
      </c>
      <c r="I19" s="191">
        <v>1855</v>
      </c>
      <c r="J19" s="191">
        <v>1076</v>
      </c>
      <c r="K19" s="191">
        <v>627</v>
      </c>
      <c r="L19" s="196">
        <v>9205</v>
      </c>
      <c r="M19" s="195">
        <v>9205</v>
      </c>
      <c r="N19" s="191">
        <v>5</v>
      </c>
      <c r="O19" s="191">
        <v>21</v>
      </c>
      <c r="P19" s="196">
        <v>26</v>
      </c>
      <c r="Q19" s="193">
        <v>0</v>
      </c>
      <c r="R19" s="191">
        <v>227</v>
      </c>
      <c r="S19" s="191">
        <v>206</v>
      </c>
      <c r="T19" s="191">
        <v>151</v>
      </c>
      <c r="U19" s="191">
        <v>118</v>
      </c>
      <c r="V19" s="191">
        <v>64</v>
      </c>
      <c r="W19" s="196">
        <v>766</v>
      </c>
      <c r="X19" s="195">
        <v>792</v>
      </c>
    </row>
    <row r="20" spans="2:24" ht="21" customHeight="1" x14ac:dyDescent="0.2">
      <c r="B20" s="106" t="s">
        <v>18</v>
      </c>
      <c r="C20" s="191">
        <v>0</v>
      </c>
      <c r="D20" s="191">
        <v>0</v>
      </c>
      <c r="E20" s="196">
        <v>0</v>
      </c>
      <c r="F20" s="193">
        <v>0</v>
      </c>
      <c r="G20" s="191">
        <v>2426</v>
      </c>
      <c r="H20" s="191">
        <v>1797</v>
      </c>
      <c r="I20" s="191">
        <v>979</v>
      </c>
      <c r="J20" s="191">
        <v>399</v>
      </c>
      <c r="K20" s="191">
        <v>180</v>
      </c>
      <c r="L20" s="196">
        <v>5781</v>
      </c>
      <c r="M20" s="195">
        <v>5781</v>
      </c>
      <c r="N20" s="191">
        <v>0</v>
      </c>
      <c r="O20" s="191">
        <v>0</v>
      </c>
      <c r="P20" s="196">
        <v>0</v>
      </c>
      <c r="Q20" s="193">
        <v>0</v>
      </c>
      <c r="R20" s="191">
        <v>99</v>
      </c>
      <c r="S20" s="191">
        <v>116</v>
      </c>
      <c r="T20" s="191">
        <v>280</v>
      </c>
      <c r="U20" s="191">
        <v>97</v>
      </c>
      <c r="V20" s="191">
        <v>75</v>
      </c>
      <c r="W20" s="196">
        <v>667</v>
      </c>
      <c r="X20" s="195">
        <v>667</v>
      </c>
    </row>
    <row r="21" spans="2:24" ht="21" customHeight="1" x14ac:dyDescent="0.2">
      <c r="B21" s="106" t="s">
        <v>19</v>
      </c>
      <c r="C21" s="191">
        <v>0</v>
      </c>
      <c r="D21" s="191">
        <v>0</v>
      </c>
      <c r="E21" s="196">
        <v>0</v>
      </c>
      <c r="F21" s="193">
        <v>0</v>
      </c>
      <c r="G21" s="191">
        <v>1027</v>
      </c>
      <c r="H21" s="191">
        <v>811</v>
      </c>
      <c r="I21" s="191">
        <v>399</v>
      </c>
      <c r="J21" s="191">
        <v>203</v>
      </c>
      <c r="K21" s="191">
        <v>105</v>
      </c>
      <c r="L21" s="196">
        <v>2545</v>
      </c>
      <c r="M21" s="195">
        <v>2545</v>
      </c>
      <c r="N21" s="191">
        <v>4</v>
      </c>
      <c r="O21" s="191">
        <v>0</v>
      </c>
      <c r="P21" s="196">
        <v>4</v>
      </c>
      <c r="Q21" s="193">
        <v>0</v>
      </c>
      <c r="R21" s="191">
        <v>129</v>
      </c>
      <c r="S21" s="191">
        <v>189</v>
      </c>
      <c r="T21" s="191">
        <v>166</v>
      </c>
      <c r="U21" s="191">
        <v>46</v>
      </c>
      <c r="V21" s="191">
        <v>34</v>
      </c>
      <c r="W21" s="196">
        <v>564</v>
      </c>
      <c r="X21" s="195">
        <v>568</v>
      </c>
    </row>
    <row r="22" spans="2:24" ht="21" customHeight="1" x14ac:dyDescent="0.2">
      <c r="B22" s="106" t="s">
        <v>20</v>
      </c>
      <c r="C22" s="191">
        <v>0</v>
      </c>
      <c r="D22" s="191">
        <v>0</v>
      </c>
      <c r="E22" s="196">
        <v>0</v>
      </c>
      <c r="F22" s="193">
        <v>0</v>
      </c>
      <c r="G22" s="191">
        <v>1495</v>
      </c>
      <c r="H22" s="191">
        <v>1048</v>
      </c>
      <c r="I22" s="191">
        <v>645</v>
      </c>
      <c r="J22" s="191">
        <v>183</v>
      </c>
      <c r="K22" s="191">
        <v>49</v>
      </c>
      <c r="L22" s="196">
        <v>3420</v>
      </c>
      <c r="M22" s="195">
        <v>3420</v>
      </c>
      <c r="N22" s="191">
        <v>0</v>
      </c>
      <c r="O22" s="191">
        <v>0</v>
      </c>
      <c r="P22" s="196">
        <v>0</v>
      </c>
      <c r="Q22" s="193">
        <v>0</v>
      </c>
      <c r="R22" s="191">
        <v>17</v>
      </c>
      <c r="S22" s="191">
        <v>4</v>
      </c>
      <c r="T22" s="191">
        <v>85</v>
      </c>
      <c r="U22" s="191">
        <v>29</v>
      </c>
      <c r="V22" s="191">
        <v>3</v>
      </c>
      <c r="W22" s="196">
        <v>138</v>
      </c>
      <c r="X22" s="195">
        <v>138</v>
      </c>
    </row>
    <row r="23" spans="2:24" ht="21" customHeight="1" x14ac:dyDescent="0.2">
      <c r="B23" s="106" t="s">
        <v>21</v>
      </c>
      <c r="C23" s="191">
        <v>0</v>
      </c>
      <c r="D23" s="191">
        <v>0</v>
      </c>
      <c r="E23" s="196">
        <v>0</v>
      </c>
      <c r="F23" s="193">
        <v>0</v>
      </c>
      <c r="G23" s="191">
        <v>1800</v>
      </c>
      <c r="H23" s="191">
        <v>1489</v>
      </c>
      <c r="I23" s="191">
        <v>1055</v>
      </c>
      <c r="J23" s="191">
        <v>356</v>
      </c>
      <c r="K23" s="191">
        <v>201</v>
      </c>
      <c r="L23" s="196">
        <v>4901</v>
      </c>
      <c r="M23" s="195">
        <v>4901</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1087</v>
      </c>
      <c r="H24" s="191">
        <v>931</v>
      </c>
      <c r="I24" s="191">
        <v>562</v>
      </c>
      <c r="J24" s="191">
        <v>286</v>
      </c>
      <c r="K24" s="191">
        <v>96</v>
      </c>
      <c r="L24" s="196">
        <v>2962</v>
      </c>
      <c r="M24" s="195">
        <v>2962</v>
      </c>
      <c r="N24" s="191">
        <v>0</v>
      </c>
      <c r="O24" s="191">
        <v>0</v>
      </c>
      <c r="P24" s="196">
        <v>0</v>
      </c>
      <c r="Q24" s="193">
        <v>0</v>
      </c>
      <c r="R24" s="191">
        <v>18</v>
      </c>
      <c r="S24" s="191">
        <v>42</v>
      </c>
      <c r="T24" s="191">
        <v>77</v>
      </c>
      <c r="U24" s="191">
        <v>67</v>
      </c>
      <c r="V24" s="191">
        <v>0</v>
      </c>
      <c r="W24" s="196">
        <v>204</v>
      </c>
      <c r="X24" s="195">
        <v>204</v>
      </c>
    </row>
    <row r="25" spans="2:24" ht="21" customHeight="1" x14ac:dyDescent="0.2">
      <c r="B25" s="106" t="s">
        <v>23</v>
      </c>
      <c r="C25" s="191">
        <v>0</v>
      </c>
      <c r="D25" s="191">
        <v>0</v>
      </c>
      <c r="E25" s="196">
        <v>0</v>
      </c>
      <c r="F25" s="193">
        <v>0</v>
      </c>
      <c r="G25" s="191">
        <v>582</v>
      </c>
      <c r="H25" s="191">
        <v>468</v>
      </c>
      <c r="I25" s="191">
        <v>289</v>
      </c>
      <c r="J25" s="191">
        <v>230</v>
      </c>
      <c r="K25" s="191">
        <v>90</v>
      </c>
      <c r="L25" s="196">
        <v>1659</v>
      </c>
      <c r="M25" s="195">
        <v>1659</v>
      </c>
      <c r="N25" s="191">
        <v>0</v>
      </c>
      <c r="O25" s="191">
        <v>0</v>
      </c>
      <c r="P25" s="196">
        <v>0</v>
      </c>
      <c r="Q25" s="193">
        <v>0</v>
      </c>
      <c r="R25" s="191">
        <v>0</v>
      </c>
      <c r="S25" s="191">
        <v>0</v>
      </c>
      <c r="T25" s="191">
        <v>23</v>
      </c>
      <c r="U25" s="191">
        <v>23</v>
      </c>
      <c r="V25" s="191">
        <v>0</v>
      </c>
      <c r="W25" s="196">
        <v>46</v>
      </c>
      <c r="X25" s="195">
        <v>46</v>
      </c>
    </row>
    <row r="26" spans="2:24" ht="21" customHeight="1" x14ac:dyDescent="0.2">
      <c r="B26" s="106" t="s">
        <v>24</v>
      </c>
      <c r="C26" s="191">
        <v>0</v>
      </c>
      <c r="D26" s="191">
        <v>0</v>
      </c>
      <c r="E26" s="196">
        <v>0</v>
      </c>
      <c r="F26" s="193">
        <v>0</v>
      </c>
      <c r="G26" s="191">
        <v>207</v>
      </c>
      <c r="H26" s="191">
        <v>113</v>
      </c>
      <c r="I26" s="191">
        <v>201</v>
      </c>
      <c r="J26" s="191">
        <v>52</v>
      </c>
      <c r="K26" s="191">
        <v>28</v>
      </c>
      <c r="L26" s="196">
        <v>601</v>
      </c>
      <c r="M26" s="195">
        <v>601</v>
      </c>
      <c r="N26" s="191">
        <v>0</v>
      </c>
      <c r="O26" s="191">
        <v>0</v>
      </c>
      <c r="P26" s="196">
        <v>0</v>
      </c>
      <c r="Q26" s="193">
        <v>0</v>
      </c>
      <c r="R26" s="191">
        <v>63</v>
      </c>
      <c r="S26" s="191">
        <v>34</v>
      </c>
      <c r="T26" s="191">
        <v>23</v>
      </c>
      <c r="U26" s="191">
        <v>22</v>
      </c>
      <c r="V26" s="191">
        <v>5</v>
      </c>
      <c r="W26" s="196">
        <v>147</v>
      </c>
      <c r="X26" s="195">
        <v>147</v>
      </c>
    </row>
    <row r="27" spans="2:24" ht="21" customHeight="1" x14ac:dyDescent="0.2">
      <c r="B27" s="106" t="s">
        <v>25</v>
      </c>
      <c r="C27" s="191">
        <v>0</v>
      </c>
      <c r="D27" s="191">
        <v>0</v>
      </c>
      <c r="E27" s="196">
        <v>0</v>
      </c>
      <c r="F27" s="193">
        <v>0</v>
      </c>
      <c r="G27" s="191">
        <v>563</v>
      </c>
      <c r="H27" s="191">
        <v>400</v>
      </c>
      <c r="I27" s="191">
        <v>138</v>
      </c>
      <c r="J27" s="191">
        <v>64</v>
      </c>
      <c r="K27" s="191">
        <v>0</v>
      </c>
      <c r="L27" s="196">
        <v>1165</v>
      </c>
      <c r="M27" s="195">
        <v>1165</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397</v>
      </c>
      <c r="H28" s="191">
        <v>390</v>
      </c>
      <c r="I28" s="191">
        <v>343</v>
      </c>
      <c r="J28" s="191">
        <v>133</v>
      </c>
      <c r="K28" s="191">
        <v>58</v>
      </c>
      <c r="L28" s="196">
        <v>1321</v>
      </c>
      <c r="M28" s="195">
        <v>1321</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278</v>
      </c>
      <c r="H29" s="191">
        <v>119</v>
      </c>
      <c r="I29" s="191">
        <v>54</v>
      </c>
      <c r="J29" s="191">
        <v>18</v>
      </c>
      <c r="K29" s="191">
        <v>22</v>
      </c>
      <c r="L29" s="196">
        <v>491</v>
      </c>
      <c r="M29" s="195">
        <v>491</v>
      </c>
      <c r="N29" s="191">
        <v>0</v>
      </c>
      <c r="O29" s="191">
        <v>0</v>
      </c>
      <c r="P29" s="196">
        <v>0</v>
      </c>
      <c r="Q29" s="193">
        <v>0</v>
      </c>
      <c r="R29" s="191">
        <v>39</v>
      </c>
      <c r="S29" s="191">
        <v>5</v>
      </c>
      <c r="T29" s="191">
        <v>26</v>
      </c>
      <c r="U29" s="191">
        <v>21</v>
      </c>
      <c r="V29" s="191">
        <v>0</v>
      </c>
      <c r="W29" s="196">
        <v>91</v>
      </c>
      <c r="X29" s="195">
        <v>91</v>
      </c>
    </row>
    <row r="30" spans="2:24" ht="21" customHeight="1" x14ac:dyDescent="0.2">
      <c r="B30" s="106" t="s">
        <v>28</v>
      </c>
      <c r="C30" s="191">
        <v>0</v>
      </c>
      <c r="D30" s="191">
        <v>0</v>
      </c>
      <c r="E30" s="196">
        <v>0</v>
      </c>
      <c r="F30" s="193">
        <v>0</v>
      </c>
      <c r="G30" s="191">
        <v>208</v>
      </c>
      <c r="H30" s="191">
        <v>113</v>
      </c>
      <c r="I30" s="191">
        <v>50</v>
      </c>
      <c r="J30" s="191">
        <v>27</v>
      </c>
      <c r="K30" s="191">
        <v>7</v>
      </c>
      <c r="L30" s="196">
        <v>405</v>
      </c>
      <c r="M30" s="195">
        <v>405</v>
      </c>
      <c r="N30" s="191">
        <v>0</v>
      </c>
      <c r="O30" s="191">
        <v>0</v>
      </c>
      <c r="P30" s="196">
        <v>0</v>
      </c>
      <c r="Q30" s="193">
        <v>0</v>
      </c>
      <c r="R30" s="191">
        <v>39</v>
      </c>
      <c r="S30" s="191">
        <v>25</v>
      </c>
      <c r="T30" s="191">
        <v>11</v>
      </c>
      <c r="U30" s="191">
        <v>23</v>
      </c>
      <c r="V30" s="191">
        <v>0</v>
      </c>
      <c r="W30" s="196">
        <v>98</v>
      </c>
      <c r="X30" s="195">
        <v>98</v>
      </c>
    </row>
    <row r="31" spans="2:24" ht="21" customHeight="1" x14ac:dyDescent="0.2">
      <c r="B31" s="106" t="s">
        <v>29</v>
      </c>
      <c r="C31" s="191">
        <v>0</v>
      </c>
      <c r="D31" s="191">
        <v>0</v>
      </c>
      <c r="E31" s="196">
        <v>0</v>
      </c>
      <c r="F31" s="193">
        <v>0</v>
      </c>
      <c r="G31" s="191">
        <v>92</v>
      </c>
      <c r="H31" s="191">
        <v>146</v>
      </c>
      <c r="I31" s="191">
        <v>114</v>
      </c>
      <c r="J31" s="191">
        <v>36</v>
      </c>
      <c r="K31" s="191">
        <v>0</v>
      </c>
      <c r="L31" s="196">
        <v>388</v>
      </c>
      <c r="M31" s="195">
        <v>388</v>
      </c>
      <c r="N31" s="191">
        <v>0</v>
      </c>
      <c r="O31" s="191">
        <v>0</v>
      </c>
      <c r="P31" s="196">
        <v>0</v>
      </c>
      <c r="Q31" s="193">
        <v>0</v>
      </c>
      <c r="R31" s="191">
        <v>26</v>
      </c>
      <c r="S31" s="191">
        <v>21</v>
      </c>
      <c r="T31" s="191">
        <v>0</v>
      </c>
      <c r="U31" s="191">
        <v>0</v>
      </c>
      <c r="V31" s="191">
        <v>0</v>
      </c>
      <c r="W31" s="196">
        <v>47</v>
      </c>
      <c r="X31" s="195">
        <v>47</v>
      </c>
    </row>
    <row r="32" spans="2:24" ht="21" customHeight="1" x14ac:dyDescent="0.2">
      <c r="B32" s="106" t="s">
        <v>30</v>
      </c>
      <c r="C32" s="191">
        <v>0</v>
      </c>
      <c r="D32" s="191">
        <v>0</v>
      </c>
      <c r="E32" s="196">
        <v>0</v>
      </c>
      <c r="F32" s="193">
        <v>0</v>
      </c>
      <c r="G32" s="191">
        <v>191</v>
      </c>
      <c r="H32" s="191">
        <v>168</v>
      </c>
      <c r="I32" s="191">
        <v>92</v>
      </c>
      <c r="J32" s="191">
        <v>0</v>
      </c>
      <c r="K32" s="191">
        <v>26</v>
      </c>
      <c r="L32" s="196">
        <v>477</v>
      </c>
      <c r="M32" s="195">
        <v>477</v>
      </c>
      <c r="N32" s="191">
        <v>0</v>
      </c>
      <c r="O32" s="191">
        <v>0</v>
      </c>
      <c r="P32" s="196">
        <v>0</v>
      </c>
      <c r="Q32" s="193">
        <v>0</v>
      </c>
      <c r="R32" s="191">
        <v>0</v>
      </c>
      <c r="S32" s="191">
        <v>4</v>
      </c>
      <c r="T32" s="191">
        <v>9</v>
      </c>
      <c r="U32" s="191">
        <v>0</v>
      </c>
      <c r="V32" s="191">
        <v>0</v>
      </c>
      <c r="W32" s="196">
        <v>13</v>
      </c>
      <c r="X32" s="195">
        <v>13</v>
      </c>
    </row>
    <row r="33" spans="2:24" ht="21" customHeight="1" x14ac:dyDescent="0.2">
      <c r="B33" s="106" t="s">
        <v>31</v>
      </c>
      <c r="C33" s="191">
        <v>0</v>
      </c>
      <c r="D33" s="191">
        <v>0</v>
      </c>
      <c r="E33" s="196">
        <v>0</v>
      </c>
      <c r="F33" s="193">
        <v>0</v>
      </c>
      <c r="G33" s="191">
        <v>147</v>
      </c>
      <c r="H33" s="191">
        <v>134</v>
      </c>
      <c r="I33" s="191">
        <v>71</v>
      </c>
      <c r="J33" s="191">
        <v>4</v>
      </c>
      <c r="K33" s="191">
        <v>0</v>
      </c>
      <c r="L33" s="196">
        <v>356</v>
      </c>
      <c r="M33" s="195">
        <v>356</v>
      </c>
      <c r="N33" s="191">
        <v>0</v>
      </c>
      <c r="O33" s="191">
        <v>0</v>
      </c>
      <c r="P33" s="196">
        <v>0</v>
      </c>
      <c r="Q33" s="193">
        <v>0</v>
      </c>
      <c r="R33" s="191">
        <v>0</v>
      </c>
      <c r="S33" s="191">
        <v>0</v>
      </c>
      <c r="T33" s="191">
        <v>21</v>
      </c>
      <c r="U33" s="191">
        <v>17</v>
      </c>
      <c r="V33" s="191">
        <v>0</v>
      </c>
      <c r="W33" s="196">
        <v>38</v>
      </c>
      <c r="X33" s="195">
        <v>38</v>
      </c>
    </row>
    <row r="34" spans="2:24" ht="21" customHeight="1" x14ac:dyDescent="0.2">
      <c r="B34" s="106" t="s">
        <v>32</v>
      </c>
      <c r="C34" s="191">
        <v>0</v>
      </c>
      <c r="D34" s="191">
        <v>0</v>
      </c>
      <c r="E34" s="196">
        <v>0</v>
      </c>
      <c r="F34" s="193">
        <v>0</v>
      </c>
      <c r="G34" s="191">
        <v>411</v>
      </c>
      <c r="H34" s="191">
        <v>309</v>
      </c>
      <c r="I34" s="191">
        <v>116</v>
      </c>
      <c r="J34" s="191">
        <v>86</v>
      </c>
      <c r="K34" s="191">
        <v>22</v>
      </c>
      <c r="L34" s="196">
        <v>944</v>
      </c>
      <c r="M34" s="195">
        <v>944</v>
      </c>
      <c r="N34" s="191">
        <v>0</v>
      </c>
      <c r="O34" s="191">
        <v>0</v>
      </c>
      <c r="P34" s="196">
        <v>0</v>
      </c>
      <c r="Q34" s="193">
        <v>0</v>
      </c>
      <c r="R34" s="191">
        <v>47</v>
      </c>
      <c r="S34" s="191">
        <v>9</v>
      </c>
      <c r="T34" s="191">
        <v>48</v>
      </c>
      <c r="U34" s="191">
        <v>0</v>
      </c>
      <c r="V34" s="191">
        <v>13</v>
      </c>
      <c r="W34" s="196">
        <v>117</v>
      </c>
      <c r="X34" s="195">
        <v>117</v>
      </c>
    </row>
    <row r="35" spans="2:24" ht="21" customHeight="1" x14ac:dyDescent="0.2">
      <c r="B35" s="106" t="s">
        <v>33</v>
      </c>
      <c r="C35" s="191">
        <v>0</v>
      </c>
      <c r="D35" s="191">
        <v>0</v>
      </c>
      <c r="E35" s="196">
        <v>0</v>
      </c>
      <c r="F35" s="193">
        <v>0</v>
      </c>
      <c r="G35" s="191">
        <v>148</v>
      </c>
      <c r="H35" s="191">
        <v>54</v>
      </c>
      <c r="I35" s="191">
        <v>64</v>
      </c>
      <c r="J35" s="191">
        <v>17</v>
      </c>
      <c r="K35" s="191">
        <v>8</v>
      </c>
      <c r="L35" s="196">
        <v>291</v>
      </c>
      <c r="M35" s="195">
        <v>291</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159</v>
      </c>
      <c r="H36" s="191">
        <v>64</v>
      </c>
      <c r="I36" s="191">
        <v>61</v>
      </c>
      <c r="J36" s="191">
        <v>14</v>
      </c>
      <c r="K36" s="191">
        <v>0</v>
      </c>
      <c r="L36" s="196">
        <v>298</v>
      </c>
      <c r="M36" s="195">
        <v>298</v>
      </c>
      <c r="N36" s="191">
        <v>0</v>
      </c>
      <c r="O36" s="191">
        <v>0</v>
      </c>
      <c r="P36" s="196">
        <v>0</v>
      </c>
      <c r="Q36" s="193">
        <v>0</v>
      </c>
      <c r="R36" s="191">
        <v>0</v>
      </c>
      <c r="S36" s="191">
        <v>0</v>
      </c>
      <c r="T36" s="191">
        <v>0</v>
      </c>
      <c r="U36" s="191">
        <v>0</v>
      </c>
      <c r="V36" s="191">
        <v>10</v>
      </c>
      <c r="W36" s="196">
        <v>10</v>
      </c>
      <c r="X36" s="195">
        <v>10</v>
      </c>
    </row>
    <row r="37" spans="2:24" ht="21" customHeight="1" x14ac:dyDescent="0.2">
      <c r="B37" s="106" t="s">
        <v>35</v>
      </c>
      <c r="C37" s="191">
        <v>0</v>
      </c>
      <c r="D37" s="191">
        <v>0</v>
      </c>
      <c r="E37" s="196">
        <v>0</v>
      </c>
      <c r="F37" s="193">
        <v>0</v>
      </c>
      <c r="G37" s="191">
        <v>193</v>
      </c>
      <c r="H37" s="191">
        <v>126</v>
      </c>
      <c r="I37" s="191">
        <v>173</v>
      </c>
      <c r="J37" s="191">
        <v>109</v>
      </c>
      <c r="K37" s="191">
        <v>28</v>
      </c>
      <c r="L37" s="196">
        <v>629</v>
      </c>
      <c r="M37" s="195">
        <v>629</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507</v>
      </c>
      <c r="H38" s="191">
        <v>400</v>
      </c>
      <c r="I38" s="191">
        <v>537</v>
      </c>
      <c r="J38" s="191">
        <v>169</v>
      </c>
      <c r="K38" s="191">
        <v>275</v>
      </c>
      <c r="L38" s="196">
        <v>1888</v>
      </c>
      <c r="M38" s="195">
        <v>1888</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108</v>
      </c>
      <c r="H39" s="198">
        <v>95</v>
      </c>
      <c r="I39" s="198">
        <v>73</v>
      </c>
      <c r="J39" s="198">
        <v>21</v>
      </c>
      <c r="K39" s="198">
        <v>24</v>
      </c>
      <c r="L39" s="203">
        <v>321</v>
      </c>
      <c r="M39" s="202">
        <v>321</v>
      </c>
      <c r="N39" s="198">
        <v>0</v>
      </c>
      <c r="O39" s="198">
        <v>0</v>
      </c>
      <c r="P39" s="203">
        <v>0</v>
      </c>
      <c r="Q39" s="200">
        <v>0</v>
      </c>
      <c r="R39" s="198">
        <v>3</v>
      </c>
      <c r="S39" s="198">
        <v>0</v>
      </c>
      <c r="T39" s="198">
        <v>0</v>
      </c>
      <c r="U39" s="198">
        <v>0</v>
      </c>
      <c r="V39" s="198">
        <v>0</v>
      </c>
      <c r="W39" s="203">
        <v>3</v>
      </c>
      <c r="X39" s="202">
        <v>3</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0">
        <f>第１表!F2</f>
        <v>6</v>
      </c>
      <c r="I1" s="440"/>
      <c r="J1" s="18">
        <f>第１表!G2</f>
        <v>12</v>
      </c>
      <c r="K1" s="445">
        <f>IF(J1&lt;3,J1+12-2,J1-2)</f>
        <v>10</v>
      </c>
      <c r="L1" s="445"/>
    </row>
    <row r="2" spans="2:24" ht="24" customHeight="1" thickBot="1" x14ac:dyDescent="0.25">
      <c r="B2" s="142" t="s">
        <v>132</v>
      </c>
    </row>
    <row r="3" spans="2:24" ht="21" customHeight="1" x14ac:dyDescent="0.2">
      <c r="B3" s="463"/>
      <c r="C3" s="464" t="s">
        <v>140</v>
      </c>
      <c r="D3" s="464"/>
      <c r="E3" s="464"/>
      <c r="F3" s="464"/>
      <c r="G3" s="464"/>
      <c r="H3" s="464"/>
      <c r="I3" s="464"/>
      <c r="J3" s="464"/>
      <c r="K3" s="464"/>
      <c r="L3" s="464"/>
      <c r="M3" s="494"/>
      <c r="N3" s="464" t="s">
        <v>112</v>
      </c>
      <c r="O3" s="464"/>
      <c r="P3" s="464"/>
      <c r="Q3" s="464"/>
      <c r="R3" s="464"/>
      <c r="S3" s="464"/>
      <c r="T3" s="464"/>
      <c r="U3" s="464"/>
      <c r="V3" s="464"/>
      <c r="W3" s="464"/>
      <c r="X3" s="494"/>
    </row>
    <row r="4" spans="2:24" ht="21" customHeight="1" x14ac:dyDescent="0.2">
      <c r="B4" s="500"/>
      <c r="C4" s="495" t="s">
        <v>61</v>
      </c>
      <c r="D4" s="495"/>
      <c r="E4" s="496"/>
      <c r="F4" s="497" t="s">
        <v>62</v>
      </c>
      <c r="G4" s="495"/>
      <c r="H4" s="495"/>
      <c r="I4" s="495"/>
      <c r="J4" s="495"/>
      <c r="K4" s="495"/>
      <c r="L4" s="498"/>
      <c r="M4" s="499" t="s">
        <v>52</v>
      </c>
      <c r="N4" s="495" t="s">
        <v>61</v>
      </c>
      <c r="O4" s="495"/>
      <c r="P4" s="496"/>
      <c r="Q4" s="497" t="s">
        <v>62</v>
      </c>
      <c r="R4" s="495"/>
      <c r="S4" s="495"/>
      <c r="T4" s="495"/>
      <c r="U4" s="495"/>
      <c r="V4" s="495"/>
      <c r="W4" s="498"/>
      <c r="X4" s="499" t="s">
        <v>52</v>
      </c>
    </row>
    <row r="5" spans="2:24" ht="30" customHeight="1" thickBot="1" x14ac:dyDescent="0.25">
      <c r="B5" s="501"/>
      <c r="C5" s="178" t="s">
        <v>43</v>
      </c>
      <c r="D5" s="178" t="s">
        <v>44</v>
      </c>
      <c r="E5" s="182" t="s">
        <v>45</v>
      </c>
      <c r="F5" s="180" t="s">
        <v>83</v>
      </c>
      <c r="G5" s="178" t="s">
        <v>47</v>
      </c>
      <c r="H5" s="178" t="s">
        <v>48</v>
      </c>
      <c r="I5" s="178" t="s">
        <v>49</v>
      </c>
      <c r="J5" s="178" t="s">
        <v>50</v>
      </c>
      <c r="K5" s="178" t="s">
        <v>51</v>
      </c>
      <c r="L5" s="182" t="s">
        <v>45</v>
      </c>
      <c r="M5" s="468"/>
      <c r="N5" s="178" t="s">
        <v>43</v>
      </c>
      <c r="O5" s="178" t="s">
        <v>44</v>
      </c>
      <c r="P5" s="182" t="s">
        <v>45</v>
      </c>
      <c r="Q5" s="180" t="s">
        <v>83</v>
      </c>
      <c r="R5" s="178" t="s">
        <v>47</v>
      </c>
      <c r="S5" s="178" t="s">
        <v>48</v>
      </c>
      <c r="T5" s="178" t="s">
        <v>49</v>
      </c>
      <c r="U5" s="178" t="s">
        <v>50</v>
      </c>
      <c r="V5" s="178" t="s">
        <v>51</v>
      </c>
      <c r="W5" s="182" t="s">
        <v>45</v>
      </c>
      <c r="X5" s="468"/>
    </row>
    <row r="6" spans="2:24" ht="21" customHeight="1" x14ac:dyDescent="0.2">
      <c r="B6" s="84" t="s">
        <v>4</v>
      </c>
      <c r="C6" s="184">
        <v>0</v>
      </c>
      <c r="D6" s="184">
        <v>0</v>
      </c>
      <c r="E6" s="189">
        <v>0</v>
      </c>
      <c r="F6" s="186">
        <v>0</v>
      </c>
      <c r="G6" s="184">
        <v>7377</v>
      </c>
      <c r="H6" s="184">
        <v>7512</v>
      </c>
      <c r="I6" s="184">
        <v>3718</v>
      </c>
      <c r="J6" s="184">
        <v>1480</v>
      </c>
      <c r="K6" s="184">
        <v>738</v>
      </c>
      <c r="L6" s="189">
        <v>20825</v>
      </c>
      <c r="M6" s="188">
        <v>20825</v>
      </c>
      <c r="N6" s="184">
        <v>0</v>
      </c>
      <c r="O6" s="184">
        <v>0</v>
      </c>
      <c r="P6" s="189">
        <v>0</v>
      </c>
      <c r="Q6" s="186">
        <v>0</v>
      </c>
      <c r="R6" s="184">
        <v>609</v>
      </c>
      <c r="S6" s="184">
        <v>752</v>
      </c>
      <c r="T6" s="184">
        <v>693</v>
      </c>
      <c r="U6" s="184">
        <v>399</v>
      </c>
      <c r="V6" s="184">
        <v>196</v>
      </c>
      <c r="W6" s="189">
        <v>2649</v>
      </c>
      <c r="X6" s="188">
        <v>2649</v>
      </c>
    </row>
    <row r="7" spans="2:24" ht="21" customHeight="1" x14ac:dyDescent="0.2">
      <c r="B7" s="95" t="s">
        <v>5</v>
      </c>
      <c r="C7" s="191">
        <v>0</v>
      </c>
      <c r="D7" s="191">
        <v>0</v>
      </c>
      <c r="E7" s="196">
        <v>0</v>
      </c>
      <c r="F7" s="193">
        <v>0</v>
      </c>
      <c r="G7" s="191">
        <v>2692</v>
      </c>
      <c r="H7" s="191">
        <v>3555</v>
      </c>
      <c r="I7" s="191">
        <v>2141</v>
      </c>
      <c r="J7" s="191">
        <v>619</v>
      </c>
      <c r="K7" s="191">
        <v>347</v>
      </c>
      <c r="L7" s="196">
        <v>9354</v>
      </c>
      <c r="M7" s="195">
        <v>9354</v>
      </c>
      <c r="N7" s="191">
        <v>0</v>
      </c>
      <c r="O7" s="191">
        <v>0</v>
      </c>
      <c r="P7" s="196">
        <v>0</v>
      </c>
      <c r="Q7" s="193">
        <v>0</v>
      </c>
      <c r="R7" s="191">
        <v>389</v>
      </c>
      <c r="S7" s="191">
        <v>426</v>
      </c>
      <c r="T7" s="191">
        <v>398</v>
      </c>
      <c r="U7" s="191">
        <v>200</v>
      </c>
      <c r="V7" s="191">
        <v>84</v>
      </c>
      <c r="W7" s="196">
        <v>1497</v>
      </c>
      <c r="X7" s="195">
        <v>1497</v>
      </c>
    </row>
    <row r="8" spans="2:24" ht="21" customHeight="1" x14ac:dyDescent="0.2">
      <c r="B8" s="106" t="s">
        <v>6</v>
      </c>
      <c r="C8" s="191">
        <v>0</v>
      </c>
      <c r="D8" s="191">
        <v>0</v>
      </c>
      <c r="E8" s="196">
        <v>0</v>
      </c>
      <c r="F8" s="193">
        <v>0</v>
      </c>
      <c r="G8" s="191">
        <v>830</v>
      </c>
      <c r="H8" s="191">
        <v>744</v>
      </c>
      <c r="I8" s="191">
        <v>293</v>
      </c>
      <c r="J8" s="191">
        <v>219</v>
      </c>
      <c r="K8" s="191">
        <v>154</v>
      </c>
      <c r="L8" s="196">
        <v>2240</v>
      </c>
      <c r="M8" s="195">
        <v>2240</v>
      </c>
      <c r="N8" s="191">
        <v>0</v>
      </c>
      <c r="O8" s="191">
        <v>0</v>
      </c>
      <c r="P8" s="196">
        <v>0</v>
      </c>
      <c r="Q8" s="193">
        <v>0</v>
      </c>
      <c r="R8" s="191">
        <v>73</v>
      </c>
      <c r="S8" s="191">
        <v>174</v>
      </c>
      <c r="T8" s="191">
        <v>98</v>
      </c>
      <c r="U8" s="191">
        <v>105</v>
      </c>
      <c r="V8" s="191">
        <v>36</v>
      </c>
      <c r="W8" s="196">
        <v>486</v>
      </c>
      <c r="X8" s="195">
        <v>486</v>
      </c>
    </row>
    <row r="9" spans="2:24" ht="21" customHeight="1" x14ac:dyDescent="0.2">
      <c r="B9" s="106" t="s">
        <v>14</v>
      </c>
      <c r="C9" s="191">
        <v>0</v>
      </c>
      <c r="D9" s="191">
        <v>0</v>
      </c>
      <c r="E9" s="196">
        <v>0</v>
      </c>
      <c r="F9" s="193">
        <v>0</v>
      </c>
      <c r="G9" s="191">
        <v>664</v>
      </c>
      <c r="H9" s="191">
        <v>691</v>
      </c>
      <c r="I9" s="191">
        <v>370</v>
      </c>
      <c r="J9" s="191">
        <v>221</v>
      </c>
      <c r="K9" s="191">
        <v>18</v>
      </c>
      <c r="L9" s="196">
        <v>1964</v>
      </c>
      <c r="M9" s="195">
        <v>1964</v>
      </c>
      <c r="N9" s="191">
        <v>0</v>
      </c>
      <c r="O9" s="191">
        <v>0</v>
      </c>
      <c r="P9" s="196">
        <v>0</v>
      </c>
      <c r="Q9" s="193">
        <v>0</v>
      </c>
      <c r="R9" s="191">
        <v>37</v>
      </c>
      <c r="S9" s="191">
        <v>9</v>
      </c>
      <c r="T9" s="191">
        <v>7</v>
      </c>
      <c r="U9" s="191">
        <v>0</v>
      </c>
      <c r="V9" s="191">
        <v>0</v>
      </c>
      <c r="W9" s="196">
        <v>53</v>
      </c>
      <c r="X9" s="195">
        <v>53</v>
      </c>
    </row>
    <row r="10" spans="2:24" ht="21" customHeight="1" x14ac:dyDescent="0.2">
      <c r="B10" s="106" t="s">
        <v>7</v>
      </c>
      <c r="C10" s="191">
        <v>0</v>
      </c>
      <c r="D10" s="191">
        <v>0</v>
      </c>
      <c r="E10" s="196">
        <v>0</v>
      </c>
      <c r="F10" s="193">
        <v>0</v>
      </c>
      <c r="G10" s="191">
        <v>539</v>
      </c>
      <c r="H10" s="191">
        <v>509</v>
      </c>
      <c r="I10" s="191">
        <v>143</v>
      </c>
      <c r="J10" s="191">
        <v>33</v>
      </c>
      <c r="K10" s="191">
        <v>0</v>
      </c>
      <c r="L10" s="196">
        <v>1224</v>
      </c>
      <c r="M10" s="195">
        <v>1224</v>
      </c>
      <c r="N10" s="191">
        <v>0</v>
      </c>
      <c r="O10" s="191">
        <v>0</v>
      </c>
      <c r="P10" s="196">
        <v>0</v>
      </c>
      <c r="Q10" s="193">
        <v>0</v>
      </c>
      <c r="R10" s="191">
        <v>48</v>
      </c>
      <c r="S10" s="191">
        <v>65</v>
      </c>
      <c r="T10" s="191">
        <v>53</v>
      </c>
      <c r="U10" s="191">
        <v>48</v>
      </c>
      <c r="V10" s="191">
        <v>18</v>
      </c>
      <c r="W10" s="196">
        <v>232</v>
      </c>
      <c r="X10" s="195">
        <v>232</v>
      </c>
    </row>
    <row r="11" spans="2:24" ht="21" customHeight="1" x14ac:dyDescent="0.2">
      <c r="B11" s="106" t="s">
        <v>8</v>
      </c>
      <c r="C11" s="191">
        <v>0</v>
      </c>
      <c r="D11" s="191">
        <v>0</v>
      </c>
      <c r="E11" s="196">
        <v>0</v>
      </c>
      <c r="F11" s="193">
        <v>0</v>
      </c>
      <c r="G11" s="191">
        <v>188</v>
      </c>
      <c r="H11" s="191">
        <v>314</v>
      </c>
      <c r="I11" s="191">
        <v>61</v>
      </c>
      <c r="J11" s="191">
        <v>83</v>
      </c>
      <c r="K11" s="191">
        <v>15</v>
      </c>
      <c r="L11" s="196">
        <v>661</v>
      </c>
      <c r="M11" s="195">
        <v>661</v>
      </c>
      <c r="N11" s="191">
        <v>0</v>
      </c>
      <c r="O11" s="191">
        <v>0</v>
      </c>
      <c r="P11" s="196">
        <v>0</v>
      </c>
      <c r="Q11" s="193">
        <v>0</v>
      </c>
      <c r="R11" s="191">
        <v>0</v>
      </c>
      <c r="S11" s="191">
        <v>0</v>
      </c>
      <c r="T11" s="191">
        <v>0</v>
      </c>
      <c r="U11" s="191">
        <v>0</v>
      </c>
      <c r="V11" s="191">
        <v>0</v>
      </c>
      <c r="W11" s="196">
        <v>0</v>
      </c>
      <c r="X11" s="195">
        <v>0</v>
      </c>
    </row>
    <row r="12" spans="2:24" ht="21" customHeight="1" x14ac:dyDescent="0.2">
      <c r="B12" s="106" t="s">
        <v>9</v>
      </c>
      <c r="C12" s="191">
        <v>0</v>
      </c>
      <c r="D12" s="191">
        <v>0</v>
      </c>
      <c r="E12" s="196">
        <v>0</v>
      </c>
      <c r="F12" s="193">
        <v>0</v>
      </c>
      <c r="G12" s="191">
        <v>366</v>
      </c>
      <c r="H12" s="191">
        <v>210</v>
      </c>
      <c r="I12" s="191">
        <v>124</v>
      </c>
      <c r="J12" s="191">
        <v>76</v>
      </c>
      <c r="K12" s="191">
        <v>50</v>
      </c>
      <c r="L12" s="196">
        <v>826</v>
      </c>
      <c r="M12" s="195">
        <v>826</v>
      </c>
      <c r="N12" s="191">
        <v>0</v>
      </c>
      <c r="O12" s="191">
        <v>0</v>
      </c>
      <c r="P12" s="196">
        <v>0</v>
      </c>
      <c r="Q12" s="193">
        <v>0</v>
      </c>
      <c r="R12" s="191">
        <v>0</v>
      </c>
      <c r="S12" s="191">
        <v>4</v>
      </c>
      <c r="T12" s="191">
        <v>0</v>
      </c>
      <c r="U12" s="191">
        <v>0</v>
      </c>
      <c r="V12" s="191">
        <v>14</v>
      </c>
      <c r="W12" s="196">
        <v>18</v>
      </c>
      <c r="X12" s="195">
        <v>18</v>
      </c>
    </row>
    <row r="13" spans="2:24" ht="21" customHeight="1" x14ac:dyDescent="0.2">
      <c r="B13" s="106" t="s">
        <v>10</v>
      </c>
      <c r="C13" s="191">
        <v>0</v>
      </c>
      <c r="D13" s="191">
        <v>0</v>
      </c>
      <c r="E13" s="196">
        <v>0</v>
      </c>
      <c r="F13" s="193">
        <v>0</v>
      </c>
      <c r="G13" s="191">
        <v>348</v>
      </c>
      <c r="H13" s="191">
        <v>189</v>
      </c>
      <c r="I13" s="191">
        <v>53</v>
      </c>
      <c r="J13" s="191">
        <v>35</v>
      </c>
      <c r="K13" s="191">
        <v>27</v>
      </c>
      <c r="L13" s="196">
        <v>652</v>
      </c>
      <c r="M13" s="195">
        <v>652</v>
      </c>
      <c r="N13" s="191">
        <v>0</v>
      </c>
      <c r="O13" s="191">
        <v>0</v>
      </c>
      <c r="P13" s="196">
        <v>0</v>
      </c>
      <c r="Q13" s="193">
        <v>0</v>
      </c>
      <c r="R13" s="191">
        <v>34</v>
      </c>
      <c r="S13" s="191">
        <v>9</v>
      </c>
      <c r="T13" s="191">
        <v>9</v>
      </c>
      <c r="U13" s="191">
        <v>0</v>
      </c>
      <c r="V13" s="191">
        <v>0</v>
      </c>
      <c r="W13" s="196">
        <v>52</v>
      </c>
      <c r="X13" s="195">
        <v>52</v>
      </c>
    </row>
    <row r="14" spans="2:24" ht="21" customHeight="1" x14ac:dyDescent="0.2">
      <c r="B14" s="106" t="s">
        <v>11</v>
      </c>
      <c r="C14" s="191">
        <v>0</v>
      </c>
      <c r="D14" s="191">
        <v>0</v>
      </c>
      <c r="E14" s="196">
        <v>0</v>
      </c>
      <c r="F14" s="193">
        <v>0</v>
      </c>
      <c r="G14" s="191">
        <v>215</v>
      </c>
      <c r="H14" s="191">
        <v>48</v>
      </c>
      <c r="I14" s="191">
        <v>39</v>
      </c>
      <c r="J14" s="191">
        <v>25</v>
      </c>
      <c r="K14" s="191">
        <v>14</v>
      </c>
      <c r="L14" s="196">
        <v>341</v>
      </c>
      <c r="M14" s="195">
        <v>341</v>
      </c>
      <c r="N14" s="191">
        <v>0</v>
      </c>
      <c r="O14" s="191">
        <v>0</v>
      </c>
      <c r="P14" s="196">
        <v>0</v>
      </c>
      <c r="Q14" s="193">
        <v>0</v>
      </c>
      <c r="R14" s="191">
        <v>0</v>
      </c>
      <c r="S14" s="191">
        <v>9</v>
      </c>
      <c r="T14" s="191">
        <v>26</v>
      </c>
      <c r="U14" s="191">
        <v>0</v>
      </c>
      <c r="V14" s="191">
        <v>0</v>
      </c>
      <c r="W14" s="196">
        <v>35</v>
      </c>
      <c r="X14" s="195">
        <v>35</v>
      </c>
    </row>
    <row r="15" spans="2:24" ht="21" customHeight="1" x14ac:dyDescent="0.2">
      <c r="B15" s="106" t="s">
        <v>12</v>
      </c>
      <c r="C15" s="191">
        <v>0</v>
      </c>
      <c r="D15" s="191">
        <v>0</v>
      </c>
      <c r="E15" s="196">
        <v>0</v>
      </c>
      <c r="F15" s="193">
        <v>0</v>
      </c>
      <c r="G15" s="191">
        <v>209</v>
      </c>
      <c r="H15" s="191">
        <v>155</v>
      </c>
      <c r="I15" s="191">
        <v>77</v>
      </c>
      <c r="J15" s="191">
        <v>47</v>
      </c>
      <c r="K15" s="191">
        <v>32</v>
      </c>
      <c r="L15" s="196">
        <v>520</v>
      </c>
      <c r="M15" s="195">
        <v>520</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107</v>
      </c>
      <c r="H16" s="191">
        <v>163</v>
      </c>
      <c r="I16" s="191">
        <v>69</v>
      </c>
      <c r="J16" s="191">
        <v>6</v>
      </c>
      <c r="K16" s="191">
        <v>0</v>
      </c>
      <c r="L16" s="196">
        <v>345</v>
      </c>
      <c r="M16" s="195">
        <v>345</v>
      </c>
      <c r="N16" s="191">
        <v>0</v>
      </c>
      <c r="O16" s="191">
        <v>0</v>
      </c>
      <c r="P16" s="196">
        <v>0</v>
      </c>
      <c r="Q16" s="193">
        <v>0</v>
      </c>
      <c r="R16" s="191">
        <v>0</v>
      </c>
      <c r="S16" s="191">
        <v>5</v>
      </c>
      <c r="T16" s="191">
        <v>0</v>
      </c>
      <c r="U16" s="191">
        <v>0</v>
      </c>
      <c r="V16" s="191">
        <v>18</v>
      </c>
      <c r="W16" s="196">
        <v>23</v>
      </c>
      <c r="X16" s="195">
        <v>23</v>
      </c>
    </row>
    <row r="17" spans="2:24" ht="21" customHeight="1" x14ac:dyDescent="0.2">
      <c r="B17" s="106" t="s">
        <v>15</v>
      </c>
      <c r="C17" s="191">
        <v>0</v>
      </c>
      <c r="D17" s="191">
        <v>0</v>
      </c>
      <c r="E17" s="196">
        <v>0</v>
      </c>
      <c r="F17" s="193">
        <v>0</v>
      </c>
      <c r="G17" s="191">
        <v>92</v>
      </c>
      <c r="H17" s="191">
        <v>75</v>
      </c>
      <c r="I17" s="191">
        <v>9</v>
      </c>
      <c r="J17" s="191">
        <v>32</v>
      </c>
      <c r="K17" s="191">
        <v>0</v>
      </c>
      <c r="L17" s="196">
        <v>208</v>
      </c>
      <c r="M17" s="195">
        <v>208</v>
      </c>
      <c r="N17" s="191">
        <v>0</v>
      </c>
      <c r="O17" s="191">
        <v>0</v>
      </c>
      <c r="P17" s="196">
        <v>0</v>
      </c>
      <c r="Q17" s="193">
        <v>0</v>
      </c>
      <c r="R17" s="191">
        <v>0</v>
      </c>
      <c r="S17" s="191">
        <v>0</v>
      </c>
      <c r="T17" s="191">
        <v>0</v>
      </c>
      <c r="U17" s="191">
        <v>8</v>
      </c>
      <c r="V17" s="191">
        <v>0</v>
      </c>
      <c r="W17" s="196">
        <v>8</v>
      </c>
      <c r="X17" s="195">
        <v>8</v>
      </c>
    </row>
    <row r="18" spans="2:24" ht="21" customHeight="1" x14ac:dyDescent="0.2">
      <c r="B18" s="106" t="s">
        <v>16</v>
      </c>
      <c r="C18" s="191">
        <v>0</v>
      </c>
      <c r="D18" s="191">
        <v>0</v>
      </c>
      <c r="E18" s="196">
        <v>0</v>
      </c>
      <c r="F18" s="193">
        <v>0</v>
      </c>
      <c r="G18" s="191">
        <v>81</v>
      </c>
      <c r="H18" s="191">
        <v>54</v>
      </c>
      <c r="I18" s="191">
        <v>49</v>
      </c>
      <c r="J18" s="191">
        <v>10</v>
      </c>
      <c r="K18" s="191">
        <v>0</v>
      </c>
      <c r="L18" s="196">
        <v>194</v>
      </c>
      <c r="M18" s="195">
        <v>194</v>
      </c>
      <c r="N18" s="191">
        <v>0</v>
      </c>
      <c r="O18" s="191">
        <v>0</v>
      </c>
      <c r="P18" s="196">
        <v>0</v>
      </c>
      <c r="Q18" s="193">
        <v>0</v>
      </c>
      <c r="R18" s="191">
        <v>0</v>
      </c>
      <c r="S18" s="191">
        <v>0</v>
      </c>
      <c r="T18" s="191">
        <v>0</v>
      </c>
      <c r="U18" s="191">
        <v>0</v>
      </c>
      <c r="V18" s="191">
        <v>0</v>
      </c>
      <c r="W18" s="196">
        <v>0</v>
      </c>
      <c r="X18" s="195">
        <v>0</v>
      </c>
    </row>
    <row r="19" spans="2:24" ht="21" customHeight="1" x14ac:dyDescent="0.2">
      <c r="B19" s="106" t="s">
        <v>17</v>
      </c>
      <c r="C19" s="191">
        <v>0</v>
      </c>
      <c r="D19" s="191">
        <v>0</v>
      </c>
      <c r="E19" s="196">
        <v>0</v>
      </c>
      <c r="F19" s="193">
        <v>0</v>
      </c>
      <c r="G19" s="191">
        <v>198</v>
      </c>
      <c r="H19" s="191">
        <v>256</v>
      </c>
      <c r="I19" s="191">
        <v>40</v>
      </c>
      <c r="J19" s="191">
        <v>35</v>
      </c>
      <c r="K19" s="191">
        <v>29</v>
      </c>
      <c r="L19" s="196">
        <v>558</v>
      </c>
      <c r="M19" s="195">
        <v>558</v>
      </c>
      <c r="N19" s="191">
        <v>0</v>
      </c>
      <c r="O19" s="191">
        <v>0</v>
      </c>
      <c r="P19" s="196">
        <v>0</v>
      </c>
      <c r="Q19" s="193">
        <v>0</v>
      </c>
      <c r="R19" s="191">
        <v>5</v>
      </c>
      <c r="S19" s="191">
        <v>14</v>
      </c>
      <c r="T19" s="191">
        <v>0</v>
      </c>
      <c r="U19" s="191">
        <v>0</v>
      </c>
      <c r="V19" s="191">
        <v>0</v>
      </c>
      <c r="W19" s="196">
        <v>19</v>
      </c>
      <c r="X19" s="195">
        <v>19</v>
      </c>
    </row>
    <row r="20" spans="2:24" ht="21" customHeight="1" x14ac:dyDescent="0.2">
      <c r="B20" s="106" t="s">
        <v>18</v>
      </c>
      <c r="C20" s="191">
        <v>0</v>
      </c>
      <c r="D20" s="191">
        <v>0</v>
      </c>
      <c r="E20" s="196">
        <v>0</v>
      </c>
      <c r="F20" s="193">
        <v>0</v>
      </c>
      <c r="G20" s="191">
        <v>177</v>
      </c>
      <c r="H20" s="191">
        <v>142</v>
      </c>
      <c r="I20" s="191">
        <v>47</v>
      </c>
      <c r="J20" s="191">
        <v>0</v>
      </c>
      <c r="K20" s="191">
        <v>8</v>
      </c>
      <c r="L20" s="196">
        <v>374</v>
      </c>
      <c r="M20" s="195">
        <v>374</v>
      </c>
      <c r="N20" s="191">
        <v>0</v>
      </c>
      <c r="O20" s="191">
        <v>0</v>
      </c>
      <c r="P20" s="196">
        <v>0</v>
      </c>
      <c r="Q20" s="193">
        <v>0</v>
      </c>
      <c r="R20" s="191">
        <v>4</v>
      </c>
      <c r="S20" s="191">
        <v>4</v>
      </c>
      <c r="T20" s="191">
        <v>53</v>
      </c>
      <c r="U20" s="191">
        <v>0</v>
      </c>
      <c r="V20" s="191">
        <v>21</v>
      </c>
      <c r="W20" s="196">
        <v>82</v>
      </c>
      <c r="X20" s="195">
        <v>82</v>
      </c>
    </row>
    <row r="21" spans="2:24" ht="21" customHeight="1" x14ac:dyDescent="0.2">
      <c r="B21" s="106" t="s">
        <v>19</v>
      </c>
      <c r="C21" s="191">
        <v>0</v>
      </c>
      <c r="D21" s="191">
        <v>0</v>
      </c>
      <c r="E21" s="196">
        <v>0</v>
      </c>
      <c r="F21" s="193">
        <v>0</v>
      </c>
      <c r="G21" s="191">
        <v>53</v>
      </c>
      <c r="H21" s="191">
        <v>5</v>
      </c>
      <c r="I21" s="191">
        <v>0</v>
      </c>
      <c r="J21" s="191">
        <v>0</v>
      </c>
      <c r="K21" s="191">
        <v>0</v>
      </c>
      <c r="L21" s="196">
        <v>58</v>
      </c>
      <c r="M21" s="195">
        <v>58</v>
      </c>
      <c r="N21" s="191">
        <v>0</v>
      </c>
      <c r="O21" s="191">
        <v>0</v>
      </c>
      <c r="P21" s="196">
        <v>0</v>
      </c>
      <c r="Q21" s="193">
        <v>0</v>
      </c>
      <c r="R21" s="191">
        <v>13</v>
      </c>
      <c r="S21" s="191">
        <v>20</v>
      </c>
      <c r="T21" s="191">
        <v>0</v>
      </c>
      <c r="U21" s="191">
        <v>0</v>
      </c>
      <c r="V21" s="191">
        <v>0</v>
      </c>
      <c r="W21" s="196">
        <v>33</v>
      </c>
      <c r="X21" s="195">
        <v>33</v>
      </c>
    </row>
    <row r="22" spans="2:24" ht="21" customHeight="1" x14ac:dyDescent="0.2">
      <c r="B22" s="106" t="s">
        <v>20</v>
      </c>
      <c r="C22" s="191">
        <v>0</v>
      </c>
      <c r="D22" s="191">
        <v>0</v>
      </c>
      <c r="E22" s="196">
        <v>0</v>
      </c>
      <c r="F22" s="193">
        <v>0</v>
      </c>
      <c r="G22" s="191">
        <v>139</v>
      </c>
      <c r="H22" s="191">
        <v>147</v>
      </c>
      <c r="I22" s="191">
        <v>53</v>
      </c>
      <c r="J22" s="191">
        <v>22</v>
      </c>
      <c r="K22" s="191">
        <v>0</v>
      </c>
      <c r="L22" s="196">
        <v>361</v>
      </c>
      <c r="M22" s="195">
        <v>361</v>
      </c>
      <c r="N22" s="191">
        <v>0</v>
      </c>
      <c r="O22" s="191">
        <v>0</v>
      </c>
      <c r="P22" s="196">
        <v>0</v>
      </c>
      <c r="Q22" s="193">
        <v>0</v>
      </c>
      <c r="R22" s="191">
        <v>0</v>
      </c>
      <c r="S22" s="191">
        <v>0</v>
      </c>
      <c r="T22" s="191">
        <v>0</v>
      </c>
      <c r="U22" s="191">
        <v>0</v>
      </c>
      <c r="V22" s="191">
        <v>0</v>
      </c>
      <c r="W22" s="196">
        <v>0</v>
      </c>
      <c r="X22" s="195">
        <v>0</v>
      </c>
    </row>
    <row r="23" spans="2:24" ht="21" customHeight="1" x14ac:dyDescent="0.2">
      <c r="B23" s="106" t="s">
        <v>21</v>
      </c>
      <c r="C23" s="191">
        <v>0</v>
      </c>
      <c r="D23" s="191">
        <v>0</v>
      </c>
      <c r="E23" s="196">
        <v>0</v>
      </c>
      <c r="F23" s="193">
        <v>0</v>
      </c>
      <c r="G23" s="191">
        <v>145</v>
      </c>
      <c r="H23" s="191">
        <v>64</v>
      </c>
      <c r="I23" s="191">
        <v>21</v>
      </c>
      <c r="J23" s="191">
        <v>9</v>
      </c>
      <c r="K23" s="191">
        <v>0</v>
      </c>
      <c r="L23" s="196">
        <v>239</v>
      </c>
      <c r="M23" s="195">
        <v>239</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75</v>
      </c>
      <c r="H24" s="191">
        <v>27</v>
      </c>
      <c r="I24" s="191">
        <v>22</v>
      </c>
      <c r="J24" s="191">
        <v>4</v>
      </c>
      <c r="K24" s="191">
        <v>30</v>
      </c>
      <c r="L24" s="196">
        <v>158</v>
      </c>
      <c r="M24" s="195">
        <v>158</v>
      </c>
      <c r="N24" s="191">
        <v>0</v>
      </c>
      <c r="O24" s="191">
        <v>0</v>
      </c>
      <c r="P24" s="196">
        <v>0</v>
      </c>
      <c r="Q24" s="193">
        <v>0</v>
      </c>
      <c r="R24" s="191">
        <v>0</v>
      </c>
      <c r="S24" s="191">
        <v>0</v>
      </c>
      <c r="T24" s="191">
        <v>27</v>
      </c>
      <c r="U24" s="191">
        <v>0</v>
      </c>
      <c r="V24" s="191">
        <v>0</v>
      </c>
      <c r="W24" s="196">
        <v>27</v>
      </c>
      <c r="X24" s="195">
        <v>27</v>
      </c>
    </row>
    <row r="25" spans="2:24" ht="21" customHeight="1" x14ac:dyDescent="0.2">
      <c r="B25" s="106" t="s">
        <v>23</v>
      </c>
      <c r="C25" s="191">
        <v>0</v>
      </c>
      <c r="D25" s="191">
        <v>0</v>
      </c>
      <c r="E25" s="196">
        <v>0</v>
      </c>
      <c r="F25" s="193">
        <v>0</v>
      </c>
      <c r="G25" s="191">
        <v>43</v>
      </c>
      <c r="H25" s="191">
        <v>13</v>
      </c>
      <c r="I25" s="191">
        <v>3</v>
      </c>
      <c r="J25" s="191">
        <v>0</v>
      </c>
      <c r="K25" s="191">
        <v>0</v>
      </c>
      <c r="L25" s="196">
        <v>59</v>
      </c>
      <c r="M25" s="195">
        <v>59</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33</v>
      </c>
      <c r="H26" s="191">
        <v>14</v>
      </c>
      <c r="I26" s="191">
        <v>4</v>
      </c>
      <c r="J26" s="191">
        <v>0</v>
      </c>
      <c r="K26" s="191">
        <v>10</v>
      </c>
      <c r="L26" s="196">
        <v>61</v>
      </c>
      <c r="M26" s="195">
        <v>61</v>
      </c>
      <c r="N26" s="191">
        <v>0</v>
      </c>
      <c r="O26" s="191">
        <v>0</v>
      </c>
      <c r="P26" s="196">
        <v>0</v>
      </c>
      <c r="Q26" s="193">
        <v>0</v>
      </c>
      <c r="R26" s="191">
        <v>0</v>
      </c>
      <c r="S26" s="191">
        <v>0</v>
      </c>
      <c r="T26" s="191">
        <v>14</v>
      </c>
      <c r="U26" s="191">
        <v>0</v>
      </c>
      <c r="V26" s="191">
        <v>5</v>
      </c>
      <c r="W26" s="196">
        <v>19</v>
      </c>
      <c r="X26" s="195">
        <v>19</v>
      </c>
    </row>
    <row r="27" spans="2:24" ht="21" customHeight="1" x14ac:dyDescent="0.2">
      <c r="B27" s="106" t="s">
        <v>25</v>
      </c>
      <c r="C27" s="191">
        <v>0</v>
      </c>
      <c r="D27" s="191">
        <v>0</v>
      </c>
      <c r="E27" s="196">
        <v>0</v>
      </c>
      <c r="F27" s="193">
        <v>0</v>
      </c>
      <c r="G27" s="191">
        <v>15</v>
      </c>
      <c r="H27" s="191">
        <v>23</v>
      </c>
      <c r="I27" s="191">
        <v>7</v>
      </c>
      <c r="J27" s="191">
        <v>4</v>
      </c>
      <c r="K27" s="191">
        <v>0</v>
      </c>
      <c r="L27" s="196">
        <v>49</v>
      </c>
      <c r="M27" s="195">
        <v>49</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53</v>
      </c>
      <c r="H28" s="191">
        <v>9</v>
      </c>
      <c r="I28" s="191">
        <v>71</v>
      </c>
      <c r="J28" s="191">
        <v>0</v>
      </c>
      <c r="K28" s="191">
        <v>0</v>
      </c>
      <c r="L28" s="196">
        <v>133</v>
      </c>
      <c r="M28" s="195">
        <v>133</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0</v>
      </c>
      <c r="H29" s="191">
        <v>5</v>
      </c>
      <c r="I29" s="191">
        <v>0</v>
      </c>
      <c r="J29" s="191">
        <v>0</v>
      </c>
      <c r="K29" s="191">
        <v>0</v>
      </c>
      <c r="L29" s="196">
        <v>5</v>
      </c>
      <c r="M29" s="195">
        <v>5</v>
      </c>
      <c r="N29" s="191">
        <v>0</v>
      </c>
      <c r="O29" s="191">
        <v>0</v>
      </c>
      <c r="P29" s="196">
        <v>0</v>
      </c>
      <c r="Q29" s="193">
        <v>0</v>
      </c>
      <c r="R29" s="191">
        <v>6</v>
      </c>
      <c r="S29" s="191">
        <v>0</v>
      </c>
      <c r="T29" s="191">
        <v>8</v>
      </c>
      <c r="U29" s="191">
        <v>21</v>
      </c>
      <c r="V29" s="191">
        <v>0</v>
      </c>
      <c r="W29" s="196">
        <v>35</v>
      </c>
      <c r="X29" s="195">
        <v>35</v>
      </c>
    </row>
    <row r="30" spans="2:24" ht="21" customHeight="1" x14ac:dyDescent="0.2">
      <c r="B30" s="106" t="s">
        <v>28</v>
      </c>
      <c r="C30" s="191">
        <v>0</v>
      </c>
      <c r="D30" s="191">
        <v>0</v>
      </c>
      <c r="E30" s="196">
        <v>0</v>
      </c>
      <c r="F30" s="193">
        <v>0</v>
      </c>
      <c r="G30" s="191">
        <v>32</v>
      </c>
      <c r="H30" s="191">
        <v>5</v>
      </c>
      <c r="I30" s="191">
        <v>0</v>
      </c>
      <c r="J30" s="191">
        <v>0</v>
      </c>
      <c r="K30" s="191">
        <v>0</v>
      </c>
      <c r="L30" s="196">
        <v>37</v>
      </c>
      <c r="M30" s="195">
        <v>37</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0</v>
      </c>
      <c r="H31" s="191">
        <v>17</v>
      </c>
      <c r="I31" s="191">
        <v>5</v>
      </c>
      <c r="J31" s="191">
        <v>0</v>
      </c>
      <c r="K31" s="191">
        <v>0</v>
      </c>
      <c r="L31" s="196">
        <v>22</v>
      </c>
      <c r="M31" s="195">
        <v>22</v>
      </c>
      <c r="N31" s="191">
        <v>0</v>
      </c>
      <c r="O31" s="191">
        <v>0</v>
      </c>
      <c r="P31" s="196">
        <v>0</v>
      </c>
      <c r="Q31" s="193">
        <v>0</v>
      </c>
      <c r="R31" s="191">
        <v>0</v>
      </c>
      <c r="S31" s="191">
        <v>13</v>
      </c>
      <c r="T31" s="191">
        <v>0</v>
      </c>
      <c r="U31" s="191">
        <v>0</v>
      </c>
      <c r="V31" s="191">
        <v>0</v>
      </c>
      <c r="W31" s="196">
        <v>13</v>
      </c>
      <c r="X31" s="195">
        <v>13</v>
      </c>
    </row>
    <row r="32" spans="2:24" ht="21" customHeight="1" x14ac:dyDescent="0.2">
      <c r="B32" s="106" t="s">
        <v>30</v>
      </c>
      <c r="C32" s="191">
        <v>0</v>
      </c>
      <c r="D32" s="191">
        <v>0</v>
      </c>
      <c r="E32" s="196">
        <v>0</v>
      </c>
      <c r="F32" s="193">
        <v>0</v>
      </c>
      <c r="G32" s="191">
        <v>0</v>
      </c>
      <c r="H32" s="191">
        <v>0</v>
      </c>
      <c r="I32" s="191">
        <v>17</v>
      </c>
      <c r="J32" s="191">
        <v>0</v>
      </c>
      <c r="K32" s="191">
        <v>0</v>
      </c>
      <c r="L32" s="196">
        <v>17</v>
      </c>
      <c r="M32" s="195">
        <v>17</v>
      </c>
      <c r="N32" s="191">
        <v>0</v>
      </c>
      <c r="O32" s="191">
        <v>0</v>
      </c>
      <c r="P32" s="196">
        <v>0</v>
      </c>
      <c r="Q32" s="193">
        <v>0</v>
      </c>
      <c r="R32" s="191">
        <v>0</v>
      </c>
      <c r="S32" s="191">
        <v>0</v>
      </c>
      <c r="T32" s="191">
        <v>0</v>
      </c>
      <c r="U32" s="191">
        <v>0</v>
      </c>
      <c r="V32" s="191">
        <v>0</v>
      </c>
      <c r="W32" s="196">
        <v>0</v>
      </c>
      <c r="X32" s="195">
        <v>0</v>
      </c>
    </row>
    <row r="33" spans="2:24" ht="21" customHeight="1" x14ac:dyDescent="0.2">
      <c r="B33" s="106" t="s">
        <v>31</v>
      </c>
      <c r="C33" s="191">
        <v>0</v>
      </c>
      <c r="D33" s="191">
        <v>0</v>
      </c>
      <c r="E33" s="196">
        <v>0</v>
      </c>
      <c r="F33" s="193">
        <v>0</v>
      </c>
      <c r="G33" s="191">
        <v>0</v>
      </c>
      <c r="H33" s="191">
        <v>4</v>
      </c>
      <c r="I33" s="191">
        <v>0</v>
      </c>
      <c r="J33" s="191">
        <v>0</v>
      </c>
      <c r="K33" s="191">
        <v>0</v>
      </c>
      <c r="L33" s="196">
        <v>4</v>
      </c>
      <c r="M33" s="195">
        <v>4</v>
      </c>
      <c r="N33" s="191">
        <v>0</v>
      </c>
      <c r="O33" s="191">
        <v>0</v>
      </c>
      <c r="P33" s="196">
        <v>0</v>
      </c>
      <c r="Q33" s="193">
        <v>0</v>
      </c>
      <c r="R33" s="191">
        <v>0</v>
      </c>
      <c r="S33" s="191">
        <v>0</v>
      </c>
      <c r="T33" s="191">
        <v>0</v>
      </c>
      <c r="U33" s="191">
        <v>17</v>
      </c>
      <c r="V33" s="191">
        <v>0</v>
      </c>
      <c r="W33" s="196">
        <v>17</v>
      </c>
      <c r="X33" s="195">
        <v>17</v>
      </c>
    </row>
    <row r="34" spans="2:24" ht="21" customHeight="1" x14ac:dyDescent="0.2">
      <c r="B34" s="106" t="s">
        <v>32</v>
      </c>
      <c r="C34" s="191">
        <v>0</v>
      </c>
      <c r="D34" s="191">
        <v>0</v>
      </c>
      <c r="E34" s="196">
        <v>0</v>
      </c>
      <c r="F34" s="193">
        <v>0</v>
      </c>
      <c r="G34" s="191">
        <v>17</v>
      </c>
      <c r="H34" s="191">
        <v>17</v>
      </c>
      <c r="I34" s="191">
        <v>0</v>
      </c>
      <c r="J34" s="191">
        <v>0</v>
      </c>
      <c r="K34" s="191">
        <v>4</v>
      </c>
      <c r="L34" s="196">
        <v>38</v>
      </c>
      <c r="M34" s="195">
        <v>38</v>
      </c>
      <c r="N34" s="191">
        <v>0</v>
      </c>
      <c r="O34" s="191">
        <v>0</v>
      </c>
      <c r="P34" s="196">
        <v>0</v>
      </c>
      <c r="Q34" s="193">
        <v>0</v>
      </c>
      <c r="R34" s="191">
        <v>0</v>
      </c>
      <c r="S34" s="191">
        <v>0</v>
      </c>
      <c r="T34" s="191">
        <v>0</v>
      </c>
      <c r="U34" s="191">
        <v>0</v>
      </c>
      <c r="V34" s="191">
        <v>0</v>
      </c>
      <c r="W34" s="196">
        <v>0</v>
      </c>
      <c r="X34" s="195">
        <v>0</v>
      </c>
    </row>
    <row r="35" spans="2:24" ht="21" customHeight="1" x14ac:dyDescent="0.2">
      <c r="B35" s="106" t="s">
        <v>33</v>
      </c>
      <c r="C35" s="191">
        <v>0</v>
      </c>
      <c r="D35" s="191">
        <v>0</v>
      </c>
      <c r="E35" s="196">
        <v>0</v>
      </c>
      <c r="F35" s="193">
        <v>0</v>
      </c>
      <c r="G35" s="191">
        <v>6</v>
      </c>
      <c r="H35" s="191">
        <v>0</v>
      </c>
      <c r="I35" s="191">
        <v>0</v>
      </c>
      <c r="J35" s="191">
        <v>0</v>
      </c>
      <c r="K35" s="191">
        <v>0</v>
      </c>
      <c r="L35" s="196">
        <v>6</v>
      </c>
      <c r="M35" s="195">
        <v>6</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33</v>
      </c>
      <c r="H36" s="191">
        <v>55</v>
      </c>
      <c r="I36" s="191">
        <v>0</v>
      </c>
      <c r="J36" s="191">
        <v>0</v>
      </c>
      <c r="K36" s="191">
        <v>0</v>
      </c>
      <c r="L36" s="196">
        <v>88</v>
      </c>
      <c r="M36" s="195">
        <v>88</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0</v>
      </c>
      <c r="H37" s="191">
        <v>0</v>
      </c>
      <c r="I37" s="191">
        <v>0</v>
      </c>
      <c r="J37" s="191">
        <v>0</v>
      </c>
      <c r="K37" s="191">
        <v>0</v>
      </c>
      <c r="L37" s="196">
        <v>0</v>
      </c>
      <c r="M37" s="195">
        <v>0</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27</v>
      </c>
      <c r="H38" s="191">
        <v>2</v>
      </c>
      <c r="I38" s="191">
        <v>0</v>
      </c>
      <c r="J38" s="191">
        <v>0</v>
      </c>
      <c r="K38" s="191">
        <v>0</v>
      </c>
      <c r="L38" s="196">
        <v>29</v>
      </c>
      <c r="M38" s="195">
        <v>29</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0</v>
      </c>
      <c r="L39" s="203">
        <v>0</v>
      </c>
      <c r="M39" s="202">
        <v>0</v>
      </c>
      <c r="N39" s="198">
        <v>0</v>
      </c>
      <c r="O39" s="198">
        <v>0</v>
      </c>
      <c r="P39" s="203">
        <v>0</v>
      </c>
      <c r="Q39" s="200">
        <v>0</v>
      </c>
      <c r="R39" s="198">
        <v>0</v>
      </c>
      <c r="S39" s="198">
        <v>0</v>
      </c>
      <c r="T39" s="198">
        <v>0</v>
      </c>
      <c r="U39" s="198">
        <v>0</v>
      </c>
      <c r="V39" s="198">
        <v>0</v>
      </c>
      <c r="W39" s="203">
        <v>0</v>
      </c>
      <c r="X39" s="202">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0">
        <f>第１表!F2</f>
        <v>6</v>
      </c>
      <c r="I1" s="440"/>
      <c r="J1" s="18">
        <f>第１表!G2</f>
        <v>12</v>
      </c>
      <c r="K1" s="445">
        <f>IF(J1&lt;3,J1+12-2,J1-2)</f>
        <v>10</v>
      </c>
      <c r="L1" s="445"/>
    </row>
    <row r="2" spans="2:24" ht="24" customHeight="1" thickBot="1" x14ac:dyDescent="0.25">
      <c r="B2" s="142" t="s">
        <v>152</v>
      </c>
    </row>
    <row r="3" spans="2:24" ht="21" customHeight="1" x14ac:dyDescent="0.2">
      <c r="B3" s="463"/>
      <c r="C3" s="464" t="s">
        <v>139</v>
      </c>
      <c r="D3" s="464"/>
      <c r="E3" s="464"/>
      <c r="F3" s="464"/>
      <c r="G3" s="464"/>
      <c r="H3" s="464"/>
      <c r="I3" s="464"/>
      <c r="J3" s="464"/>
      <c r="K3" s="464"/>
      <c r="L3" s="464"/>
      <c r="M3" s="494"/>
      <c r="N3" s="464" t="s">
        <v>112</v>
      </c>
      <c r="O3" s="464"/>
      <c r="P3" s="464"/>
      <c r="Q3" s="464"/>
      <c r="R3" s="464"/>
      <c r="S3" s="464"/>
      <c r="T3" s="464"/>
      <c r="U3" s="464"/>
      <c r="V3" s="464"/>
      <c r="W3" s="464"/>
      <c r="X3" s="494"/>
    </row>
    <row r="4" spans="2:24" ht="21" customHeight="1" x14ac:dyDescent="0.2">
      <c r="B4" s="500"/>
      <c r="C4" s="495" t="s">
        <v>61</v>
      </c>
      <c r="D4" s="495"/>
      <c r="E4" s="496"/>
      <c r="F4" s="497" t="s">
        <v>62</v>
      </c>
      <c r="G4" s="495"/>
      <c r="H4" s="495"/>
      <c r="I4" s="495"/>
      <c r="J4" s="495"/>
      <c r="K4" s="495"/>
      <c r="L4" s="498"/>
      <c r="M4" s="499" t="s">
        <v>52</v>
      </c>
      <c r="N4" s="495" t="s">
        <v>61</v>
      </c>
      <c r="O4" s="495"/>
      <c r="P4" s="496"/>
      <c r="Q4" s="497" t="s">
        <v>62</v>
      </c>
      <c r="R4" s="495"/>
      <c r="S4" s="495"/>
      <c r="T4" s="495"/>
      <c r="U4" s="495"/>
      <c r="V4" s="495"/>
      <c r="W4" s="498"/>
      <c r="X4" s="499" t="s">
        <v>52</v>
      </c>
    </row>
    <row r="5" spans="2:24" ht="30" customHeight="1" thickBot="1" x14ac:dyDescent="0.25">
      <c r="B5" s="501"/>
      <c r="C5" s="178" t="s">
        <v>43</v>
      </c>
      <c r="D5" s="178" t="s">
        <v>44</v>
      </c>
      <c r="E5" s="182" t="s">
        <v>45</v>
      </c>
      <c r="F5" s="180" t="s">
        <v>83</v>
      </c>
      <c r="G5" s="178" t="s">
        <v>47</v>
      </c>
      <c r="H5" s="178" t="s">
        <v>48</v>
      </c>
      <c r="I5" s="178" t="s">
        <v>49</v>
      </c>
      <c r="J5" s="178" t="s">
        <v>50</v>
      </c>
      <c r="K5" s="178" t="s">
        <v>51</v>
      </c>
      <c r="L5" s="182" t="s">
        <v>45</v>
      </c>
      <c r="M5" s="468"/>
      <c r="N5" s="178" t="s">
        <v>43</v>
      </c>
      <c r="O5" s="178" t="s">
        <v>44</v>
      </c>
      <c r="P5" s="182" t="s">
        <v>45</v>
      </c>
      <c r="Q5" s="180" t="s">
        <v>83</v>
      </c>
      <c r="R5" s="178" t="s">
        <v>47</v>
      </c>
      <c r="S5" s="178" t="s">
        <v>48</v>
      </c>
      <c r="T5" s="178" t="s">
        <v>49</v>
      </c>
      <c r="U5" s="178" t="s">
        <v>50</v>
      </c>
      <c r="V5" s="178" t="s">
        <v>51</v>
      </c>
      <c r="W5" s="182" t="s">
        <v>45</v>
      </c>
      <c r="X5" s="468"/>
    </row>
    <row r="6" spans="2:24" ht="21" customHeight="1" x14ac:dyDescent="0.2">
      <c r="B6" s="84" t="s">
        <v>4</v>
      </c>
      <c r="C6" s="184">
        <v>0</v>
      </c>
      <c r="D6" s="184">
        <v>0</v>
      </c>
      <c r="E6" s="189">
        <v>0</v>
      </c>
      <c r="F6" s="186">
        <v>0</v>
      </c>
      <c r="G6" s="184">
        <v>6356</v>
      </c>
      <c r="H6" s="184">
        <v>5958</v>
      </c>
      <c r="I6" s="184">
        <v>3344</v>
      </c>
      <c r="J6" s="184">
        <v>1444</v>
      </c>
      <c r="K6" s="184">
        <v>462</v>
      </c>
      <c r="L6" s="189">
        <v>17564</v>
      </c>
      <c r="M6" s="188">
        <v>17564</v>
      </c>
      <c r="N6" s="184">
        <v>4</v>
      </c>
      <c r="O6" s="184">
        <v>0</v>
      </c>
      <c r="P6" s="189">
        <v>4</v>
      </c>
      <c r="Q6" s="186">
        <v>0</v>
      </c>
      <c r="R6" s="184">
        <v>431</v>
      </c>
      <c r="S6" s="184">
        <v>586</v>
      </c>
      <c r="T6" s="184">
        <v>663</v>
      </c>
      <c r="U6" s="184">
        <v>233</v>
      </c>
      <c r="V6" s="184">
        <v>410</v>
      </c>
      <c r="W6" s="189">
        <v>2323</v>
      </c>
      <c r="X6" s="188">
        <v>2327</v>
      </c>
    </row>
    <row r="7" spans="2:24" ht="21" customHeight="1" x14ac:dyDescent="0.2">
      <c r="B7" s="95" t="s">
        <v>5</v>
      </c>
      <c r="C7" s="191">
        <v>0</v>
      </c>
      <c r="D7" s="191">
        <v>0</v>
      </c>
      <c r="E7" s="196">
        <v>0</v>
      </c>
      <c r="F7" s="193">
        <v>0</v>
      </c>
      <c r="G7" s="191">
        <v>2538</v>
      </c>
      <c r="H7" s="191">
        <v>3056</v>
      </c>
      <c r="I7" s="191">
        <v>1700</v>
      </c>
      <c r="J7" s="191">
        <v>683</v>
      </c>
      <c r="K7" s="191">
        <v>147</v>
      </c>
      <c r="L7" s="196">
        <v>8124</v>
      </c>
      <c r="M7" s="195">
        <v>8124</v>
      </c>
      <c r="N7" s="191">
        <v>0</v>
      </c>
      <c r="O7" s="191">
        <v>0</v>
      </c>
      <c r="P7" s="196">
        <v>0</v>
      </c>
      <c r="Q7" s="193">
        <v>0</v>
      </c>
      <c r="R7" s="191">
        <v>191</v>
      </c>
      <c r="S7" s="191">
        <v>322</v>
      </c>
      <c r="T7" s="191">
        <v>312</v>
      </c>
      <c r="U7" s="191">
        <v>98</v>
      </c>
      <c r="V7" s="191">
        <v>303</v>
      </c>
      <c r="W7" s="196">
        <v>1226</v>
      </c>
      <c r="X7" s="195">
        <v>1226</v>
      </c>
    </row>
    <row r="8" spans="2:24" ht="21" customHeight="1" x14ac:dyDescent="0.2">
      <c r="B8" s="106" t="s">
        <v>6</v>
      </c>
      <c r="C8" s="191">
        <v>0</v>
      </c>
      <c r="D8" s="191">
        <v>0</v>
      </c>
      <c r="E8" s="196">
        <v>0</v>
      </c>
      <c r="F8" s="193">
        <v>0</v>
      </c>
      <c r="G8" s="191">
        <v>930</v>
      </c>
      <c r="H8" s="191">
        <v>755</v>
      </c>
      <c r="I8" s="191">
        <v>456</v>
      </c>
      <c r="J8" s="191">
        <v>257</v>
      </c>
      <c r="K8" s="191">
        <v>79</v>
      </c>
      <c r="L8" s="196">
        <v>2477</v>
      </c>
      <c r="M8" s="195">
        <v>2477</v>
      </c>
      <c r="N8" s="191">
        <v>0</v>
      </c>
      <c r="O8" s="191">
        <v>0</v>
      </c>
      <c r="P8" s="196">
        <v>0</v>
      </c>
      <c r="Q8" s="193">
        <v>0</v>
      </c>
      <c r="R8" s="191">
        <v>80</v>
      </c>
      <c r="S8" s="191">
        <v>186</v>
      </c>
      <c r="T8" s="191">
        <v>190</v>
      </c>
      <c r="U8" s="191">
        <v>54</v>
      </c>
      <c r="V8" s="191">
        <v>87</v>
      </c>
      <c r="W8" s="196">
        <v>597</v>
      </c>
      <c r="X8" s="195">
        <v>597</v>
      </c>
    </row>
    <row r="9" spans="2:24" ht="21" customHeight="1" x14ac:dyDescent="0.2">
      <c r="B9" s="106" t="s">
        <v>14</v>
      </c>
      <c r="C9" s="191">
        <v>0</v>
      </c>
      <c r="D9" s="191">
        <v>0</v>
      </c>
      <c r="E9" s="196">
        <v>0</v>
      </c>
      <c r="F9" s="193">
        <v>0</v>
      </c>
      <c r="G9" s="191">
        <v>318</v>
      </c>
      <c r="H9" s="191">
        <v>466</v>
      </c>
      <c r="I9" s="191">
        <v>205</v>
      </c>
      <c r="J9" s="191">
        <v>95</v>
      </c>
      <c r="K9" s="191">
        <v>48</v>
      </c>
      <c r="L9" s="196">
        <v>1132</v>
      </c>
      <c r="M9" s="195">
        <v>1132</v>
      </c>
      <c r="N9" s="191">
        <v>0</v>
      </c>
      <c r="O9" s="191">
        <v>0</v>
      </c>
      <c r="P9" s="196">
        <v>0</v>
      </c>
      <c r="Q9" s="193">
        <v>0</v>
      </c>
      <c r="R9" s="191">
        <v>0</v>
      </c>
      <c r="S9" s="191">
        <v>10</v>
      </c>
      <c r="T9" s="191">
        <v>0</v>
      </c>
      <c r="U9" s="191">
        <v>46</v>
      </c>
      <c r="V9" s="191">
        <v>0</v>
      </c>
      <c r="W9" s="196">
        <v>56</v>
      </c>
      <c r="X9" s="195">
        <v>56</v>
      </c>
    </row>
    <row r="10" spans="2:24" ht="21" customHeight="1" x14ac:dyDescent="0.2">
      <c r="B10" s="106" t="s">
        <v>7</v>
      </c>
      <c r="C10" s="191">
        <v>0</v>
      </c>
      <c r="D10" s="191">
        <v>0</v>
      </c>
      <c r="E10" s="196">
        <v>0</v>
      </c>
      <c r="F10" s="193">
        <v>0</v>
      </c>
      <c r="G10" s="191">
        <v>329</v>
      </c>
      <c r="H10" s="191">
        <v>167</v>
      </c>
      <c r="I10" s="191">
        <v>70</v>
      </c>
      <c r="J10" s="191">
        <v>41</v>
      </c>
      <c r="K10" s="191">
        <v>8</v>
      </c>
      <c r="L10" s="196">
        <v>615</v>
      </c>
      <c r="M10" s="195">
        <v>615</v>
      </c>
      <c r="N10" s="191">
        <v>0</v>
      </c>
      <c r="O10" s="191">
        <v>0</v>
      </c>
      <c r="P10" s="196">
        <v>0</v>
      </c>
      <c r="Q10" s="193">
        <v>0</v>
      </c>
      <c r="R10" s="191">
        <v>25</v>
      </c>
      <c r="S10" s="191">
        <v>9</v>
      </c>
      <c r="T10" s="191">
        <v>41</v>
      </c>
      <c r="U10" s="191">
        <v>7</v>
      </c>
      <c r="V10" s="191">
        <v>0</v>
      </c>
      <c r="W10" s="196">
        <v>82</v>
      </c>
      <c r="X10" s="195">
        <v>82</v>
      </c>
    </row>
    <row r="11" spans="2:24" ht="21" customHeight="1" x14ac:dyDescent="0.2">
      <c r="B11" s="106" t="s">
        <v>8</v>
      </c>
      <c r="C11" s="191">
        <v>0</v>
      </c>
      <c r="D11" s="191">
        <v>0</v>
      </c>
      <c r="E11" s="196">
        <v>0</v>
      </c>
      <c r="F11" s="193">
        <v>0</v>
      </c>
      <c r="G11" s="191">
        <v>309</v>
      </c>
      <c r="H11" s="191">
        <v>185</v>
      </c>
      <c r="I11" s="191">
        <v>61</v>
      </c>
      <c r="J11" s="191">
        <v>48</v>
      </c>
      <c r="K11" s="191">
        <v>10</v>
      </c>
      <c r="L11" s="196">
        <v>613</v>
      </c>
      <c r="M11" s="195">
        <v>613</v>
      </c>
      <c r="N11" s="191">
        <v>0</v>
      </c>
      <c r="O11" s="191">
        <v>0</v>
      </c>
      <c r="P11" s="196">
        <v>0</v>
      </c>
      <c r="Q11" s="193">
        <v>0</v>
      </c>
      <c r="R11" s="191">
        <v>0</v>
      </c>
      <c r="S11" s="191">
        <v>0</v>
      </c>
      <c r="T11" s="191">
        <v>0</v>
      </c>
      <c r="U11" s="191">
        <v>0</v>
      </c>
      <c r="V11" s="191">
        <v>10</v>
      </c>
      <c r="W11" s="196">
        <v>10</v>
      </c>
      <c r="X11" s="195">
        <v>10</v>
      </c>
    </row>
    <row r="12" spans="2:24" ht="21" customHeight="1" x14ac:dyDescent="0.2">
      <c r="B12" s="106" t="s">
        <v>9</v>
      </c>
      <c r="C12" s="191">
        <v>0</v>
      </c>
      <c r="D12" s="191">
        <v>0</v>
      </c>
      <c r="E12" s="196">
        <v>0</v>
      </c>
      <c r="F12" s="193">
        <v>0</v>
      </c>
      <c r="G12" s="191">
        <v>263</v>
      </c>
      <c r="H12" s="191">
        <v>239</v>
      </c>
      <c r="I12" s="191">
        <v>195</v>
      </c>
      <c r="J12" s="191">
        <v>79</v>
      </c>
      <c r="K12" s="191">
        <v>29</v>
      </c>
      <c r="L12" s="196">
        <v>805</v>
      </c>
      <c r="M12" s="195">
        <v>805</v>
      </c>
      <c r="N12" s="191">
        <v>0</v>
      </c>
      <c r="O12" s="191">
        <v>0</v>
      </c>
      <c r="P12" s="196">
        <v>0</v>
      </c>
      <c r="Q12" s="193">
        <v>0</v>
      </c>
      <c r="R12" s="191">
        <v>0</v>
      </c>
      <c r="S12" s="191">
        <v>0</v>
      </c>
      <c r="T12" s="191">
        <v>15</v>
      </c>
      <c r="U12" s="191">
        <v>0</v>
      </c>
      <c r="V12" s="191">
        <v>0</v>
      </c>
      <c r="W12" s="196">
        <v>15</v>
      </c>
      <c r="X12" s="195">
        <v>15</v>
      </c>
    </row>
    <row r="13" spans="2:24" ht="21" customHeight="1" x14ac:dyDescent="0.2">
      <c r="B13" s="106" t="s">
        <v>10</v>
      </c>
      <c r="C13" s="191">
        <v>0</v>
      </c>
      <c r="D13" s="191">
        <v>0</v>
      </c>
      <c r="E13" s="196">
        <v>0</v>
      </c>
      <c r="F13" s="193">
        <v>0</v>
      </c>
      <c r="G13" s="191">
        <v>214</v>
      </c>
      <c r="H13" s="191">
        <v>111</v>
      </c>
      <c r="I13" s="191">
        <v>99</v>
      </c>
      <c r="J13" s="191">
        <v>39</v>
      </c>
      <c r="K13" s="191">
        <v>0</v>
      </c>
      <c r="L13" s="196">
        <v>463</v>
      </c>
      <c r="M13" s="195">
        <v>463</v>
      </c>
      <c r="N13" s="191">
        <v>0</v>
      </c>
      <c r="O13" s="191">
        <v>0</v>
      </c>
      <c r="P13" s="196">
        <v>0</v>
      </c>
      <c r="Q13" s="193">
        <v>0</v>
      </c>
      <c r="R13" s="191">
        <v>21</v>
      </c>
      <c r="S13" s="191">
        <v>0</v>
      </c>
      <c r="T13" s="191">
        <v>11</v>
      </c>
      <c r="U13" s="191">
        <v>28</v>
      </c>
      <c r="V13" s="191">
        <v>0</v>
      </c>
      <c r="W13" s="196">
        <v>60</v>
      </c>
      <c r="X13" s="195">
        <v>60</v>
      </c>
    </row>
    <row r="14" spans="2:24" ht="21" customHeight="1" x14ac:dyDescent="0.2">
      <c r="B14" s="106" t="s">
        <v>11</v>
      </c>
      <c r="C14" s="191">
        <v>0</v>
      </c>
      <c r="D14" s="191">
        <v>0</v>
      </c>
      <c r="E14" s="196">
        <v>0</v>
      </c>
      <c r="F14" s="193">
        <v>0</v>
      </c>
      <c r="G14" s="191">
        <v>239</v>
      </c>
      <c r="H14" s="191">
        <v>92</v>
      </c>
      <c r="I14" s="191">
        <v>24</v>
      </c>
      <c r="J14" s="191">
        <v>52</v>
      </c>
      <c r="K14" s="191">
        <v>5</v>
      </c>
      <c r="L14" s="196">
        <v>412</v>
      </c>
      <c r="M14" s="195">
        <v>412</v>
      </c>
      <c r="N14" s="191">
        <v>0</v>
      </c>
      <c r="O14" s="191">
        <v>0</v>
      </c>
      <c r="P14" s="196">
        <v>0</v>
      </c>
      <c r="Q14" s="193">
        <v>0</v>
      </c>
      <c r="R14" s="191">
        <v>45</v>
      </c>
      <c r="S14" s="191">
        <v>8</v>
      </c>
      <c r="T14" s="191">
        <v>0</v>
      </c>
      <c r="U14" s="191">
        <v>0</v>
      </c>
      <c r="V14" s="191">
        <v>0</v>
      </c>
      <c r="W14" s="196">
        <v>53</v>
      </c>
      <c r="X14" s="195">
        <v>53</v>
      </c>
    </row>
    <row r="15" spans="2:24" ht="21" customHeight="1" x14ac:dyDescent="0.2">
      <c r="B15" s="106" t="s">
        <v>12</v>
      </c>
      <c r="C15" s="191">
        <v>0</v>
      </c>
      <c r="D15" s="191">
        <v>0</v>
      </c>
      <c r="E15" s="196">
        <v>0</v>
      </c>
      <c r="F15" s="193">
        <v>0</v>
      </c>
      <c r="G15" s="191">
        <v>129</v>
      </c>
      <c r="H15" s="191">
        <v>80</v>
      </c>
      <c r="I15" s="191">
        <v>36</v>
      </c>
      <c r="J15" s="191">
        <v>41</v>
      </c>
      <c r="K15" s="191">
        <v>50</v>
      </c>
      <c r="L15" s="196">
        <v>336</v>
      </c>
      <c r="M15" s="195">
        <v>336</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95</v>
      </c>
      <c r="H16" s="191">
        <v>62</v>
      </c>
      <c r="I16" s="191">
        <v>100</v>
      </c>
      <c r="J16" s="191">
        <v>5</v>
      </c>
      <c r="K16" s="191">
        <v>16</v>
      </c>
      <c r="L16" s="196">
        <v>278</v>
      </c>
      <c r="M16" s="195">
        <v>278</v>
      </c>
      <c r="N16" s="191">
        <v>0</v>
      </c>
      <c r="O16" s="191">
        <v>0</v>
      </c>
      <c r="P16" s="196">
        <v>0</v>
      </c>
      <c r="Q16" s="193">
        <v>0</v>
      </c>
      <c r="R16" s="191">
        <v>0</v>
      </c>
      <c r="S16" s="191">
        <v>7</v>
      </c>
      <c r="T16" s="191">
        <v>40</v>
      </c>
      <c r="U16" s="191">
        <v>0</v>
      </c>
      <c r="V16" s="191">
        <v>0</v>
      </c>
      <c r="W16" s="196">
        <v>47</v>
      </c>
      <c r="X16" s="195">
        <v>47</v>
      </c>
    </row>
    <row r="17" spans="2:24" ht="21" customHeight="1" x14ac:dyDescent="0.2">
      <c r="B17" s="106" t="s">
        <v>15</v>
      </c>
      <c r="C17" s="191">
        <v>0</v>
      </c>
      <c r="D17" s="191">
        <v>0</v>
      </c>
      <c r="E17" s="196">
        <v>0</v>
      </c>
      <c r="F17" s="193">
        <v>0</v>
      </c>
      <c r="G17" s="191">
        <v>27</v>
      </c>
      <c r="H17" s="191">
        <v>47</v>
      </c>
      <c r="I17" s="191">
        <v>4</v>
      </c>
      <c r="J17" s="191">
        <v>0</v>
      </c>
      <c r="K17" s="191">
        <v>16</v>
      </c>
      <c r="L17" s="196">
        <v>94</v>
      </c>
      <c r="M17" s="195">
        <v>94</v>
      </c>
      <c r="N17" s="191">
        <v>0</v>
      </c>
      <c r="O17" s="191">
        <v>0</v>
      </c>
      <c r="P17" s="196">
        <v>0</v>
      </c>
      <c r="Q17" s="193">
        <v>0</v>
      </c>
      <c r="R17" s="191">
        <v>0</v>
      </c>
      <c r="S17" s="191">
        <v>0</v>
      </c>
      <c r="T17" s="191">
        <v>0</v>
      </c>
      <c r="U17" s="191">
        <v>0</v>
      </c>
      <c r="V17" s="191">
        <v>0</v>
      </c>
      <c r="W17" s="196">
        <v>0</v>
      </c>
      <c r="X17" s="195">
        <v>0</v>
      </c>
    </row>
    <row r="18" spans="2:24" ht="21" customHeight="1" x14ac:dyDescent="0.2">
      <c r="B18" s="106" t="s">
        <v>16</v>
      </c>
      <c r="C18" s="191">
        <v>0</v>
      </c>
      <c r="D18" s="191">
        <v>0</v>
      </c>
      <c r="E18" s="196">
        <v>0</v>
      </c>
      <c r="F18" s="193">
        <v>0</v>
      </c>
      <c r="G18" s="191">
        <v>55</v>
      </c>
      <c r="H18" s="191">
        <v>70</v>
      </c>
      <c r="I18" s="191">
        <v>40</v>
      </c>
      <c r="J18" s="191">
        <v>8</v>
      </c>
      <c r="K18" s="191">
        <v>0</v>
      </c>
      <c r="L18" s="196">
        <v>173</v>
      </c>
      <c r="M18" s="195">
        <v>173</v>
      </c>
      <c r="N18" s="191">
        <v>0</v>
      </c>
      <c r="O18" s="191">
        <v>0</v>
      </c>
      <c r="P18" s="196">
        <v>0</v>
      </c>
      <c r="Q18" s="193">
        <v>0</v>
      </c>
      <c r="R18" s="191">
        <v>4</v>
      </c>
      <c r="S18" s="191">
        <v>0</v>
      </c>
      <c r="T18" s="191">
        <v>0</v>
      </c>
      <c r="U18" s="191">
        <v>0</v>
      </c>
      <c r="V18" s="191">
        <v>10</v>
      </c>
      <c r="W18" s="196">
        <v>14</v>
      </c>
      <c r="X18" s="195">
        <v>14</v>
      </c>
    </row>
    <row r="19" spans="2:24" ht="21" customHeight="1" x14ac:dyDescent="0.2">
      <c r="B19" s="106" t="s">
        <v>17</v>
      </c>
      <c r="C19" s="191">
        <v>0</v>
      </c>
      <c r="D19" s="191">
        <v>0</v>
      </c>
      <c r="E19" s="196">
        <v>0</v>
      </c>
      <c r="F19" s="193">
        <v>0</v>
      </c>
      <c r="G19" s="191">
        <v>188</v>
      </c>
      <c r="H19" s="191">
        <v>132</v>
      </c>
      <c r="I19" s="191">
        <v>126</v>
      </c>
      <c r="J19" s="191">
        <v>7</v>
      </c>
      <c r="K19" s="191">
        <v>43</v>
      </c>
      <c r="L19" s="196">
        <v>496</v>
      </c>
      <c r="M19" s="195">
        <v>496</v>
      </c>
      <c r="N19" s="191">
        <v>0</v>
      </c>
      <c r="O19" s="191">
        <v>0</v>
      </c>
      <c r="P19" s="196">
        <v>0</v>
      </c>
      <c r="Q19" s="193">
        <v>0</v>
      </c>
      <c r="R19" s="191">
        <v>23</v>
      </c>
      <c r="S19" s="191">
        <v>13</v>
      </c>
      <c r="T19" s="191">
        <v>0</v>
      </c>
      <c r="U19" s="191">
        <v>0</v>
      </c>
      <c r="V19" s="191">
        <v>0</v>
      </c>
      <c r="W19" s="196">
        <v>36</v>
      </c>
      <c r="X19" s="195">
        <v>36</v>
      </c>
    </row>
    <row r="20" spans="2:24" ht="21" customHeight="1" x14ac:dyDescent="0.2">
      <c r="B20" s="106" t="s">
        <v>18</v>
      </c>
      <c r="C20" s="191">
        <v>0</v>
      </c>
      <c r="D20" s="191">
        <v>0</v>
      </c>
      <c r="E20" s="196">
        <v>0</v>
      </c>
      <c r="F20" s="193">
        <v>0</v>
      </c>
      <c r="G20" s="191">
        <v>200</v>
      </c>
      <c r="H20" s="191">
        <v>95</v>
      </c>
      <c r="I20" s="191">
        <v>34</v>
      </c>
      <c r="J20" s="191">
        <v>18</v>
      </c>
      <c r="K20" s="191">
        <v>0</v>
      </c>
      <c r="L20" s="196">
        <v>347</v>
      </c>
      <c r="M20" s="195">
        <v>347</v>
      </c>
      <c r="N20" s="191">
        <v>0</v>
      </c>
      <c r="O20" s="191">
        <v>0</v>
      </c>
      <c r="P20" s="196">
        <v>0</v>
      </c>
      <c r="Q20" s="193">
        <v>0</v>
      </c>
      <c r="R20" s="191">
        <v>0</v>
      </c>
      <c r="S20" s="191">
        <v>3</v>
      </c>
      <c r="T20" s="191">
        <v>5</v>
      </c>
      <c r="U20" s="191">
        <v>0</v>
      </c>
      <c r="V20" s="191">
        <v>0</v>
      </c>
      <c r="W20" s="196">
        <v>8</v>
      </c>
      <c r="X20" s="195">
        <v>8</v>
      </c>
    </row>
    <row r="21" spans="2:24" ht="21" customHeight="1" x14ac:dyDescent="0.2">
      <c r="B21" s="106" t="s">
        <v>19</v>
      </c>
      <c r="C21" s="191">
        <v>0</v>
      </c>
      <c r="D21" s="191">
        <v>0</v>
      </c>
      <c r="E21" s="196">
        <v>0</v>
      </c>
      <c r="F21" s="193">
        <v>0</v>
      </c>
      <c r="G21" s="191">
        <v>99</v>
      </c>
      <c r="H21" s="191">
        <v>32</v>
      </c>
      <c r="I21" s="191">
        <v>2</v>
      </c>
      <c r="J21" s="191">
        <v>17</v>
      </c>
      <c r="K21" s="191">
        <v>0</v>
      </c>
      <c r="L21" s="196">
        <v>150</v>
      </c>
      <c r="M21" s="195">
        <v>150</v>
      </c>
      <c r="N21" s="191">
        <v>4</v>
      </c>
      <c r="O21" s="191">
        <v>0</v>
      </c>
      <c r="P21" s="196">
        <v>4</v>
      </c>
      <c r="Q21" s="193">
        <v>0</v>
      </c>
      <c r="R21" s="191">
        <v>5</v>
      </c>
      <c r="S21" s="191">
        <v>19</v>
      </c>
      <c r="T21" s="191">
        <v>15</v>
      </c>
      <c r="U21" s="191">
        <v>0</v>
      </c>
      <c r="V21" s="191">
        <v>0</v>
      </c>
      <c r="W21" s="196">
        <v>39</v>
      </c>
      <c r="X21" s="195">
        <v>43</v>
      </c>
    </row>
    <row r="22" spans="2:24" ht="21" customHeight="1" x14ac:dyDescent="0.2">
      <c r="B22" s="106" t="s">
        <v>20</v>
      </c>
      <c r="C22" s="191">
        <v>0</v>
      </c>
      <c r="D22" s="191">
        <v>0</v>
      </c>
      <c r="E22" s="196">
        <v>0</v>
      </c>
      <c r="F22" s="193">
        <v>0</v>
      </c>
      <c r="G22" s="191">
        <v>80</v>
      </c>
      <c r="H22" s="191">
        <v>118</v>
      </c>
      <c r="I22" s="191">
        <v>15</v>
      </c>
      <c r="J22" s="191">
        <v>4</v>
      </c>
      <c r="K22" s="191">
        <v>0</v>
      </c>
      <c r="L22" s="196">
        <v>217</v>
      </c>
      <c r="M22" s="195">
        <v>217</v>
      </c>
      <c r="N22" s="191">
        <v>0</v>
      </c>
      <c r="O22" s="191">
        <v>0</v>
      </c>
      <c r="P22" s="196">
        <v>0</v>
      </c>
      <c r="Q22" s="193">
        <v>0</v>
      </c>
      <c r="R22" s="191">
        <v>0</v>
      </c>
      <c r="S22" s="191">
        <v>0</v>
      </c>
      <c r="T22" s="191">
        <v>8</v>
      </c>
      <c r="U22" s="191">
        <v>0</v>
      </c>
      <c r="V22" s="191">
        <v>0</v>
      </c>
      <c r="W22" s="196">
        <v>8</v>
      </c>
      <c r="X22" s="195">
        <v>8</v>
      </c>
    </row>
    <row r="23" spans="2:24" ht="21" customHeight="1" x14ac:dyDescent="0.2">
      <c r="B23" s="106" t="s">
        <v>21</v>
      </c>
      <c r="C23" s="191">
        <v>0</v>
      </c>
      <c r="D23" s="191">
        <v>0</v>
      </c>
      <c r="E23" s="196">
        <v>0</v>
      </c>
      <c r="F23" s="193">
        <v>0</v>
      </c>
      <c r="G23" s="191">
        <v>96</v>
      </c>
      <c r="H23" s="191">
        <v>145</v>
      </c>
      <c r="I23" s="191">
        <v>120</v>
      </c>
      <c r="J23" s="191">
        <v>13</v>
      </c>
      <c r="K23" s="191">
        <v>0</v>
      </c>
      <c r="L23" s="196">
        <v>374</v>
      </c>
      <c r="M23" s="195">
        <v>374</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45</v>
      </c>
      <c r="H24" s="191">
        <v>50</v>
      </c>
      <c r="I24" s="191">
        <v>4</v>
      </c>
      <c r="J24" s="191">
        <v>0</v>
      </c>
      <c r="K24" s="191">
        <v>0</v>
      </c>
      <c r="L24" s="196">
        <v>99</v>
      </c>
      <c r="M24" s="195">
        <v>99</v>
      </c>
      <c r="N24" s="191">
        <v>0</v>
      </c>
      <c r="O24" s="191">
        <v>0</v>
      </c>
      <c r="P24" s="196">
        <v>0</v>
      </c>
      <c r="Q24" s="193">
        <v>0</v>
      </c>
      <c r="R24" s="191">
        <v>4</v>
      </c>
      <c r="S24" s="191">
        <v>0</v>
      </c>
      <c r="T24" s="191">
        <v>0</v>
      </c>
      <c r="U24" s="191">
        <v>0</v>
      </c>
      <c r="V24" s="191">
        <v>0</v>
      </c>
      <c r="W24" s="196">
        <v>4</v>
      </c>
      <c r="X24" s="195">
        <v>4</v>
      </c>
    </row>
    <row r="25" spans="2:24" ht="21" customHeight="1" x14ac:dyDescent="0.2">
      <c r="B25" s="106" t="s">
        <v>23</v>
      </c>
      <c r="C25" s="191">
        <v>0</v>
      </c>
      <c r="D25" s="191">
        <v>0</v>
      </c>
      <c r="E25" s="196">
        <v>0</v>
      </c>
      <c r="F25" s="193">
        <v>0</v>
      </c>
      <c r="G25" s="191">
        <v>20</v>
      </c>
      <c r="H25" s="191">
        <v>4</v>
      </c>
      <c r="I25" s="191">
        <v>3</v>
      </c>
      <c r="J25" s="191">
        <v>0</v>
      </c>
      <c r="K25" s="191">
        <v>0</v>
      </c>
      <c r="L25" s="196">
        <v>27</v>
      </c>
      <c r="M25" s="195">
        <v>27</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0</v>
      </c>
      <c r="H26" s="191">
        <v>3</v>
      </c>
      <c r="I26" s="191">
        <v>0</v>
      </c>
      <c r="J26" s="191">
        <v>33</v>
      </c>
      <c r="K26" s="191">
        <v>0</v>
      </c>
      <c r="L26" s="196">
        <v>36</v>
      </c>
      <c r="M26" s="195">
        <v>36</v>
      </c>
      <c r="N26" s="191">
        <v>0</v>
      </c>
      <c r="O26" s="191">
        <v>0</v>
      </c>
      <c r="P26" s="196">
        <v>0</v>
      </c>
      <c r="Q26" s="193">
        <v>0</v>
      </c>
      <c r="R26" s="191">
        <v>0</v>
      </c>
      <c r="S26" s="191">
        <v>0</v>
      </c>
      <c r="T26" s="191">
        <v>0</v>
      </c>
      <c r="U26" s="191">
        <v>0</v>
      </c>
      <c r="V26" s="191">
        <v>0</v>
      </c>
      <c r="W26" s="196">
        <v>0</v>
      </c>
      <c r="X26" s="195">
        <v>0</v>
      </c>
    </row>
    <row r="27" spans="2:24" ht="21" customHeight="1" x14ac:dyDescent="0.2">
      <c r="B27" s="106" t="s">
        <v>25</v>
      </c>
      <c r="C27" s="191">
        <v>0</v>
      </c>
      <c r="D27" s="191">
        <v>0</v>
      </c>
      <c r="E27" s="196">
        <v>0</v>
      </c>
      <c r="F27" s="193">
        <v>0</v>
      </c>
      <c r="G27" s="191">
        <v>31</v>
      </c>
      <c r="H27" s="191">
        <v>9</v>
      </c>
      <c r="I27" s="191">
        <v>0</v>
      </c>
      <c r="J27" s="191">
        <v>4</v>
      </c>
      <c r="K27" s="191">
        <v>0</v>
      </c>
      <c r="L27" s="196">
        <v>44</v>
      </c>
      <c r="M27" s="195">
        <v>44</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7</v>
      </c>
      <c r="H28" s="191">
        <v>8</v>
      </c>
      <c r="I28" s="191">
        <v>13</v>
      </c>
      <c r="J28" s="191">
        <v>0</v>
      </c>
      <c r="K28" s="191">
        <v>0</v>
      </c>
      <c r="L28" s="196">
        <v>28</v>
      </c>
      <c r="M28" s="195">
        <v>28</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26</v>
      </c>
      <c r="H29" s="191">
        <v>11</v>
      </c>
      <c r="I29" s="191">
        <v>4</v>
      </c>
      <c r="J29" s="191">
        <v>0</v>
      </c>
      <c r="K29" s="191">
        <v>0</v>
      </c>
      <c r="L29" s="196">
        <v>41</v>
      </c>
      <c r="M29" s="195">
        <v>41</v>
      </c>
      <c r="N29" s="191">
        <v>0</v>
      </c>
      <c r="O29" s="191">
        <v>0</v>
      </c>
      <c r="P29" s="196">
        <v>0</v>
      </c>
      <c r="Q29" s="193">
        <v>0</v>
      </c>
      <c r="R29" s="191">
        <v>20</v>
      </c>
      <c r="S29" s="191">
        <v>5</v>
      </c>
      <c r="T29" s="191">
        <v>0</v>
      </c>
      <c r="U29" s="191">
        <v>0</v>
      </c>
      <c r="V29" s="191">
        <v>0</v>
      </c>
      <c r="W29" s="196">
        <v>25</v>
      </c>
      <c r="X29" s="195">
        <v>25</v>
      </c>
    </row>
    <row r="30" spans="2:24" ht="21" customHeight="1" x14ac:dyDescent="0.2">
      <c r="B30" s="106" t="s">
        <v>28</v>
      </c>
      <c r="C30" s="191">
        <v>0</v>
      </c>
      <c r="D30" s="191">
        <v>0</v>
      </c>
      <c r="E30" s="196">
        <v>0</v>
      </c>
      <c r="F30" s="193">
        <v>0</v>
      </c>
      <c r="G30" s="191">
        <v>52</v>
      </c>
      <c r="H30" s="191">
        <v>9</v>
      </c>
      <c r="I30" s="191">
        <v>0</v>
      </c>
      <c r="J30" s="191">
        <v>0</v>
      </c>
      <c r="K30" s="191">
        <v>0</v>
      </c>
      <c r="L30" s="196">
        <v>61</v>
      </c>
      <c r="M30" s="195">
        <v>61</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0</v>
      </c>
      <c r="H31" s="191">
        <v>0</v>
      </c>
      <c r="I31" s="191">
        <v>17</v>
      </c>
      <c r="J31" s="191">
        <v>0</v>
      </c>
      <c r="K31" s="191">
        <v>0</v>
      </c>
      <c r="L31" s="196">
        <v>17</v>
      </c>
      <c r="M31" s="195">
        <v>17</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12</v>
      </c>
      <c r="H32" s="191">
        <v>0</v>
      </c>
      <c r="I32" s="191">
        <v>0</v>
      </c>
      <c r="J32" s="191">
        <v>0</v>
      </c>
      <c r="K32" s="191">
        <v>0</v>
      </c>
      <c r="L32" s="196">
        <v>12</v>
      </c>
      <c r="M32" s="195">
        <v>12</v>
      </c>
      <c r="N32" s="191">
        <v>0</v>
      </c>
      <c r="O32" s="191">
        <v>0</v>
      </c>
      <c r="P32" s="196">
        <v>0</v>
      </c>
      <c r="Q32" s="193">
        <v>0</v>
      </c>
      <c r="R32" s="191">
        <v>0</v>
      </c>
      <c r="S32" s="191">
        <v>4</v>
      </c>
      <c r="T32" s="191">
        <v>0</v>
      </c>
      <c r="U32" s="191">
        <v>0</v>
      </c>
      <c r="V32" s="191">
        <v>0</v>
      </c>
      <c r="W32" s="196">
        <v>4</v>
      </c>
      <c r="X32" s="195">
        <v>4</v>
      </c>
    </row>
    <row r="33" spans="2:24" ht="21" customHeight="1" x14ac:dyDescent="0.2">
      <c r="B33" s="106" t="s">
        <v>31</v>
      </c>
      <c r="C33" s="191">
        <v>0</v>
      </c>
      <c r="D33" s="191">
        <v>0</v>
      </c>
      <c r="E33" s="196">
        <v>0</v>
      </c>
      <c r="F33" s="193">
        <v>0</v>
      </c>
      <c r="G33" s="191">
        <v>21</v>
      </c>
      <c r="H33" s="191">
        <v>0</v>
      </c>
      <c r="I33" s="191">
        <v>0</v>
      </c>
      <c r="J33" s="191">
        <v>0</v>
      </c>
      <c r="K33" s="191">
        <v>0</v>
      </c>
      <c r="L33" s="196">
        <v>21</v>
      </c>
      <c r="M33" s="195">
        <v>21</v>
      </c>
      <c r="N33" s="191">
        <v>0</v>
      </c>
      <c r="O33" s="191">
        <v>0</v>
      </c>
      <c r="P33" s="196">
        <v>0</v>
      </c>
      <c r="Q33" s="193">
        <v>0</v>
      </c>
      <c r="R33" s="191">
        <v>0</v>
      </c>
      <c r="S33" s="191">
        <v>0</v>
      </c>
      <c r="T33" s="191">
        <v>0</v>
      </c>
      <c r="U33" s="191">
        <v>0</v>
      </c>
      <c r="V33" s="191">
        <v>0</v>
      </c>
      <c r="W33" s="196">
        <v>0</v>
      </c>
      <c r="X33" s="195">
        <v>0</v>
      </c>
    </row>
    <row r="34" spans="2:24" ht="21" customHeight="1" x14ac:dyDescent="0.2">
      <c r="B34" s="106" t="s">
        <v>32</v>
      </c>
      <c r="C34" s="191">
        <v>0</v>
      </c>
      <c r="D34" s="191">
        <v>0</v>
      </c>
      <c r="E34" s="196">
        <v>0</v>
      </c>
      <c r="F34" s="193">
        <v>0</v>
      </c>
      <c r="G34" s="191">
        <v>16</v>
      </c>
      <c r="H34" s="191">
        <v>12</v>
      </c>
      <c r="I34" s="191">
        <v>0</v>
      </c>
      <c r="J34" s="191">
        <v>0</v>
      </c>
      <c r="K34" s="191">
        <v>0</v>
      </c>
      <c r="L34" s="196">
        <v>28</v>
      </c>
      <c r="M34" s="195">
        <v>28</v>
      </c>
      <c r="N34" s="191">
        <v>0</v>
      </c>
      <c r="O34" s="191">
        <v>0</v>
      </c>
      <c r="P34" s="196">
        <v>0</v>
      </c>
      <c r="Q34" s="193">
        <v>0</v>
      </c>
      <c r="R34" s="191">
        <v>13</v>
      </c>
      <c r="S34" s="191">
        <v>0</v>
      </c>
      <c r="T34" s="191">
        <v>26</v>
      </c>
      <c r="U34" s="191">
        <v>0</v>
      </c>
      <c r="V34" s="191">
        <v>0</v>
      </c>
      <c r="W34" s="196">
        <v>39</v>
      </c>
      <c r="X34" s="195">
        <v>39</v>
      </c>
    </row>
    <row r="35" spans="2:24" ht="21" customHeight="1" x14ac:dyDescent="0.2">
      <c r="B35" s="106" t="s">
        <v>33</v>
      </c>
      <c r="C35" s="191">
        <v>0</v>
      </c>
      <c r="D35" s="191">
        <v>0</v>
      </c>
      <c r="E35" s="196">
        <v>0</v>
      </c>
      <c r="F35" s="193">
        <v>0</v>
      </c>
      <c r="G35" s="191">
        <v>0</v>
      </c>
      <c r="H35" s="191">
        <v>0</v>
      </c>
      <c r="I35" s="191">
        <v>16</v>
      </c>
      <c r="J35" s="191">
        <v>0</v>
      </c>
      <c r="K35" s="191">
        <v>0</v>
      </c>
      <c r="L35" s="196">
        <v>16</v>
      </c>
      <c r="M35" s="195">
        <v>16</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0</v>
      </c>
      <c r="H36" s="191">
        <v>0</v>
      </c>
      <c r="I36" s="191">
        <v>0</v>
      </c>
      <c r="J36" s="191">
        <v>0</v>
      </c>
      <c r="K36" s="191">
        <v>0</v>
      </c>
      <c r="L36" s="196">
        <v>0</v>
      </c>
      <c r="M36" s="195">
        <v>0</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5</v>
      </c>
      <c r="H37" s="191">
        <v>0</v>
      </c>
      <c r="I37" s="191">
        <v>0</v>
      </c>
      <c r="J37" s="191">
        <v>0</v>
      </c>
      <c r="K37" s="191">
        <v>0</v>
      </c>
      <c r="L37" s="196">
        <v>5</v>
      </c>
      <c r="M37" s="195">
        <v>5</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12</v>
      </c>
      <c r="H38" s="191">
        <v>0</v>
      </c>
      <c r="I38" s="191">
        <v>0</v>
      </c>
      <c r="J38" s="191">
        <v>0</v>
      </c>
      <c r="K38" s="191">
        <v>0</v>
      </c>
      <c r="L38" s="196">
        <v>12</v>
      </c>
      <c r="M38" s="195">
        <v>12</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11</v>
      </c>
      <c r="L39" s="203">
        <v>11</v>
      </c>
      <c r="M39" s="202">
        <v>11</v>
      </c>
      <c r="N39" s="198">
        <v>0</v>
      </c>
      <c r="O39" s="198">
        <v>0</v>
      </c>
      <c r="P39" s="203">
        <v>0</v>
      </c>
      <c r="Q39" s="200">
        <v>0</v>
      </c>
      <c r="R39" s="198">
        <v>0</v>
      </c>
      <c r="S39" s="198">
        <v>0</v>
      </c>
      <c r="T39" s="198">
        <v>0</v>
      </c>
      <c r="U39" s="198">
        <v>0</v>
      </c>
      <c r="V39" s="198">
        <v>0</v>
      </c>
      <c r="W39" s="203">
        <v>0</v>
      </c>
      <c r="X39" s="202">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9" style="71" customWidth="1"/>
    <col min="4" max="4" width="8.109375" style="71" customWidth="1"/>
    <col min="5" max="5" width="10.109375" style="71" bestFit="1" customWidth="1"/>
    <col min="6" max="6" width="9" style="71"/>
    <col min="7" max="8" width="9" style="71" customWidth="1"/>
    <col min="9" max="9" width="9" style="71"/>
    <col min="10" max="10" width="9.6640625" style="71" bestFit="1" customWidth="1"/>
    <col min="11" max="11" width="9" style="71"/>
    <col min="12" max="12" width="9.6640625" style="71" customWidth="1"/>
    <col min="13" max="15" width="8.109375" style="71" customWidth="1"/>
    <col min="16" max="21" width="9.21875" style="71" customWidth="1"/>
    <col min="22" max="22" width="7.77734375" style="71" customWidth="1"/>
    <col min="23" max="25" width="8.33203125" style="71" customWidth="1"/>
    <col min="26" max="30" width="8.44140625" style="71" customWidth="1"/>
    <col min="31" max="32" width="7.109375" style="71" customWidth="1"/>
    <col min="33" max="42" width="8.77734375" style="71" customWidth="1"/>
    <col min="43" max="52" width="8.44140625" style="71" customWidth="1"/>
    <col min="53" max="132" width="9.6640625" style="71" customWidth="1"/>
    <col min="133" max="16384" width="9" style="71"/>
  </cols>
  <sheetData>
    <row r="1" spans="2:133" ht="24" customHeight="1" x14ac:dyDescent="0.2">
      <c r="B1" s="10" t="s">
        <v>56</v>
      </c>
      <c r="F1" s="440">
        <f>第１表!F2</f>
        <v>6</v>
      </c>
      <c r="G1" s="440"/>
      <c r="H1" s="18">
        <f>第１表!G2</f>
        <v>12</v>
      </c>
      <c r="I1" s="445">
        <f>IF(H1&lt;3,H1-2+12,H1-2)</f>
        <v>10</v>
      </c>
      <c r="J1" s="445"/>
    </row>
    <row r="2" spans="2:133" ht="24" customHeight="1" thickBot="1" x14ac:dyDescent="0.25"/>
    <row r="3" spans="2:133" ht="21" customHeight="1" thickBot="1" x14ac:dyDescent="0.25">
      <c r="B3" s="502"/>
      <c r="C3" s="505" t="s">
        <v>57</v>
      </c>
      <c r="D3" s="506"/>
      <c r="E3" s="506"/>
      <c r="F3" s="506"/>
      <c r="G3" s="506"/>
      <c r="H3" s="506"/>
      <c r="I3" s="506"/>
      <c r="J3" s="506"/>
      <c r="K3" s="506"/>
      <c r="L3" s="506"/>
      <c r="M3" s="506"/>
      <c r="N3" s="506"/>
      <c r="O3" s="506"/>
      <c r="P3" s="506"/>
      <c r="Q3" s="506"/>
      <c r="R3" s="506"/>
      <c r="S3" s="506"/>
      <c r="T3" s="506"/>
      <c r="U3" s="506"/>
      <c r="V3" s="506"/>
      <c r="W3" s="506"/>
      <c r="X3" s="506"/>
      <c r="Y3" s="506"/>
      <c r="Z3" s="506"/>
      <c r="AA3" s="506"/>
      <c r="AB3" s="506"/>
      <c r="AC3" s="506"/>
      <c r="AD3" s="506"/>
      <c r="AE3" s="506"/>
      <c r="AF3" s="507"/>
      <c r="AG3" s="505" t="s">
        <v>58</v>
      </c>
      <c r="AH3" s="508"/>
      <c r="AI3" s="508"/>
      <c r="AJ3" s="508"/>
      <c r="AK3" s="508"/>
      <c r="AL3" s="508"/>
      <c r="AM3" s="508"/>
      <c r="AN3" s="508"/>
      <c r="AO3" s="508"/>
      <c r="AP3" s="508"/>
      <c r="AQ3" s="508"/>
      <c r="AR3" s="508"/>
      <c r="AS3" s="508"/>
      <c r="AT3" s="508"/>
      <c r="AU3" s="508"/>
      <c r="AV3" s="508"/>
      <c r="AW3" s="508"/>
      <c r="AX3" s="508"/>
      <c r="AY3" s="508"/>
      <c r="AZ3" s="508"/>
      <c r="BA3" s="508"/>
      <c r="BB3" s="508"/>
      <c r="BC3" s="508"/>
      <c r="BD3" s="508"/>
      <c r="BE3" s="508"/>
      <c r="BF3" s="508"/>
      <c r="BG3" s="508"/>
      <c r="BH3" s="508"/>
      <c r="BI3" s="508"/>
      <c r="BJ3" s="509"/>
      <c r="BK3" s="505" t="s">
        <v>59</v>
      </c>
      <c r="BL3" s="506"/>
      <c r="BM3" s="506"/>
      <c r="BN3" s="506"/>
      <c r="BO3" s="506"/>
      <c r="BP3" s="506"/>
      <c r="BQ3" s="506"/>
      <c r="BR3" s="506"/>
      <c r="BS3" s="506"/>
      <c r="BT3" s="506"/>
      <c r="BU3" s="506"/>
      <c r="BV3" s="506"/>
      <c r="BW3" s="506"/>
      <c r="BX3" s="506"/>
      <c r="BY3" s="506"/>
      <c r="BZ3" s="506"/>
      <c r="CA3" s="506"/>
      <c r="CB3" s="506"/>
      <c r="CC3" s="506"/>
      <c r="CD3" s="506"/>
      <c r="CE3" s="506"/>
      <c r="CF3" s="506"/>
      <c r="CG3" s="506"/>
      <c r="CH3" s="506"/>
      <c r="CI3" s="506"/>
      <c r="CJ3" s="506"/>
      <c r="CK3" s="506"/>
      <c r="CL3" s="506"/>
      <c r="CM3" s="506"/>
      <c r="CN3" s="507"/>
      <c r="CO3" s="505" t="s">
        <v>148</v>
      </c>
      <c r="CP3" s="506"/>
      <c r="CQ3" s="506"/>
      <c r="CR3" s="506"/>
      <c r="CS3" s="506"/>
      <c r="CT3" s="506"/>
      <c r="CU3" s="506"/>
      <c r="CV3" s="506"/>
      <c r="CW3" s="506"/>
      <c r="CX3" s="506"/>
      <c r="CY3" s="506"/>
      <c r="CZ3" s="506"/>
      <c r="DA3" s="506"/>
      <c r="DB3" s="506"/>
      <c r="DC3" s="506"/>
      <c r="DD3" s="506"/>
      <c r="DE3" s="506"/>
      <c r="DF3" s="506"/>
      <c r="DG3" s="506"/>
      <c r="DH3" s="506"/>
      <c r="DI3" s="506"/>
      <c r="DJ3" s="506"/>
      <c r="DK3" s="506"/>
      <c r="DL3" s="506"/>
      <c r="DM3" s="506"/>
      <c r="DN3" s="506"/>
      <c r="DO3" s="506"/>
      <c r="DP3" s="506"/>
      <c r="DQ3" s="506"/>
      <c r="DR3" s="507"/>
      <c r="DS3" s="423" t="s">
        <v>60</v>
      </c>
      <c r="DT3" s="424"/>
      <c r="DU3" s="424"/>
      <c r="DV3" s="424"/>
      <c r="DW3" s="424"/>
      <c r="DX3" s="424"/>
      <c r="DY3" s="424"/>
      <c r="DZ3" s="424"/>
      <c r="EA3" s="424"/>
      <c r="EB3" s="425"/>
    </row>
    <row r="4" spans="2:133" ht="21" customHeight="1" thickBot="1" x14ac:dyDescent="0.25">
      <c r="B4" s="503"/>
      <c r="C4" s="429"/>
      <c r="D4" s="430"/>
      <c r="E4" s="430"/>
      <c r="F4" s="430"/>
      <c r="G4" s="430"/>
      <c r="H4" s="430"/>
      <c r="I4" s="430"/>
      <c r="J4" s="430"/>
      <c r="K4" s="430"/>
      <c r="L4" s="430"/>
      <c r="M4" s="432" t="s">
        <v>39</v>
      </c>
      <c r="N4" s="433"/>
      <c r="O4" s="433"/>
      <c r="P4" s="433"/>
      <c r="Q4" s="433"/>
      <c r="R4" s="433"/>
      <c r="S4" s="433"/>
      <c r="T4" s="433"/>
      <c r="U4" s="433"/>
      <c r="V4" s="434"/>
      <c r="W4" s="432" t="s">
        <v>40</v>
      </c>
      <c r="X4" s="433"/>
      <c r="Y4" s="433"/>
      <c r="Z4" s="433"/>
      <c r="AA4" s="433"/>
      <c r="AB4" s="433"/>
      <c r="AC4" s="433"/>
      <c r="AD4" s="433"/>
      <c r="AE4" s="433"/>
      <c r="AF4" s="434"/>
      <c r="AG4" s="429"/>
      <c r="AH4" s="430"/>
      <c r="AI4" s="430"/>
      <c r="AJ4" s="430"/>
      <c r="AK4" s="430"/>
      <c r="AL4" s="430"/>
      <c r="AM4" s="430"/>
      <c r="AN4" s="430"/>
      <c r="AO4" s="430"/>
      <c r="AP4" s="430"/>
      <c r="AQ4" s="432" t="s">
        <v>39</v>
      </c>
      <c r="AR4" s="433"/>
      <c r="AS4" s="433"/>
      <c r="AT4" s="433"/>
      <c r="AU4" s="433"/>
      <c r="AV4" s="433"/>
      <c r="AW4" s="433"/>
      <c r="AX4" s="433"/>
      <c r="AY4" s="433"/>
      <c r="AZ4" s="434"/>
      <c r="BA4" s="432" t="s">
        <v>40</v>
      </c>
      <c r="BB4" s="433"/>
      <c r="BC4" s="433"/>
      <c r="BD4" s="433"/>
      <c r="BE4" s="433"/>
      <c r="BF4" s="433"/>
      <c r="BG4" s="433"/>
      <c r="BH4" s="433"/>
      <c r="BI4" s="433"/>
      <c r="BJ4" s="434"/>
      <c r="BK4" s="429"/>
      <c r="BL4" s="430"/>
      <c r="BM4" s="430"/>
      <c r="BN4" s="430"/>
      <c r="BO4" s="430"/>
      <c r="BP4" s="430"/>
      <c r="BQ4" s="430"/>
      <c r="BR4" s="430"/>
      <c r="BS4" s="430"/>
      <c r="BT4" s="430"/>
      <c r="BU4" s="432" t="s">
        <v>39</v>
      </c>
      <c r="BV4" s="433"/>
      <c r="BW4" s="433"/>
      <c r="BX4" s="433"/>
      <c r="BY4" s="433"/>
      <c r="BZ4" s="433"/>
      <c r="CA4" s="433"/>
      <c r="CB4" s="433"/>
      <c r="CC4" s="433"/>
      <c r="CD4" s="434"/>
      <c r="CE4" s="432" t="s">
        <v>40</v>
      </c>
      <c r="CF4" s="433"/>
      <c r="CG4" s="433"/>
      <c r="CH4" s="433"/>
      <c r="CI4" s="433"/>
      <c r="CJ4" s="433"/>
      <c r="CK4" s="433"/>
      <c r="CL4" s="433"/>
      <c r="CM4" s="433"/>
      <c r="CN4" s="434"/>
      <c r="CO4" s="429"/>
      <c r="CP4" s="430"/>
      <c r="CQ4" s="430"/>
      <c r="CR4" s="430"/>
      <c r="CS4" s="430"/>
      <c r="CT4" s="430"/>
      <c r="CU4" s="430"/>
      <c r="CV4" s="430"/>
      <c r="CW4" s="430"/>
      <c r="CX4" s="430"/>
      <c r="CY4" s="432" t="s">
        <v>39</v>
      </c>
      <c r="CZ4" s="433"/>
      <c r="DA4" s="433"/>
      <c r="DB4" s="433"/>
      <c r="DC4" s="433"/>
      <c r="DD4" s="433"/>
      <c r="DE4" s="433"/>
      <c r="DF4" s="433"/>
      <c r="DG4" s="433"/>
      <c r="DH4" s="434"/>
      <c r="DI4" s="432" t="s">
        <v>40</v>
      </c>
      <c r="DJ4" s="433"/>
      <c r="DK4" s="433"/>
      <c r="DL4" s="433"/>
      <c r="DM4" s="433"/>
      <c r="DN4" s="433"/>
      <c r="DO4" s="433"/>
      <c r="DP4" s="433"/>
      <c r="DQ4" s="433"/>
      <c r="DR4" s="434"/>
      <c r="DS4" s="429"/>
      <c r="DT4" s="430"/>
      <c r="DU4" s="430"/>
      <c r="DV4" s="430"/>
      <c r="DW4" s="430"/>
      <c r="DX4" s="430"/>
      <c r="DY4" s="430"/>
      <c r="DZ4" s="430"/>
      <c r="EA4" s="430"/>
      <c r="EB4" s="431"/>
    </row>
    <row r="5" spans="2:133" ht="21" customHeight="1" x14ac:dyDescent="0.2">
      <c r="B5" s="504"/>
      <c r="C5" s="510" t="s">
        <v>61</v>
      </c>
      <c r="D5" s="511"/>
      <c r="E5" s="512"/>
      <c r="F5" s="513" t="s">
        <v>62</v>
      </c>
      <c r="G5" s="514"/>
      <c r="H5" s="514"/>
      <c r="I5" s="514"/>
      <c r="J5" s="514"/>
      <c r="K5" s="515"/>
      <c r="L5" s="525" t="s">
        <v>52</v>
      </c>
      <c r="M5" s="518" t="s">
        <v>61</v>
      </c>
      <c r="N5" s="519"/>
      <c r="O5" s="520"/>
      <c r="P5" s="521" t="s">
        <v>62</v>
      </c>
      <c r="Q5" s="430"/>
      <c r="R5" s="430"/>
      <c r="S5" s="430"/>
      <c r="T5" s="430"/>
      <c r="U5" s="522"/>
      <c r="V5" s="526" t="s">
        <v>52</v>
      </c>
      <c r="W5" s="527" t="s">
        <v>61</v>
      </c>
      <c r="X5" s="519"/>
      <c r="Y5" s="520"/>
      <c r="Z5" s="521" t="s">
        <v>62</v>
      </c>
      <c r="AA5" s="430"/>
      <c r="AB5" s="430"/>
      <c r="AC5" s="430"/>
      <c r="AD5" s="430"/>
      <c r="AE5" s="522"/>
      <c r="AF5" s="526" t="s">
        <v>52</v>
      </c>
      <c r="AG5" s="510" t="s">
        <v>61</v>
      </c>
      <c r="AH5" s="511"/>
      <c r="AI5" s="512"/>
      <c r="AJ5" s="513" t="s">
        <v>62</v>
      </c>
      <c r="AK5" s="514"/>
      <c r="AL5" s="514"/>
      <c r="AM5" s="514"/>
      <c r="AN5" s="514"/>
      <c r="AO5" s="515"/>
      <c r="AP5" s="516" t="s">
        <v>52</v>
      </c>
      <c r="AQ5" s="518" t="s">
        <v>61</v>
      </c>
      <c r="AR5" s="519"/>
      <c r="AS5" s="520"/>
      <c r="AT5" s="521" t="s">
        <v>62</v>
      </c>
      <c r="AU5" s="430"/>
      <c r="AV5" s="430"/>
      <c r="AW5" s="430"/>
      <c r="AX5" s="430"/>
      <c r="AY5" s="522"/>
      <c r="AZ5" s="523" t="s">
        <v>52</v>
      </c>
      <c r="BA5" s="518" t="s">
        <v>61</v>
      </c>
      <c r="BB5" s="519"/>
      <c r="BC5" s="520"/>
      <c r="BD5" s="521" t="s">
        <v>62</v>
      </c>
      <c r="BE5" s="430"/>
      <c r="BF5" s="430"/>
      <c r="BG5" s="430"/>
      <c r="BH5" s="430"/>
      <c r="BI5" s="522"/>
      <c r="BJ5" s="526" t="s">
        <v>52</v>
      </c>
      <c r="BK5" s="510" t="s">
        <v>61</v>
      </c>
      <c r="BL5" s="511"/>
      <c r="BM5" s="512"/>
      <c r="BN5" s="513" t="s">
        <v>62</v>
      </c>
      <c r="BO5" s="514"/>
      <c r="BP5" s="514"/>
      <c r="BQ5" s="514"/>
      <c r="BR5" s="514"/>
      <c r="BS5" s="515"/>
      <c r="BT5" s="525" t="s">
        <v>52</v>
      </c>
      <c r="BU5" s="518" t="s">
        <v>61</v>
      </c>
      <c r="BV5" s="519"/>
      <c r="BW5" s="520"/>
      <c r="BX5" s="521" t="s">
        <v>62</v>
      </c>
      <c r="BY5" s="430"/>
      <c r="BZ5" s="430"/>
      <c r="CA5" s="430"/>
      <c r="CB5" s="430"/>
      <c r="CC5" s="522"/>
      <c r="CD5" s="526" t="s">
        <v>52</v>
      </c>
      <c r="CE5" s="527" t="s">
        <v>61</v>
      </c>
      <c r="CF5" s="519"/>
      <c r="CG5" s="520"/>
      <c r="CH5" s="521" t="s">
        <v>62</v>
      </c>
      <c r="CI5" s="430"/>
      <c r="CJ5" s="430"/>
      <c r="CK5" s="430"/>
      <c r="CL5" s="430"/>
      <c r="CM5" s="522"/>
      <c r="CN5" s="526" t="s">
        <v>52</v>
      </c>
      <c r="CO5" s="510" t="s">
        <v>61</v>
      </c>
      <c r="CP5" s="511"/>
      <c r="CQ5" s="512"/>
      <c r="CR5" s="513" t="s">
        <v>62</v>
      </c>
      <c r="CS5" s="514"/>
      <c r="CT5" s="514"/>
      <c r="CU5" s="514"/>
      <c r="CV5" s="514"/>
      <c r="CW5" s="515"/>
      <c r="CX5" s="525" t="s">
        <v>52</v>
      </c>
      <c r="CY5" s="518" t="s">
        <v>61</v>
      </c>
      <c r="CZ5" s="519"/>
      <c r="DA5" s="520"/>
      <c r="DB5" s="521" t="s">
        <v>62</v>
      </c>
      <c r="DC5" s="430"/>
      <c r="DD5" s="430"/>
      <c r="DE5" s="430"/>
      <c r="DF5" s="430"/>
      <c r="DG5" s="522"/>
      <c r="DH5" s="526" t="s">
        <v>52</v>
      </c>
      <c r="DI5" s="527" t="s">
        <v>61</v>
      </c>
      <c r="DJ5" s="519"/>
      <c r="DK5" s="520"/>
      <c r="DL5" s="521" t="s">
        <v>62</v>
      </c>
      <c r="DM5" s="430"/>
      <c r="DN5" s="430"/>
      <c r="DO5" s="430"/>
      <c r="DP5" s="430"/>
      <c r="DQ5" s="522"/>
      <c r="DR5" s="526" t="s">
        <v>52</v>
      </c>
      <c r="DS5" s="510" t="s">
        <v>61</v>
      </c>
      <c r="DT5" s="511"/>
      <c r="DU5" s="512"/>
      <c r="DV5" s="513" t="s">
        <v>62</v>
      </c>
      <c r="DW5" s="514"/>
      <c r="DX5" s="514"/>
      <c r="DY5" s="514"/>
      <c r="DZ5" s="514"/>
      <c r="EA5" s="515"/>
      <c r="EB5" s="516" t="s">
        <v>52</v>
      </c>
    </row>
    <row r="6" spans="2:133" ht="30" customHeight="1" thickBot="1" x14ac:dyDescent="0.25">
      <c r="B6" s="72" t="s">
        <v>42</v>
      </c>
      <c r="C6" s="229" t="s">
        <v>43</v>
      </c>
      <c r="D6" s="230" t="s">
        <v>44</v>
      </c>
      <c r="E6" s="230" t="s">
        <v>45</v>
      </c>
      <c r="F6" s="231" t="s">
        <v>47</v>
      </c>
      <c r="G6" s="232" t="s">
        <v>48</v>
      </c>
      <c r="H6" s="232" t="s">
        <v>49</v>
      </c>
      <c r="I6" s="233" t="s">
        <v>50</v>
      </c>
      <c r="J6" s="230" t="s">
        <v>51</v>
      </c>
      <c r="K6" s="234" t="s">
        <v>95</v>
      </c>
      <c r="L6" s="524"/>
      <c r="M6" s="229" t="s">
        <v>43</v>
      </c>
      <c r="N6" s="230" t="s">
        <v>44</v>
      </c>
      <c r="O6" s="234" t="s">
        <v>45</v>
      </c>
      <c r="P6" s="231" t="s">
        <v>47</v>
      </c>
      <c r="Q6" s="232" t="s">
        <v>48</v>
      </c>
      <c r="R6" s="232" t="s">
        <v>49</v>
      </c>
      <c r="S6" s="233" t="s">
        <v>50</v>
      </c>
      <c r="T6" s="230" t="s">
        <v>51</v>
      </c>
      <c r="U6" s="234" t="s">
        <v>45</v>
      </c>
      <c r="V6" s="517"/>
      <c r="W6" s="235" t="s">
        <v>43</v>
      </c>
      <c r="X6" s="230" t="s">
        <v>44</v>
      </c>
      <c r="Y6" s="234" t="s">
        <v>45</v>
      </c>
      <c r="Z6" s="235" t="s">
        <v>47</v>
      </c>
      <c r="AA6" s="232" t="s">
        <v>48</v>
      </c>
      <c r="AB6" s="232" t="s">
        <v>49</v>
      </c>
      <c r="AC6" s="233" t="s">
        <v>50</v>
      </c>
      <c r="AD6" s="230" t="s">
        <v>51</v>
      </c>
      <c r="AE6" s="234" t="s">
        <v>45</v>
      </c>
      <c r="AF6" s="517"/>
      <c r="AG6" s="229" t="s">
        <v>43</v>
      </c>
      <c r="AH6" s="230" t="s">
        <v>44</v>
      </c>
      <c r="AI6" s="234" t="s">
        <v>45</v>
      </c>
      <c r="AJ6" s="235" t="s">
        <v>47</v>
      </c>
      <c r="AK6" s="232" t="s">
        <v>48</v>
      </c>
      <c r="AL6" s="232" t="s">
        <v>49</v>
      </c>
      <c r="AM6" s="233" t="s">
        <v>50</v>
      </c>
      <c r="AN6" s="230" t="s">
        <v>51</v>
      </c>
      <c r="AO6" s="234" t="s">
        <v>45</v>
      </c>
      <c r="AP6" s="517"/>
      <c r="AQ6" s="229" t="s">
        <v>43</v>
      </c>
      <c r="AR6" s="230" t="s">
        <v>44</v>
      </c>
      <c r="AS6" s="234" t="s">
        <v>45</v>
      </c>
      <c r="AT6" s="231" t="s">
        <v>47</v>
      </c>
      <c r="AU6" s="232" t="s">
        <v>48</v>
      </c>
      <c r="AV6" s="232" t="s">
        <v>49</v>
      </c>
      <c r="AW6" s="233" t="s">
        <v>50</v>
      </c>
      <c r="AX6" s="230" t="s">
        <v>51</v>
      </c>
      <c r="AY6" s="234" t="s">
        <v>45</v>
      </c>
      <c r="AZ6" s="524"/>
      <c r="BA6" s="229" t="s">
        <v>43</v>
      </c>
      <c r="BB6" s="230" t="s">
        <v>44</v>
      </c>
      <c r="BC6" s="230" t="s">
        <v>45</v>
      </c>
      <c r="BD6" s="231" t="s">
        <v>47</v>
      </c>
      <c r="BE6" s="232" t="s">
        <v>48</v>
      </c>
      <c r="BF6" s="232" t="s">
        <v>49</v>
      </c>
      <c r="BG6" s="233" t="s">
        <v>50</v>
      </c>
      <c r="BH6" s="230" t="s">
        <v>51</v>
      </c>
      <c r="BI6" s="234" t="s">
        <v>45</v>
      </c>
      <c r="BJ6" s="517"/>
      <c r="BK6" s="229" t="s">
        <v>43</v>
      </c>
      <c r="BL6" s="230" t="s">
        <v>44</v>
      </c>
      <c r="BM6" s="230" t="s">
        <v>45</v>
      </c>
      <c r="BN6" s="231" t="s">
        <v>47</v>
      </c>
      <c r="BO6" s="232" t="s">
        <v>48</v>
      </c>
      <c r="BP6" s="232" t="s">
        <v>49</v>
      </c>
      <c r="BQ6" s="233" t="s">
        <v>50</v>
      </c>
      <c r="BR6" s="230" t="s">
        <v>51</v>
      </c>
      <c r="BS6" s="234" t="s">
        <v>45</v>
      </c>
      <c r="BT6" s="524"/>
      <c r="BU6" s="229" t="s">
        <v>43</v>
      </c>
      <c r="BV6" s="230" t="s">
        <v>44</v>
      </c>
      <c r="BW6" s="230" t="s">
        <v>45</v>
      </c>
      <c r="BX6" s="231" t="s">
        <v>47</v>
      </c>
      <c r="BY6" s="232" t="s">
        <v>48</v>
      </c>
      <c r="BZ6" s="232" t="s">
        <v>49</v>
      </c>
      <c r="CA6" s="233" t="s">
        <v>50</v>
      </c>
      <c r="CB6" s="230" t="s">
        <v>51</v>
      </c>
      <c r="CC6" s="234" t="s">
        <v>45</v>
      </c>
      <c r="CD6" s="517"/>
      <c r="CE6" s="235" t="s">
        <v>43</v>
      </c>
      <c r="CF6" s="230" t="s">
        <v>44</v>
      </c>
      <c r="CG6" s="230" t="s">
        <v>45</v>
      </c>
      <c r="CH6" s="231" t="s">
        <v>47</v>
      </c>
      <c r="CI6" s="232" t="s">
        <v>48</v>
      </c>
      <c r="CJ6" s="232" t="s">
        <v>49</v>
      </c>
      <c r="CK6" s="233" t="s">
        <v>50</v>
      </c>
      <c r="CL6" s="230" t="s">
        <v>51</v>
      </c>
      <c r="CM6" s="234" t="s">
        <v>45</v>
      </c>
      <c r="CN6" s="517"/>
      <c r="CO6" s="229" t="s">
        <v>43</v>
      </c>
      <c r="CP6" s="230" t="s">
        <v>44</v>
      </c>
      <c r="CQ6" s="230" t="s">
        <v>45</v>
      </c>
      <c r="CR6" s="231" t="s">
        <v>47</v>
      </c>
      <c r="CS6" s="232" t="s">
        <v>48</v>
      </c>
      <c r="CT6" s="232" t="s">
        <v>49</v>
      </c>
      <c r="CU6" s="233" t="s">
        <v>50</v>
      </c>
      <c r="CV6" s="230" t="s">
        <v>51</v>
      </c>
      <c r="CW6" s="234" t="s">
        <v>45</v>
      </c>
      <c r="CX6" s="524"/>
      <c r="CY6" s="229" t="s">
        <v>43</v>
      </c>
      <c r="CZ6" s="230" t="s">
        <v>44</v>
      </c>
      <c r="DA6" s="230" t="s">
        <v>45</v>
      </c>
      <c r="DB6" s="231" t="s">
        <v>47</v>
      </c>
      <c r="DC6" s="232" t="s">
        <v>48</v>
      </c>
      <c r="DD6" s="232" t="s">
        <v>49</v>
      </c>
      <c r="DE6" s="233" t="s">
        <v>50</v>
      </c>
      <c r="DF6" s="230" t="s">
        <v>51</v>
      </c>
      <c r="DG6" s="234" t="s">
        <v>45</v>
      </c>
      <c r="DH6" s="517"/>
      <c r="DI6" s="235" t="s">
        <v>43</v>
      </c>
      <c r="DJ6" s="230" t="s">
        <v>44</v>
      </c>
      <c r="DK6" s="230" t="s">
        <v>45</v>
      </c>
      <c r="DL6" s="231" t="s">
        <v>47</v>
      </c>
      <c r="DM6" s="232" t="s">
        <v>48</v>
      </c>
      <c r="DN6" s="232" t="s">
        <v>49</v>
      </c>
      <c r="DO6" s="233" t="s">
        <v>50</v>
      </c>
      <c r="DP6" s="230" t="s">
        <v>51</v>
      </c>
      <c r="DQ6" s="234" t="s">
        <v>45</v>
      </c>
      <c r="DR6" s="517"/>
      <c r="DS6" s="229" t="s">
        <v>43</v>
      </c>
      <c r="DT6" s="230" t="s">
        <v>44</v>
      </c>
      <c r="DU6" s="230" t="s">
        <v>45</v>
      </c>
      <c r="DV6" s="231" t="s">
        <v>47</v>
      </c>
      <c r="DW6" s="232" t="s">
        <v>48</v>
      </c>
      <c r="DX6" s="232" t="s">
        <v>49</v>
      </c>
      <c r="DY6" s="233" t="s">
        <v>50</v>
      </c>
      <c r="DZ6" s="230" t="s">
        <v>51</v>
      </c>
      <c r="EA6" s="234" t="s">
        <v>45</v>
      </c>
      <c r="EB6" s="517"/>
    </row>
    <row r="7" spans="2:133" ht="21" customHeight="1" x14ac:dyDescent="0.2">
      <c r="B7" s="84" t="s">
        <v>4</v>
      </c>
      <c r="C7" s="211">
        <v>0</v>
      </c>
      <c r="D7" s="213">
        <v>0</v>
      </c>
      <c r="E7" s="213">
        <v>0</v>
      </c>
      <c r="F7" s="214">
        <v>486</v>
      </c>
      <c r="G7" s="212">
        <v>1743</v>
      </c>
      <c r="H7" s="212">
        <v>10562</v>
      </c>
      <c r="I7" s="212">
        <v>15303</v>
      </c>
      <c r="J7" s="213">
        <v>9875</v>
      </c>
      <c r="K7" s="236">
        <v>37969</v>
      </c>
      <c r="L7" s="237">
        <v>37969</v>
      </c>
      <c r="M7" s="211">
        <v>0</v>
      </c>
      <c r="N7" s="213">
        <v>0</v>
      </c>
      <c r="O7" s="236">
        <v>0</v>
      </c>
      <c r="P7" s="214">
        <v>483</v>
      </c>
      <c r="Q7" s="212">
        <v>1727</v>
      </c>
      <c r="R7" s="212">
        <v>10487</v>
      </c>
      <c r="S7" s="212">
        <v>15167</v>
      </c>
      <c r="T7" s="213">
        <v>9734</v>
      </c>
      <c r="U7" s="236">
        <v>37598</v>
      </c>
      <c r="V7" s="238">
        <v>37598</v>
      </c>
      <c r="W7" s="216">
        <v>0</v>
      </c>
      <c r="X7" s="213">
        <v>0</v>
      </c>
      <c r="Y7" s="236">
        <v>0</v>
      </c>
      <c r="Z7" s="216">
        <v>3</v>
      </c>
      <c r="AA7" s="212">
        <v>16</v>
      </c>
      <c r="AB7" s="212">
        <v>75</v>
      </c>
      <c r="AC7" s="212">
        <v>136</v>
      </c>
      <c r="AD7" s="213">
        <v>141</v>
      </c>
      <c r="AE7" s="236">
        <v>371</v>
      </c>
      <c r="AF7" s="215">
        <v>371</v>
      </c>
      <c r="AG7" s="216">
        <v>0</v>
      </c>
      <c r="AH7" s="213">
        <v>0</v>
      </c>
      <c r="AI7" s="236">
        <v>0</v>
      </c>
      <c r="AJ7" s="216">
        <v>1642</v>
      </c>
      <c r="AK7" s="212">
        <v>3417</v>
      </c>
      <c r="AL7" s="212">
        <v>4866</v>
      </c>
      <c r="AM7" s="212">
        <v>5930</v>
      </c>
      <c r="AN7" s="213">
        <v>2997</v>
      </c>
      <c r="AO7" s="236">
        <v>18852</v>
      </c>
      <c r="AP7" s="215">
        <v>18852</v>
      </c>
      <c r="AQ7" s="216">
        <v>0</v>
      </c>
      <c r="AR7" s="213">
        <v>0</v>
      </c>
      <c r="AS7" s="236">
        <v>0</v>
      </c>
      <c r="AT7" s="214">
        <v>1624</v>
      </c>
      <c r="AU7" s="212">
        <v>3370</v>
      </c>
      <c r="AV7" s="212">
        <v>4784</v>
      </c>
      <c r="AW7" s="212">
        <v>5833</v>
      </c>
      <c r="AX7" s="213">
        <v>2918</v>
      </c>
      <c r="AY7" s="236">
        <v>18529</v>
      </c>
      <c r="AZ7" s="237">
        <v>18529</v>
      </c>
      <c r="BA7" s="211">
        <v>0</v>
      </c>
      <c r="BB7" s="213">
        <v>0</v>
      </c>
      <c r="BC7" s="213">
        <v>0</v>
      </c>
      <c r="BD7" s="214">
        <v>18</v>
      </c>
      <c r="BE7" s="212">
        <v>47</v>
      </c>
      <c r="BF7" s="212">
        <v>82</v>
      </c>
      <c r="BG7" s="212">
        <v>97</v>
      </c>
      <c r="BH7" s="213">
        <v>79</v>
      </c>
      <c r="BI7" s="236">
        <v>323</v>
      </c>
      <c r="BJ7" s="238">
        <v>323</v>
      </c>
      <c r="BK7" s="216">
        <v>0</v>
      </c>
      <c r="BL7" s="213">
        <v>0</v>
      </c>
      <c r="BM7" s="213">
        <v>0</v>
      </c>
      <c r="BN7" s="214">
        <v>0</v>
      </c>
      <c r="BO7" s="212">
        <v>0</v>
      </c>
      <c r="BP7" s="212">
        <v>0</v>
      </c>
      <c r="BQ7" s="212">
        <v>0</v>
      </c>
      <c r="BR7" s="213">
        <v>0</v>
      </c>
      <c r="BS7" s="236">
        <v>0</v>
      </c>
      <c r="BT7" s="237">
        <v>0</v>
      </c>
      <c r="BU7" s="211">
        <v>0</v>
      </c>
      <c r="BV7" s="213">
        <v>0</v>
      </c>
      <c r="BW7" s="213">
        <v>0</v>
      </c>
      <c r="BX7" s="214">
        <v>0</v>
      </c>
      <c r="BY7" s="212">
        <v>0</v>
      </c>
      <c r="BZ7" s="212">
        <v>0</v>
      </c>
      <c r="CA7" s="212">
        <v>0</v>
      </c>
      <c r="CB7" s="213">
        <v>0</v>
      </c>
      <c r="CC7" s="236">
        <v>0</v>
      </c>
      <c r="CD7" s="238">
        <v>0</v>
      </c>
      <c r="CE7" s="216">
        <v>0</v>
      </c>
      <c r="CF7" s="213">
        <v>0</v>
      </c>
      <c r="CG7" s="213">
        <v>0</v>
      </c>
      <c r="CH7" s="214">
        <v>0</v>
      </c>
      <c r="CI7" s="212">
        <v>0</v>
      </c>
      <c r="CJ7" s="212">
        <v>0</v>
      </c>
      <c r="CK7" s="212">
        <v>0</v>
      </c>
      <c r="CL7" s="213">
        <v>0</v>
      </c>
      <c r="CM7" s="236">
        <v>0</v>
      </c>
      <c r="CN7" s="238">
        <v>0</v>
      </c>
      <c r="CO7" s="216">
        <v>0</v>
      </c>
      <c r="CP7" s="213">
        <v>0</v>
      </c>
      <c r="CQ7" s="213">
        <v>0</v>
      </c>
      <c r="CR7" s="214">
        <v>15</v>
      </c>
      <c r="CS7" s="212">
        <v>24</v>
      </c>
      <c r="CT7" s="212">
        <v>67</v>
      </c>
      <c r="CU7" s="212">
        <v>385</v>
      </c>
      <c r="CV7" s="213">
        <v>518</v>
      </c>
      <c r="CW7" s="236">
        <v>1009</v>
      </c>
      <c r="CX7" s="237">
        <v>1009</v>
      </c>
      <c r="CY7" s="211">
        <v>0</v>
      </c>
      <c r="CZ7" s="213">
        <v>0</v>
      </c>
      <c r="DA7" s="213">
        <v>0</v>
      </c>
      <c r="DB7" s="214">
        <v>14</v>
      </c>
      <c r="DC7" s="212">
        <v>24</v>
      </c>
      <c r="DD7" s="212">
        <v>66</v>
      </c>
      <c r="DE7" s="212">
        <v>379</v>
      </c>
      <c r="DF7" s="213">
        <v>502</v>
      </c>
      <c r="DG7" s="236">
        <v>985</v>
      </c>
      <c r="DH7" s="238">
        <v>985</v>
      </c>
      <c r="DI7" s="216">
        <v>0</v>
      </c>
      <c r="DJ7" s="213">
        <v>0</v>
      </c>
      <c r="DK7" s="213">
        <v>0</v>
      </c>
      <c r="DL7" s="214">
        <v>1</v>
      </c>
      <c r="DM7" s="212">
        <v>0</v>
      </c>
      <c r="DN7" s="212">
        <v>1</v>
      </c>
      <c r="DO7" s="212">
        <v>6</v>
      </c>
      <c r="DP7" s="213">
        <v>16</v>
      </c>
      <c r="DQ7" s="236">
        <v>24</v>
      </c>
      <c r="DR7" s="238">
        <v>24</v>
      </c>
      <c r="DS7" s="216">
        <v>0</v>
      </c>
      <c r="DT7" s="213">
        <v>0</v>
      </c>
      <c r="DU7" s="213">
        <v>0</v>
      </c>
      <c r="DV7" s="214">
        <v>2143</v>
      </c>
      <c r="DW7" s="212">
        <v>5183</v>
      </c>
      <c r="DX7" s="212">
        <v>15478</v>
      </c>
      <c r="DY7" s="212">
        <v>21588</v>
      </c>
      <c r="DZ7" s="213">
        <v>13365</v>
      </c>
      <c r="EA7" s="236">
        <v>57757</v>
      </c>
      <c r="EB7" s="238">
        <v>57757</v>
      </c>
      <c r="EC7" s="239"/>
    </row>
    <row r="8" spans="2:133" ht="21" customHeight="1" x14ac:dyDescent="0.2">
      <c r="B8" s="95" t="s">
        <v>5</v>
      </c>
      <c r="C8" s="217">
        <v>0</v>
      </c>
      <c r="D8" s="219">
        <v>0</v>
      </c>
      <c r="E8" s="219">
        <v>0</v>
      </c>
      <c r="F8" s="220">
        <v>278</v>
      </c>
      <c r="G8" s="218">
        <v>1184</v>
      </c>
      <c r="H8" s="218">
        <v>4747</v>
      </c>
      <c r="I8" s="218">
        <v>6448</v>
      </c>
      <c r="J8" s="219">
        <v>4135</v>
      </c>
      <c r="K8" s="240">
        <v>16792</v>
      </c>
      <c r="L8" s="241">
        <v>16792</v>
      </c>
      <c r="M8" s="217">
        <v>0</v>
      </c>
      <c r="N8" s="219">
        <v>0</v>
      </c>
      <c r="O8" s="240">
        <v>0</v>
      </c>
      <c r="P8" s="220">
        <v>278</v>
      </c>
      <c r="Q8" s="218">
        <v>1175</v>
      </c>
      <c r="R8" s="218">
        <v>4708</v>
      </c>
      <c r="S8" s="218">
        <v>6392</v>
      </c>
      <c r="T8" s="219">
        <v>4058</v>
      </c>
      <c r="U8" s="240">
        <v>16611</v>
      </c>
      <c r="V8" s="242">
        <v>16611</v>
      </c>
      <c r="W8" s="222">
        <v>0</v>
      </c>
      <c r="X8" s="219">
        <v>0</v>
      </c>
      <c r="Y8" s="240">
        <v>0</v>
      </c>
      <c r="Z8" s="222">
        <v>0</v>
      </c>
      <c r="AA8" s="218">
        <v>9</v>
      </c>
      <c r="AB8" s="218">
        <v>39</v>
      </c>
      <c r="AC8" s="218">
        <v>56</v>
      </c>
      <c r="AD8" s="219">
        <v>77</v>
      </c>
      <c r="AE8" s="240">
        <v>181</v>
      </c>
      <c r="AF8" s="221">
        <v>181</v>
      </c>
      <c r="AG8" s="222">
        <v>0</v>
      </c>
      <c r="AH8" s="219">
        <v>0</v>
      </c>
      <c r="AI8" s="240">
        <v>0</v>
      </c>
      <c r="AJ8" s="222">
        <v>589</v>
      </c>
      <c r="AK8" s="218">
        <v>1577</v>
      </c>
      <c r="AL8" s="218">
        <v>2180</v>
      </c>
      <c r="AM8" s="218">
        <v>2723</v>
      </c>
      <c r="AN8" s="219">
        <v>1474</v>
      </c>
      <c r="AO8" s="240">
        <v>8543</v>
      </c>
      <c r="AP8" s="221">
        <v>8543</v>
      </c>
      <c r="AQ8" s="222">
        <v>0</v>
      </c>
      <c r="AR8" s="219">
        <v>0</v>
      </c>
      <c r="AS8" s="240">
        <v>0</v>
      </c>
      <c r="AT8" s="220">
        <v>588</v>
      </c>
      <c r="AU8" s="218">
        <v>1555</v>
      </c>
      <c r="AV8" s="218">
        <v>2156</v>
      </c>
      <c r="AW8" s="218">
        <v>2685</v>
      </c>
      <c r="AX8" s="219">
        <v>1439</v>
      </c>
      <c r="AY8" s="240">
        <v>8423</v>
      </c>
      <c r="AZ8" s="241">
        <v>8423</v>
      </c>
      <c r="BA8" s="217">
        <v>0</v>
      </c>
      <c r="BB8" s="219">
        <v>0</v>
      </c>
      <c r="BC8" s="219">
        <v>0</v>
      </c>
      <c r="BD8" s="220">
        <v>1</v>
      </c>
      <c r="BE8" s="218">
        <v>22</v>
      </c>
      <c r="BF8" s="218">
        <v>24</v>
      </c>
      <c r="BG8" s="218">
        <v>38</v>
      </c>
      <c r="BH8" s="219">
        <v>35</v>
      </c>
      <c r="BI8" s="240">
        <v>120</v>
      </c>
      <c r="BJ8" s="242">
        <v>120</v>
      </c>
      <c r="BK8" s="222">
        <v>0</v>
      </c>
      <c r="BL8" s="219">
        <v>0</v>
      </c>
      <c r="BM8" s="219">
        <v>0</v>
      </c>
      <c r="BN8" s="220">
        <v>0</v>
      </c>
      <c r="BO8" s="218">
        <v>0</v>
      </c>
      <c r="BP8" s="218">
        <v>0</v>
      </c>
      <c r="BQ8" s="218">
        <v>0</v>
      </c>
      <c r="BR8" s="219">
        <v>0</v>
      </c>
      <c r="BS8" s="240">
        <v>0</v>
      </c>
      <c r="BT8" s="241">
        <v>0</v>
      </c>
      <c r="BU8" s="217">
        <v>0</v>
      </c>
      <c r="BV8" s="219">
        <v>0</v>
      </c>
      <c r="BW8" s="219">
        <v>0</v>
      </c>
      <c r="BX8" s="220">
        <v>0</v>
      </c>
      <c r="BY8" s="218">
        <v>0</v>
      </c>
      <c r="BZ8" s="218">
        <v>0</v>
      </c>
      <c r="CA8" s="218">
        <v>0</v>
      </c>
      <c r="CB8" s="219">
        <v>0</v>
      </c>
      <c r="CC8" s="240">
        <v>0</v>
      </c>
      <c r="CD8" s="242">
        <v>0</v>
      </c>
      <c r="CE8" s="222">
        <v>0</v>
      </c>
      <c r="CF8" s="219">
        <v>0</v>
      </c>
      <c r="CG8" s="219">
        <v>0</v>
      </c>
      <c r="CH8" s="220">
        <v>0</v>
      </c>
      <c r="CI8" s="218">
        <v>0</v>
      </c>
      <c r="CJ8" s="218">
        <v>0</v>
      </c>
      <c r="CK8" s="218">
        <v>0</v>
      </c>
      <c r="CL8" s="219">
        <v>0</v>
      </c>
      <c r="CM8" s="240">
        <v>0</v>
      </c>
      <c r="CN8" s="242">
        <v>0</v>
      </c>
      <c r="CO8" s="222">
        <v>0</v>
      </c>
      <c r="CP8" s="219">
        <v>0</v>
      </c>
      <c r="CQ8" s="219">
        <v>0</v>
      </c>
      <c r="CR8" s="220">
        <v>2</v>
      </c>
      <c r="CS8" s="218">
        <v>3</v>
      </c>
      <c r="CT8" s="218">
        <v>12</v>
      </c>
      <c r="CU8" s="218">
        <v>105</v>
      </c>
      <c r="CV8" s="219">
        <v>139</v>
      </c>
      <c r="CW8" s="240">
        <v>261</v>
      </c>
      <c r="CX8" s="241">
        <v>261</v>
      </c>
      <c r="CY8" s="217">
        <v>0</v>
      </c>
      <c r="CZ8" s="219">
        <v>0</v>
      </c>
      <c r="DA8" s="219">
        <v>0</v>
      </c>
      <c r="DB8" s="220">
        <v>2</v>
      </c>
      <c r="DC8" s="218">
        <v>3</v>
      </c>
      <c r="DD8" s="218">
        <v>12</v>
      </c>
      <c r="DE8" s="218">
        <v>103</v>
      </c>
      <c r="DF8" s="219">
        <v>137</v>
      </c>
      <c r="DG8" s="240">
        <v>257</v>
      </c>
      <c r="DH8" s="242">
        <v>257</v>
      </c>
      <c r="DI8" s="222">
        <v>0</v>
      </c>
      <c r="DJ8" s="219">
        <v>0</v>
      </c>
      <c r="DK8" s="219">
        <v>0</v>
      </c>
      <c r="DL8" s="220">
        <v>0</v>
      </c>
      <c r="DM8" s="218">
        <v>0</v>
      </c>
      <c r="DN8" s="218">
        <v>0</v>
      </c>
      <c r="DO8" s="218">
        <v>2</v>
      </c>
      <c r="DP8" s="219">
        <v>2</v>
      </c>
      <c r="DQ8" s="240">
        <v>4</v>
      </c>
      <c r="DR8" s="242">
        <v>4</v>
      </c>
      <c r="DS8" s="222">
        <v>0</v>
      </c>
      <c r="DT8" s="219">
        <v>0</v>
      </c>
      <c r="DU8" s="219">
        <v>0</v>
      </c>
      <c r="DV8" s="220">
        <v>869</v>
      </c>
      <c r="DW8" s="218">
        <v>2764</v>
      </c>
      <c r="DX8" s="218">
        <v>6939</v>
      </c>
      <c r="DY8" s="218">
        <v>9276</v>
      </c>
      <c r="DZ8" s="219">
        <v>5748</v>
      </c>
      <c r="EA8" s="240">
        <v>25596</v>
      </c>
      <c r="EB8" s="242">
        <v>25596</v>
      </c>
      <c r="EC8" s="239"/>
    </row>
    <row r="9" spans="2:133" ht="21" customHeight="1" x14ac:dyDescent="0.2">
      <c r="B9" s="106" t="s">
        <v>6</v>
      </c>
      <c r="C9" s="217">
        <v>0</v>
      </c>
      <c r="D9" s="219">
        <v>0</v>
      </c>
      <c r="E9" s="219">
        <v>0</v>
      </c>
      <c r="F9" s="220">
        <v>100</v>
      </c>
      <c r="G9" s="218">
        <v>219</v>
      </c>
      <c r="H9" s="218">
        <v>1300</v>
      </c>
      <c r="I9" s="218">
        <v>1828</v>
      </c>
      <c r="J9" s="219">
        <v>1299</v>
      </c>
      <c r="K9" s="240">
        <v>4746</v>
      </c>
      <c r="L9" s="241">
        <v>4746</v>
      </c>
      <c r="M9" s="217">
        <v>0</v>
      </c>
      <c r="N9" s="219">
        <v>0</v>
      </c>
      <c r="O9" s="240">
        <v>0</v>
      </c>
      <c r="P9" s="220">
        <v>99</v>
      </c>
      <c r="Q9" s="218">
        <v>217</v>
      </c>
      <c r="R9" s="218">
        <v>1290</v>
      </c>
      <c r="S9" s="218">
        <v>1814</v>
      </c>
      <c r="T9" s="219">
        <v>1281</v>
      </c>
      <c r="U9" s="240">
        <v>4701</v>
      </c>
      <c r="V9" s="242">
        <v>4701</v>
      </c>
      <c r="W9" s="222">
        <v>0</v>
      </c>
      <c r="X9" s="219">
        <v>0</v>
      </c>
      <c r="Y9" s="240">
        <v>0</v>
      </c>
      <c r="Z9" s="222">
        <v>1</v>
      </c>
      <c r="AA9" s="218">
        <v>2</v>
      </c>
      <c r="AB9" s="218">
        <v>10</v>
      </c>
      <c r="AC9" s="218">
        <v>14</v>
      </c>
      <c r="AD9" s="219">
        <v>18</v>
      </c>
      <c r="AE9" s="240">
        <v>45</v>
      </c>
      <c r="AF9" s="221">
        <v>45</v>
      </c>
      <c r="AG9" s="222">
        <v>0</v>
      </c>
      <c r="AH9" s="219">
        <v>0</v>
      </c>
      <c r="AI9" s="240">
        <v>0</v>
      </c>
      <c r="AJ9" s="222">
        <v>235</v>
      </c>
      <c r="AK9" s="218">
        <v>312</v>
      </c>
      <c r="AL9" s="218">
        <v>544</v>
      </c>
      <c r="AM9" s="218">
        <v>640</v>
      </c>
      <c r="AN9" s="219">
        <v>356</v>
      </c>
      <c r="AO9" s="240">
        <v>2087</v>
      </c>
      <c r="AP9" s="221">
        <v>2087</v>
      </c>
      <c r="AQ9" s="222">
        <v>0</v>
      </c>
      <c r="AR9" s="219">
        <v>0</v>
      </c>
      <c r="AS9" s="240">
        <v>0</v>
      </c>
      <c r="AT9" s="220">
        <v>230</v>
      </c>
      <c r="AU9" s="218">
        <v>308</v>
      </c>
      <c r="AV9" s="218">
        <v>525</v>
      </c>
      <c r="AW9" s="218">
        <v>626</v>
      </c>
      <c r="AX9" s="219">
        <v>338</v>
      </c>
      <c r="AY9" s="240">
        <v>2027</v>
      </c>
      <c r="AZ9" s="241">
        <v>2027</v>
      </c>
      <c r="BA9" s="217">
        <v>0</v>
      </c>
      <c r="BB9" s="219">
        <v>0</v>
      </c>
      <c r="BC9" s="219">
        <v>0</v>
      </c>
      <c r="BD9" s="220">
        <v>5</v>
      </c>
      <c r="BE9" s="218">
        <v>4</v>
      </c>
      <c r="BF9" s="218">
        <v>19</v>
      </c>
      <c r="BG9" s="218">
        <v>14</v>
      </c>
      <c r="BH9" s="219">
        <v>18</v>
      </c>
      <c r="BI9" s="240">
        <v>60</v>
      </c>
      <c r="BJ9" s="242">
        <v>60</v>
      </c>
      <c r="BK9" s="222">
        <v>0</v>
      </c>
      <c r="BL9" s="219">
        <v>0</v>
      </c>
      <c r="BM9" s="219">
        <v>0</v>
      </c>
      <c r="BN9" s="220">
        <v>0</v>
      </c>
      <c r="BO9" s="218">
        <v>0</v>
      </c>
      <c r="BP9" s="218">
        <v>0</v>
      </c>
      <c r="BQ9" s="218">
        <v>0</v>
      </c>
      <c r="BR9" s="219">
        <v>0</v>
      </c>
      <c r="BS9" s="240">
        <v>0</v>
      </c>
      <c r="BT9" s="241">
        <v>0</v>
      </c>
      <c r="BU9" s="217">
        <v>0</v>
      </c>
      <c r="BV9" s="219">
        <v>0</v>
      </c>
      <c r="BW9" s="219">
        <v>0</v>
      </c>
      <c r="BX9" s="220">
        <v>0</v>
      </c>
      <c r="BY9" s="218">
        <v>0</v>
      </c>
      <c r="BZ9" s="218">
        <v>0</v>
      </c>
      <c r="CA9" s="218">
        <v>0</v>
      </c>
      <c r="CB9" s="219">
        <v>0</v>
      </c>
      <c r="CC9" s="240">
        <v>0</v>
      </c>
      <c r="CD9" s="242">
        <v>0</v>
      </c>
      <c r="CE9" s="222">
        <v>0</v>
      </c>
      <c r="CF9" s="219">
        <v>0</v>
      </c>
      <c r="CG9" s="219">
        <v>0</v>
      </c>
      <c r="CH9" s="220">
        <v>0</v>
      </c>
      <c r="CI9" s="218">
        <v>0</v>
      </c>
      <c r="CJ9" s="218">
        <v>0</v>
      </c>
      <c r="CK9" s="218">
        <v>0</v>
      </c>
      <c r="CL9" s="219">
        <v>0</v>
      </c>
      <c r="CM9" s="240">
        <v>0</v>
      </c>
      <c r="CN9" s="242">
        <v>0</v>
      </c>
      <c r="CO9" s="222">
        <v>0</v>
      </c>
      <c r="CP9" s="219">
        <v>0</v>
      </c>
      <c r="CQ9" s="219">
        <v>0</v>
      </c>
      <c r="CR9" s="220">
        <v>0</v>
      </c>
      <c r="CS9" s="218">
        <v>1</v>
      </c>
      <c r="CT9" s="218">
        <v>3</v>
      </c>
      <c r="CU9" s="218">
        <v>41</v>
      </c>
      <c r="CV9" s="219">
        <v>57</v>
      </c>
      <c r="CW9" s="240">
        <v>102</v>
      </c>
      <c r="CX9" s="241">
        <v>102</v>
      </c>
      <c r="CY9" s="217">
        <v>0</v>
      </c>
      <c r="CZ9" s="219">
        <v>0</v>
      </c>
      <c r="DA9" s="219">
        <v>0</v>
      </c>
      <c r="DB9" s="220">
        <v>0</v>
      </c>
      <c r="DC9" s="218">
        <v>1</v>
      </c>
      <c r="DD9" s="218">
        <v>3</v>
      </c>
      <c r="DE9" s="218">
        <v>40</v>
      </c>
      <c r="DF9" s="219">
        <v>55</v>
      </c>
      <c r="DG9" s="240">
        <v>99</v>
      </c>
      <c r="DH9" s="242">
        <v>99</v>
      </c>
      <c r="DI9" s="222">
        <v>0</v>
      </c>
      <c r="DJ9" s="219">
        <v>0</v>
      </c>
      <c r="DK9" s="219">
        <v>0</v>
      </c>
      <c r="DL9" s="220">
        <v>0</v>
      </c>
      <c r="DM9" s="218">
        <v>0</v>
      </c>
      <c r="DN9" s="218">
        <v>0</v>
      </c>
      <c r="DO9" s="218">
        <v>1</v>
      </c>
      <c r="DP9" s="219">
        <v>2</v>
      </c>
      <c r="DQ9" s="240">
        <v>3</v>
      </c>
      <c r="DR9" s="242">
        <v>3</v>
      </c>
      <c r="DS9" s="222">
        <v>0</v>
      </c>
      <c r="DT9" s="219">
        <v>0</v>
      </c>
      <c r="DU9" s="219">
        <v>0</v>
      </c>
      <c r="DV9" s="220">
        <v>335</v>
      </c>
      <c r="DW9" s="218">
        <v>532</v>
      </c>
      <c r="DX9" s="218">
        <v>1847</v>
      </c>
      <c r="DY9" s="218">
        <v>2509</v>
      </c>
      <c r="DZ9" s="219">
        <v>1712</v>
      </c>
      <c r="EA9" s="240">
        <v>6935</v>
      </c>
      <c r="EB9" s="242">
        <v>6935</v>
      </c>
      <c r="EC9" s="239"/>
    </row>
    <row r="10" spans="2:133" ht="21" customHeight="1" x14ac:dyDescent="0.2">
      <c r="B10" s="106" t="s">
        <v>14</v>
      </c>
      <c r="C10" s="217">
        <v>0</v>
      </c>
      <c r="D10" s="219">
        <v>0</v>
      </c>
      <c r="E10" s="219">
        <v>0</v>
      </c>
      <c r="F10" s="220">
        <v>8</v>
      </c>
      <c r="G10" s="218">
        <v>37</v>
      </c>
      <c r="H10" s="218">
        <v>854</v>
      </c>
      <c r="I10" s="218">
        <v>1255</v>
      </c>
      <c r="J10" s="219">
        <v>771</v>
      </c>
      <c r="K10" s="240">
        <v>2925</v>
      </c>
      <c r="L10" s="241">
        <v>2925</v>
      </c>
      <c r="M10" s="217">
        <v>0</v>
      </c>
      <c r="N10" s="219">
        <v>0</v>
      </c>
      <c r="O10" s="240">
        <v>0</v>
      </c>
      <c r="P10" s="220">
        <v>8</v>
      </c>
      <c r="Q10" s="218">
        <v>37</v>
      </c>
      <c r="R10" s="218">
        <v>848</v>
      </c>
      <c r="S10" s="218">
        <v>1243</v>
      </c>
      <c r="T10" s="219">
        <v>763</v>
      </c>
      <c r="U10" s="240">
        <v>2899</v>
      </c>
      <c r="V10" s="242">
        <v>2899</v>
      </c>
      <c r="W10" s="222">
        <v>0</v>
      </c>
      <c r="X10" s="219">
        <v>0</v>
      </c>
      <c r="Y10" s="240">
        <v>0</v>
      </c>
      <c r="Z10" s="222">
        <v>0</v>
      </c>
      <c r="AA10" s="218">
        <v>0</v>
      </c>
      <c r="AB10" s="218">
        <v>6</v>
      </c>
      <c r="AC10" s="218">
        <v>12</v>
      </c>
      <c r="AD10" s="219">
        <v>8</v>
      </c>
      <c r="AE10" s="240">
        <v>26</v>
      </c>
      <c r="AF10" s="221">
        <v>26</v>
      </c>
      <c r="AG10" s="222">
        <v>0</v>
      </c>
      <c r="AH10" s="219">
        <v>0</v>
      </c>
      <c r="AI10" s="240">
        <v>0</v>
      </c>
      <c r="AJ10" s="222">
        <v>70</v>
      </c>
      <c r="AK10" s="218">
        <v>204</v>
      </c>
      <c r="AL10" s="218">
        <v>315</v>
      </c>
      <c r="AM10" s="218">
        <v>397</v>
      </c>
      <c r="AN10" s="219">
        <v>167</v>
      </c>
      <c r="AO10" s="240">
        <v>1153</v>
      </c>
      <c r="AP10" s="221">
        <v>1153</v>
      </c>
      <c r="AQ10" s="222">
        <v>0</v>
      </c>
      <c r="AR10" s="219">
        <v>0</v>
      </c>
      <c r="AS10" s="240">
        <v>0</v>
      </c>
      <c r="AT10" s="220">
        <v>70</v>
      </c>
      <c r="AU10" s="218">
        <v>199</v>
      </c>
      <c r="AV10" s="218">
        <v>305</v>
      </c>
      <c r="AW10" s="218">
        <v>389</v>
      </c>
      <c r="AX10" s="219">
        <v>164</v>
      </c>
      <c r="AY10" s="240">
        <v>1127</v>
      </c>
      <c r="AZ10" s="241">
        <v>1127</v>
      </c>
      <c r="BA10" s="217">
        <v>0</v>
      </c>
      <c r="BB10" s="219">
        <v>0</v>
      </c>
      <c r="BC10" s="219">
        <v>0</v>
      </c>
      <c r="BD10" s="220">
        <v>0</v>
      </c>
      <c r="BE10" s="218">
        <v>5</v>
      </c>
      <c r="BF10" s="218">
        <v>10</v>
      </c>
      <c r="BG10" s="218">
        <v>8</v>
      </c>
      <c r="BH10" s="219">
        <v>3</v>
      </c>
      <c r="BI10" s="240">
        <v>26</v>
      </c>
      <c r="BJ10" s="242">
        <v>26</v>
      </c>
      <c r="BK10" s="222">
        <v>0</v>
      </c>
      <c r="BL10" s="219">
        <v>0</v>
      </c>
      <c r="BM10" s="219">
        <v>0</v>
      </c>
      <c r="BN10" s="220">
        <v>0</v>
      </c>
      <c r="BO10" s="218">
        <v>0</v>
      </c>
      <c r="BP10" s="218">
        <v>0</v>
      </c>
      <c r="BQ10" s="218">
        <v>0</v>
      </c>
      <c r="BR10" s="219">
        <v>0</v>
      </c>
      <c r="BS10" s="240">
        <v>0</v>
      </c>
      <c r="BT10" s="241">
        <v>0</v>
      </c>
      <c r="BU10" s="217">
        <v>0</v>
      </c>
      <c r="BV10" s="219">
        <v>0</v>
      </c>
      <c r="BW10" s="219">
        <v>0</v>
      </c>
      <c r="BX10" s="220">
        <v>0</v>
      </c>
      <c r="BY10" s="218">
        <v>0</v>
      </c>
      <c r="BZ10" s="218">
        <v>0</v>
      </c>
      <c r="CA10" s="218">
        <v>0</v>
      </c>
      <c r="CB10" s="219">
        <v>0</v>
      </c>
      <c r="CC10" s="240">
        <v>0</v>
      </c>
      <c r="CD10" s="242">
        <v>0</v>
      </c>
      <c r="CE10" s="222">
        <v>0</v>
      </c>
      <c r="CF10" s="219">
        <v>0</v>
      </c>
      <c r="CG10" s="219">
        <v>0</v>
      </c>
      <c r="CH10" s="220">
        <v>0</v>
      </c>
      <c r="CI10" s="218">
        <v>0</v>
      </c>
      <c r="CJ10" s="218">
        <v>0</v>
      </c>
      <c r="CK10" s="218">
        <v>0</v>
      </c>
      <c r="CL10" s="219">
        <v>0</v>
      </c>
      <c r="CM10" s="240">
        <v>0</v>
      </c>
      <c r="CN10" s="242">
        <v>0</v>
      </c>
      <c r="CO10" s="222">
        <v>0</v>
      </c>
      <c r="CP10" s="219">
        <v>0</v>
      </c>
      <c r="CQ10" s="219">
        <v>0</v>
      </c>
      <c r="CR10" s="220">
        <v>1</v>
      </c>
      <c r="CS10" s="218">
        <v>0</v>
      </c>
      <c r="CT10" s="218">
        <v>11</v>
      </c>
      <c r="CU10" s="218">
        <v>101</v>
      </c>
      <c r="CV10" s="219">
        <v>99</v>
      </c>
      <c r="CW10" s="240">
        <v>212</v>
      </c>
      <c r="CX10" s="241">
        <v>212</v>
      </c>
      <c r="CY10" s="217">
        <v>0</v>
      </c>
      <c r="CZ10" s="219">
        <v>0</v>
      </c>
      <c r="DA10" s="219">
        <v>0</v>
      </c>
      <c r="DB10" s="220">
        <v>1</v>
      </c>
      <c r="DC10" s="218">
        <v>0</v>
      </c>
      <c r="DD10" s="218">
        <v>10</v>
      </c>
      <c r="DE10" s="218">
        <v>101</v>
      </c>
      <c r="DF10" s="219">
        <v>94</v>
      </c>
      <c r="DG10" s="240">
        <v>206</v>
      </c>
      <c r="DH10" s="242">
        <v>206</v>
      </c>
      <c r="DI10" s="222">
        <v>0</v>
      </c>
      <c r="DJ10" s="219">
        <v>0</v>
      </c>
      <c r="DK10" s="219">
        <v>0</v>
      </c>
      <c r="DL10" s="220">
        <v>0</v>
      </c>
      <c r="DM10" s="218">
        <v>0</v>
      </c>
      <c r="DN10" s="218">
        <v>1</v>
      </c>
      <c r="DO10" s="218">
        <v>0</v>
      </c>
      <c r="DP10" s="219">
        <v>5</v>
      </c>
      <c r="DQ10" s="240">
        <v>6</v>
      </c>
      <c r="DR10" s="242">
        <v>6</v>
      </c>
      <c r="DS10" s="222">
        <v>0</v>
      </c>
      <c r="DT10" s="219">
        <v>0</v>
      </c>
      <c r="DU10" s="219">
        <v>0</v>
      </c>
      <c r="DV10" s="220">
        <v>79</v>
      </c>
      <c r="DW10" s="218">
        <v>241</v>
      </c>
      <c r="DX10" s="218">
        <v>1176</v>
      </c>
      <c r="DY10" s="218">
        <v>1750</v>
      </c>
      <c r="DZ10" s="219">
        <v>1036</v>
      </c>
      <c r="EA10" s="240">
        <v>4282</v>
      </c>
      <c r="EB10" s="242">
        <v>4282</v>
      </c>
      <c r="EC10" s="239"/>
    </row>
    <row r="11" spans="2:133" ht="21" customHeight="1" x14ac:dyDescent="0.2">
      <c r="B11" s="106" t="s">
        <v>7</v>
      </c>
      <c r="C11" s="217">
        <v>0</v>
      </c>
      <c r="D11" s="219">
        <v>0</v>
      </c>
      <c r="E11" s="219">
        <v>0</v>
      </c>
      <c r="F11" s="220">
        <v>27</v>
      </c>
      <c r="G11" s="218">
        <v>43</v>
      </c>
      <c r="H11" s="218">
        <v>628</v>
      </c>
      <c r="I11" s="218">
        <v>940</v>
      </c>
      <c r="J11" s="219">
        <v>548</v>
      </c>
      <c r="K11" s="240">
        <v>2186</v>
      </c>
      <c r="L11" s="241">
        <v>2186</v>
      </c>
      <c r="M11" s="217">
        <v>0</v>
      </c>
      <c r="N11" s="219">
        <v>0</v>
      </c>
      <c r="O11" s="240">
        <v>0</v>
      </c>
      <c r="P11" s="220">
        <v>26</v>
      </c>
      <c r="Q11" s="218">
        <v>42</v>
      </c>
      <c r="R11" s="218">
        <v>623</v>
      </c>
      <c r="S11" s="218">
        <v>926</v>
      </c>
      <c r="T11" s="219">
        <v>543</v>
      </c>
      <c r="U11" s="240">
        <v>2160</v>
      </c>
      <c r="V11" s="242">
        <v>2160</v>
      </c>
      <c r="W11" s="222">
        <v>0</v>
      </c>
      <c r="X11" s="219">
        <v>0</v>
      </c>
      <c r="Y11" s="240">
        <v>0</v>
      </c>
      <c r="Z11" s="222">
        <v>1</v>
      </c>
      <c r="AA11" s="218">
        <v>1</v>
      </c>
      <c r="AB11" s="218">
        <v>5</v>
      </c>
      <c r="AC11" s="218">
        <v>14</v>
      </c>
      <c r="AD11" s="219">
        <v>5</v>
      </c>
      <c r="AE11" s="240">
        <v>26</v>
      </c>
      <c r="AF11" s="221">
        <v>26</v>
      </c>
      <c r="AG11" s="222">
        <v>0</v>
      </c>
      <c r="AH11" s="219">
        <v>0</v>
      </c>
      <c r="AI11" s="240">
        <v>0</v>
      </c>
      <c r="AJ11" s="222">
        <v>181</v>
      </c>
      <c r="AK11" s="218">
        <v>190</v>
      </c>
      <c r="AL11" s="218">
        <v>267</v>
      </c>
      <c r="AM11" s="218">
        <v>300</v>
      </c>
      <c r="AN11" s="219">
        <v>101</v>
      </c>
      <c r="AO11" s="240">
        <v>1039</v>
      </c>
      <c r="AP11" s="221">
        <v>1039</v>
      </c>
      <c r="AQ11" s="222">
        <v>0</v>
      </c>
      <c r="AR11" s="219">
        <v>0</v>
      </c>
      <c r="AS11" s="240">
        <v>0</v>
      </c>
      <c r="AT11" s="220">
        <v>180</v>
      </c>
      <c r="AU11" s="218">
        <v>187</v>
      </c>
      <c r="AV11" s="218">
        <v>261</v>
      </c>
      <c r="AW11" s="218">
        <v>291</v>
      </c>
      <c r="AX11" s="219">
        <v>101</v>
      </c>
      <c r="AY11" s="240">
        <v>1020</v>
      </c>
      <c r="AZ11" s="241">
        <v>1020</v>
      </c>
      <c r="BA11" s="217">
        <v>0</v>
      </c>
      <c r="BB11" s="219">
        <v>0</v>
      </c>
      <c r="BC11" s="219">
        <v>0</v>
      </c>
      <c r="BD11" s="220">
        <v>1</v>
      </c>
      <c r="BE11" s="218">
        <v>3</v>
      </c>
      <c r="BF11" s="218">
        <v>6</v>
      </c>
      <c r="BG11" s="218">
        <v>9</v>
      </c>
      <c r="BH11" s="219">
        <v>0</v>
      </c>
      <c r="BI11" s="240">
        <v>19</v>
      </c>
      <c r="BJ11" s="242">
        <v>19</v>
      </c>
      <c r="BK11" s="222">
        <v>0</v>
      </c>
      <c r="BL11" s="219">
        <v>0</v>
      </c>
      <c r="BM11" s="219">
        <v>0</v>
      </c>
      <c r="BN11" s="220">
        <v>0</v>
      </c>
      <c r="BO11" s="218">
        <v>0</v>
      </c>
      <c r="BP11" s="218">
        <v>0</v>
      </c>
      <c r="BQ11" s="218">
        <v>0</v>
      </c>
      <c r="BR11" s="219">
        <v>0</v>
      </c>
      <c r="BS11" s="240">
        <v>0</v>
      </c>
      <c r="BT11" s="241">
        <v>0</v>
      </c>
      <c r="BU11" s="217">
        <v>0</v>
      </c>
      <c r="BV11" s="219">
        <v>0</v>
      </c>
      <c r="BW11" s="219">
        <v>0</v>
      </c>
      <c r="BX11" s="220">
        <v>0</v>
      </c>
      <c r="BY11" s="218">
        <v>0</v>
      </c>
      <c r="BZ11" s="218">
        <v>0</v>
      </c>
      <c r="CA11" s="218">
        <v>0</v>
      </c>
      <c r="CB11" s="219">
        <v>0</v>
      </c>
      <c r="CC11" s="240">
        <v>0</v>
      </c>
      <c r="CD11" s="242">
        <v>0</v>
      </c>
      <c r="CE11" s="222">
        <v>0</v>
      </c>
      <c r="CF11" s="219">
        <v>0</v>
      </c>
      <c r="CG11" s="219">
        <v>0</v>
      </c>
      <c r="CH11" s="220">
        <v>0</v>
      </c>
      <c r="CI11" s="218">
        <v>0</v>
      </c>
      <c r="CJ11" s="218">
        <v>0</v>
      </c>
      <c r="CK11" s="218">
        <v>0</v>
      </c>
      <c r="CL11" s="219">
        <v>0</v>
      </c>
      <c r="CM11" s="240">
        <v>0</v>
      </c>
      <c r="CN11" s="242">
        <v>0</v>
      </c>
      <c r="CO11" s="222">
        <v>0</v>
      </c>
      <c r="CP11" s="219">
        <v>0</v>
      </c>
      <c r="CQ11" s="219">
        <v>0</v>
      </c>
      <c r="CR11" s="220">
        <v>0</v>
      </c>
      <c r="CS11" s="218">
        <v>0</v>
      </c>
      <c r="CT11" s="218">
        <v>2</v>
      </c>
      <c r="CU11" s="218">
        <v>4</v>
      </c>
      <c r="CV11" s="219">
        <v>3</v>
      </c>
      <c r="CW11" s="240">
        <v>9</v>
      </c>
      <c r="CX11" s="241">
        <v>9</v>
      </c>
      <c r="CY11" s="217">
        <v>0</v>
      </c>
      <c r="CZ11" s="219">
        <v>0</v>
      </c>
      <c r="DA11" s="219">
        <v>0</v>
      </c>
      <c r="DB11" s="220">
        <v>0</v>
      </c>
      <c r="DC11" s="218">
        <v>0</v>
      </c>
      <c r="DD11" s="218">
        <v>2</v>
      </c>
      <c r="DE11" s="218">
        <v>4</v>
      </c>
      <c r="DF11" s="219">
        <v>3</v>
      </c>
      <c r="DG11" s="240">
        <v>9</v>
      </c>
      <c r="DH11" s="242">
        <v>9</v>
      </c>
      <c r="DI11" s="222">
        <v>0</v>
      </c>
      <c r="DJ11" s="219">
        <v>0</v>
      </c>
      <c r="DK11" s="219">
        <v>0</v>
      </c>
      <c r="DL11" s="220">
        <v>0</v>
      </c>
      <c r="DM11" s="218">
        <v>0</v>
      </c>
      <c r="DN11" s="218">
        <v>0</v>
      </c>
      <c r="DO11" s="218">
        <v>0</v>
      </c>
      <c r="DP11" s="219">
        <v>0</v>
      </c>
      <c r="DQ11" s="240">
        <v>0</v>
      </c>
      <c r="DR11" s="242">
        <v>0</v>
      </c>
      <c r="DS11" s="222">
        <v>0</v>
      </c>
      <c r="DT11" s="219">
        <v>0</v>
      </c>
      <c r="DU11" s="219">
        <v>0</v>
      </c>
      <c r="DV11" s="220">
        <v>208</v>
      </c>
      <c r="DW11" s="218">
        <v>233</v>
      </c>
      <c r="DX11" s="218">
        <v>890</v>
      </c>
      <c r="DY11" s="218">
        <v>1236</v>
      </c>
      <c r="DZ11" s="219">
        <v>649</v>
      </c>
      <c r="EA11" s="240">
        <v>3216</v>
      </c>
      <c r="EB11" s="242">
        <v>3216</v>
      </c>
      <c r="EC11" s="239"/>
    </row>
    <row r="12" spans="2:133" ht="21" customHeight="1" x14ac:dyDescent="0.2">
      <c r="B12" s="106" t="s">
        <v>8</v>
      </c>
      <c r="C12" s="217">
        <v>0</v>
      </c>
      <c r="D12" s="219">
        <v>0</v>
      </c>
      <c r="E12" s="219">
        <v>0</v>
      </c>
      <c r="F12" s="220">
        <v>10</v>
      </c>
      <c r="G12" s="218">
        <v>54</v>
      </c>
      <c r="H12" s="218">
        <v>388</v>
      </c>
      <c r="I12" s="218">
        <v>438</v>
      </c>
      <c r="J12" s="219">
        <v>253</v>
      </c>
      <c r="K12" s="240">
        <v>1143</v>
      </c>
      <c r="L12" s="241">
        <v>1143</v>
      </c>
      <c r="M12" s="217">
        <v>0</v>
      </c>
      <c r="N12" s="219">
        <v>0</v>
      </c>
      <c r="O12" s="240">
        <v>0</v>
      </c>
      <c r="P12" s="220">
        <v>10</v>
      </c>
      <c r="Q12" s="218">
        <v>53</v>
      </c>
      <c r="R12" s="218">
        <v>387</v>
      </c>
      <c r="S12" s="218">
        <v>434</v>
      </c>
      <c r="T12" s="219">
        <v>251</v>
      </c>
      <c r="U12" s="240">
        <v>1135</v>
      </c>
      <c r="V12" s="242">
        <v>1135</v>
      </c>
      <c r="W12" s="222">
        <v>0</v>
      </c>
      <c r="X12" s="219">
        <v>0</v>
      </c>
      <c r="Y12" s="240">
        <v>0</v>
      </c>
      <c r="Z12" s="222">
        <v>0</v>
      </c>
      <c r="AA12" s="218">
        <v>1</v>
      </c>
      <c r="AB12" s="218">
        <v>1</v>
      </c>
      <c r="AC12" s="218">
        <v>4</v>
      </c>
      <c r="AD12" s="219">
        <v>2</v>
      </c>
      <c r="AE12" s="240">
        <v>8</v>
      </c>
      <c r="AF12" s="221">
        <v>8</v>
      </c>
      <c r="AG12" s="222">
        <v>0</v>
      </c>
      <c r="AH12" s="219">
        <v>0</v>
      </c>
      <c r="AI12" s="240">
        <v>0</v>
      </c>
      <c r="AJ12" s="222">
        <v>42</v>
      </c>
      <c r="AK12" s="218">
        <v>87</v>
      </c>
      <c r="AL12" s="218">
        <v>126</v>
      </c>
      <c r="AM12" s="218">
        <v>157</v>
      </c>
      <c r="AN12" s="219">
        <v>83</v>
      </c>
      <c r="AO12" s="240">
        <v>495</v>
      </c>
      <c r="AP12" s="221">
        <v>495</v>
      </c>
      <c r="AQ12" s="222">
        <v>0</v>
      </c>
      <c r="AR12" s="219">
        <v>0</v>
      </c>
      <c r="AS12" s="240">
        <v>0</v>
      </c>
      <c r="AT12" s="220">
        <v>41</v>
      </c>
      <c r="AU12" s="218">
        <v>87</v>
      </c>
      <c r="AV12" s="218">
        <v>124</v>
      </c>
      <c r="AW12" s="218">
        <v>156</v>
      </c>
      <c r="AX12" s="219">
        <v>81</v>
      </c>
      <c r="AY12" s="240">
        <v>489</v>
      </c>
      <c r="AZ12" s="241">
        <v>489</v>
      </c>
      <c r="BA12" s="217">
        <v>0</v>
      </c>
      <c r="BB12" s="219">
        <v>0</v>
      </c>
      <c r="BC12" s="219">
        <v>0</v>
      </c>
      <c r="BD12" s="220">
        <v>1</v>
      </c>
      <c r="BE12" s="218">
        <v>0</v>
      </c>
      <c r="BF12" s="218">
        <v>2</v>
      </c>
      <c r="BG12" s="218">
        <v>1</v>
      </c>
      <c r="BH12" s="219">
        <v>2</v>
      </c>
      <c r="BI12" s="240">
        <v>6</v>
      </c>
      <c r="BJ12" s="242">
        <v>6</v>
      </c>
      <c r="BK12" s="222">
        <v>0</v>
      </c>
      <c r="BL12" s="219">
        <v>0</v>
      </c>
      <c r="BM12" s="219">
        <v>0</v>
      </c>
      <c r="BN12" s="220">
        <v>0</v>
      </c>
      <c r="BO12" s="218">
        <v>0</v>
      </c>
      <c r="BP12" s="218">
        <v>0</v>
      </c>
      <c r="BQ12" s="218">
        <v>0</v>
      </c>
      <c r="BR12" s="219">
        <v>0</v>
      </c>
      <c r="BS12" s="240">
        <v>0</v>
      </c>
      <c r="BT12" s="241">
        <v>0</v>
      </c>
      <c r="BU12" s="217">
        <v>0</v>
      </c>
      <c r="BV12" s="219">
        <v>0</v>
      </c>
      <c r="BW12" s="219">
        <v>0</v>
      </c>
      <c r="BX12" s="220">
        <v>0</v>
      </c>
      <c r="BY12" s="218">
        <v>0</v>
      </c>
      <c r="BZ12" s="218">
        <v>0</v>
      </c>
      <c r="CA12" s="218">
        <v>0</v>
      </c>
      <c r="CB12" s="219">
        <v>0</v>
      </c>
      <c r="CC12" s="240">
        <v>0</v>
      </c>
      <c r="CD12" s="242">
        <v>0</v>
      </c>
      <c r="CE12" s="222">
        <v>0</v>
      </c>
      <c r="CF12" s="219">
        <v>0</v>
      </c>
      <c r="CG12" s="219">
        <v>0</v>
      </c>
      <c r="CH12" s="220">
        <v>0</v>
      </c>
      <c r="CI12" s="218">
        <v>0</v>
      </c>
      <c r="CJ12" s="218">
        <v>0</v>
      </c>
      <c r="CK12" s="218">
        <v>0</v>
      </c>
      <c r="CL12" s="219">
        <v>0</v>
      </c>
      <c r="CM12" s="240">
        <v>0</v>
      </c>
      <c r="CN12" s="242">
        <v>0</v>
      </c>
      <c r="CO12" s="222">
        <v>0</v>
      </c>
      <c r="CP12" s="219">
        <v>0</v>
      </c>
      <c r="CQ12" s="219">
        <v>0</v>
      </c>
      <c r="CR12" s="220">
        <v>0</v>
      </c>
      <c r="CS12" s="218">
        <v>0</v>
      </c>
      <c r="CT12" s="218">
        <v>1</v>
      </c>
      <c r="CU12" s="218">
        <v>7</v>
      </c>
      <c r="CV12" s="219">
        <v>9</v>
      </c>
      <c r="CW12" s="240">
        <v>17</v>
      </c>
      <c r="CX12" s="241">
        <v>17</v>
      </c>
      <c r="CY12" s="217">
        <v>0</v>
      </c>
      <c r="CZ12" s="219">
        <v>0</v>
      </c>
      <c r="DA12" s="219">
        <v>0</v>
      </c>
      <c r="DB12" s="220">
        <v>0</v>
      </c>
      <c r="DC12" s="218">
        <v>0</v>
      </c>
      <c r="DD12" s="218">
        <v>1</v>
      </c>
      <c r="DE12" s="218">
        <v>7</v>
      </c>
      <c r="DF12" s="219">
        <v>8</v>
      </c>
      <c r="DG12" s="240">
        <v>16</v>
      </c>
      <c r="DH12" s="242">
        <v>16</v>
      </c>
      <c r="DI12" s="222">
        <v>0</v>
      </c>
      <c r="DJ12" s="219">
        <v>0</v>
      </c>
      <c r="DK12" s="219">
        <v>0</v>
      </c>
      <c r="DL12" s="220">
        <v>0</v>
      </c>
      <c r="DM12" s="218">
        <v>0</v>
      </c>
      <c r="DN12" s="218">
        <v>0</v>
      </c>
      <c r="DO12" s="218">
        <v>0</v>
      </c>
      <c r="DP12" s="219">
        <v>1</v>
      </c>
      <c r="DQ12" s="240">
        <v>1</v>
      </c>
      <c r="DR12" s="242">
        <v>1</v>
      </c>
      <c r="DS12" s="222">
        <v>0</v>
      </c>
      <c r="DT12" s="219">
        <v>0</v>
      </c>
      <c r="DU12" s="219">
        <v>0</v>
      </c>
      <c r="DV12" s="220">
        <v>52</v>
      </c>
      <c r="DW12" s="218">
        <v>141</v>
      </c>
      <c r="DX12" s="218">
        <v>515</v>
      </c>
      <c r="DY12" s="218">
        <v>602</v>
      </c>
      <c r="DZ12" s="219">
        <v>345</v>
      </c>
      <c r="EA12" s="240">
        <v>1655</v>
      </c>
      <c r="EB12" s="242">
        <v>1655</v>
      </c>
      <c r="EC12" s="239"/>
    </row>
    <row r="13" spans="2:133" ht="21" customHeight="1" x14ac:dyDescent="0.2">
      <c r="B13" s="106" t="s">
        <v>9</v>
      </c>
      <c r="C13" s="217">
        <v>0</v>
      </c>
      <c r="D13" s="219">
        <v>0</v>
      </c>
      <c r="E13" s="219">
        <v>0</v>
      </c>
      <c r="F13" s="220">
        <v>2</v>
      </c>
      <c r="G13" s="218">
        <v>7</v>
      </c>
      <c r="H13" s="218">
        <v>218</v>
      </c>
      <c r="I13" s="218">
        <v>340</v>
      </c>
      <c r="J13" s="219">
        <v>271</v>
      </c>
      <c r="K13" s="240">
        <v>838</v>
      </c>
      <c r="L13" s="241">
        <v>838</v>
      </c>
      <c r="M13" s="217">
        <v>0</v>
      </c>
      <c r="N13" s="219">
        <v>0</v>
      </c>
      <c r="O13" s="240">
        <v>0</v>
      </c>
      <c r="P13" s="220">
        <v>2</v>
      </c>
      <c r="Q13" s="218">
        <v>7</v>
      </c>
      <c r="R13" s="218">
        <v>217</v>
      </c>
      <c r="S13" s="218">
        <v>337</v>
      </c>
      <c r="T13" s="219">
        <v>270</v>
      </c>
      <c r="U13" s="240">
        <v>833</v>
      </c>
      <c r="V13" s="242">
        <v>833</v>
      </c>
      <c r="W13" s="222">
        <v>0</v>
      </c>
      <c r="X13" s="219">
        <v>0</v>
      </c>
      <c r="Y13" s="240">
        <v>0</v>
      </c>
      <c r="Z13" s="222">
        <v>0</v>
      </c>
      <c r="AA13" s="218">
        <v>0</v>
      </c>
      <c r="AB13" s="218">
        <v>1</v>
      </c>
      <c r="AC13" s="218">
        <v>3</v>
      </c>
      <c r="AD13" s="219">
        <v>1</v>
      </c>
      <c r="AE13" s="240">
        <v>5</v>
      </c>
      <c r="AF13" s="221">
        <v>5</v>
      </c>
      <c r="AG13" s="222">
        <v>0</v>
      </c>
      <c r="AH13" s="219">
        <v>0</v>
      </c>
      <c r="AI13" s="240">
        <v>0</v>
      </c>
      <c r="AJ13" s="222">
        <v>38</v>
      </c>
      <c r="AK13" s="218">
        <v>57</v>
      </c>
      <c r="AL13" s="218">
        <v>108</v>
      </c>
      <c r="AM13" s="218">
        <v>124</v>
      </c>
      <c r="AN13" s="219">
        <v>75</v>
      </c>
      <c r="AO13" s="240">
        <v>402</v>
      </c>
      <c r="AP13" s="221">
        <v>402</v>
      </c>
      <c r="AQ13" s="222">
        <v>0</v>
      </c>
      <c r="AR13" s="219">
        <v>0</v>
      </c>
      <c r="AS13" s="240">
        <v>0</v>
      </c>
      <c r="AT13" s="220">
        <v>38</v>
      </c>
      <c r="AU13" s="218">
        <v>57</v>
      </c>
      <c r="AV13" s="218">
        <v>105</v>
      </c>
      <c r="AW13" s="218">
        <v>123</v>
      </c>
      <c r="AX13" s="219">
        <v>75</v>
      </c>
      <c r="AY13" s="240">
        <v>398</v>
      </c>
      <c r="AZ13" s="241">
        <v>398</v>
      </c>
      <c r="BA13" s="217">
        <v>0</v>
      </c>
      <c r="BB13" s="219">
        <v>0</v>
      </c>
      <c r="BC13" s="219">
        <v>0</v>
      </c>
      <c r="BD13" s="220">
        <v>0</v>
      </c>
      <c r="BE13" s="218">
        <v>0</v>
      </c>
      <c r="BF13" s="218">
        <v>3</v>
      </c>
      <c r="BG13" s="218">
        <v>1</v>
      </c>
      <c r="BH13" s="219">
        <v>0</v>
      </c>
      <c r="BI13" s="240">
        <v>4</v>
      </c>
      <c r="BJ13" s="242">
        <v>4</v>
      </c>
      <c r="BK13" s="222">
        <v>0</v>
      </c>
      <c r="BL13" s="219">
        <v>0</v>
      </c>
      <c r="BM13" s="219">
        <v>0</v>
      </c>
      <c r="BN13" s="220">
        <v>0</v>
      </c>
      <c r="BO13" s="218">
        <v>0</v>
      </c>
      <c r="BP13" s="218">
        <v>0</v>
      </c>
      <c r="BQ13" s="218">
        <v>0</v>
      </c>
      <c r="BR13" s="219">
        <v>0</v>
      </c>
      <c r="BS13" s="240">
        <v>0</v>
      </c>
      <c r="BT13" s="241">
        <v>0</v>
      </c>
      <c r="BU13" s="217">
        <v>0</v>
      </c>
      <c r="BV13" s="219">
        <v>0</v>
      </c>
      <c r="BW13" s="219">
        <v>0</v>
      </c>
      <c r="BX13" s="220">
        <v>0</v>
      </c>
      <c r="BY13" s="218">
        <v>0</v>
      </c>
      <c r="BZ13" s="218">
        <v>0</v>
      </c>
      <c r="CA13" s="218">
        <v>0</v>
      </c>
      <c r="CB13" s="219">
        <v>0</v>
      </c>
      <c r="CC13" s="240">
        <v>0</v>
      </c>
      <c r="CD13" s="242">
        <v>0</v>
      </c>
      <c r="CE13" s="222">
        <v>0</v>
      </c>
      <c r="CF13" s="219">
        <v>0</v>
      </c>
      <c r="CG13" s="219">
        <v>0</v>
      </c>
      <c r="CH13" s="220">
        <v>0</v>
      </c>
      <c r="CI13" s="218">
        <v>0</v>
      </c>
      <c r="CJ13" s="218">
        <v>0</v>
      </c>
      <c r="CK13" s="218">
        <v>0</v>
      </c>
      <c r="CL13" s="219">
        <v>0</v>
      </c>
      <c r="CM13" s="240">
        <v>0</v>
      </c>
      <c r="CN13" s="242">
        <v>0</v>
      </c>
      <c r="CO13" s="222">
        <v>0</v>
      </c>
      <c r="CP13" s="219">
        <v>0</v>
      </c>
      <c r="CQ13" s="219">
        <v>0</v>
      </c>
      <c r="CR13" s="220">
        <v>0</v>
      </c>
      <c r="CS13" s="218">
        <v>0</v>
      </c>
      <c r="CT13" s="218">
        <v>1</v>
      </c>
      <c r="CU13" s="218">
        <v>3</v>
      </c>
      <c r="CV13" s="219">
        <v>9</v>
      </c>
      <c r="CW13" s="240">
        <v>13</v>
      </c>
      <c r="CX13" s="241">
        <v>13</v>
      </c>
      <c r="CY13" s="217">
        <v>0</v>
      </c>
      <c r="CZ13" s="219">
        <v>0</v>
      </c>
      <c r="DA13" s="219">
        <v>0</v>
      </c>
      <c r="DB13" s="220">
        <v>0</v>
      </c>
      <c r="DC13" s="218">
        <v>0</v>
      </c>
      <c r="DD13" s="218">
        <v>1</v>
      </c>
      <c r="DE13" s="218">
        <v>3</v>
      </c>
      <c r="DF13" s="219">
        <v>9</v>
      </c>
      <c r="DG13" s="240">
        <v>13</v>
      </c>
      <c r="DH13" s="242">
        <v>13</v>
      </c>
      <c r="DI13" s="222">
        <v>0</v>
      </c>
      <c r="DJ13" s="219">
        <v>0</v>
      </c>
      <c r="DK13" s="219">
        <v>0</v>
      </c>
      <c r="DL13" s="220">
        <v>0</v>
      </c>
      <c r="DM13" s="218">
        <v>0</v>
      </c>
      <c r="DN13" s="218">
        <v>0</v>
      </c>
      <c r="DO13" s="218">
        <v>0</v>
      </c>
      <c r="DP13" s="219">
        <v>0</v>
      </c>
      <c r="DQ13" s="240">
        <v>0</v>
      </c>
      <c r="DR13" s="242">
        <v>0</v>
      </c>
      <c r="DS13" s="222">
        <v>0</v>
      </c>
      <c r="DT13" s="219">
        <v>0</v>
      </c>
      <c r="DU13" s="219">
        <v>0</v>
      </c>
      <c r="DV13" s="220">
        <v>40</v>
      </c>
      <c r="DW13" s="218">
        <v>64</v>
      </c>
      <c r="DX13" s="218">
        <v>327</v>
      </c>
      <c r="DY13" s="218">
        <v>463</v>
      </c>
      <c r="DZ13" s="219">
        <v>354</v>
      </c>
      <c r="EA13" s="240">
        <v>1248</v>
      </c>
      <c r="EB13" s="242">
        <v>1248</v>
      </c>
      <c r="EC13" s="239"/>
    </row>
    <row r="14" spans="2:133" ht="21" customHeight="1" x14ac:dyDescent="0.2">
      <c r="B14" s="106" t="s">
        <v>10</v>
      </c>
      <c r="C14" s="217">
        <v>0</v>
      </c>
      <c r="D14" s="219">
        <v>0</v>
      </c>
      <c r="E14" s="219">
        <v>0</v>
      </c>
      <c r="F14" s="220">
        <v>15</v>
      </c>
      <c r="G14" s="218">
        <v>47</v>
      </c>
      <c r="H14" s="218">
        <v>311</v>
      </c>
      <c r="I14" s="218">
        <v>592</v>
      </c>
      <c r="J14" s="219">
        <v>406</v>
      </c>
      <c r="K14" s="240">
        <v>1371</v>
      </c>
      <c r="L14" s="241">
        <v>1371</v>
      </c>
      <c r="M14" s="217">
        <v>0</v>
      </c>
      <c r="N14" s="219">
        <v>0</v>
      </c>
      <c r="O14" s="240">
        <v>0</v>
      </c>
      <c r="P14" s="220">
        <v>15</v>
      </c>
      <c r="Q14" s="218">
        <v>46</v>
      </c>
      <c r="R14" s="218">
        <v>307</v>
      </c>
      <c r="S14" s="218">
        <v>585</v>
      </c>
      <c r="T14" s="219">
        <v>403</v>
      </c>
      <c r="U14" s="240">
        <v>1356</v>
      </c>
      <c r="V14" s="242">
        <v>1356</v>
      </c>
      <c r="W14" s="222">
        <v>0</v>
      </c>
      <c r="X14" s="219">
        <v>0</v>
      </c>
      <c r="Y14" s="240">
        <v>0</v>
      </c>
      <c r="Z14" s="222">
        <v>0</v>
      </c>
      <c r="AA14" s="218">
        <v>1</v>
      </c>
      <c r="AB14" s="218">
        <v>4</v>
      </c>
      <c r="AC14" s="218">
        <v>7</v>
      </c>
      <c r="AD14" s="219">
        <v>3</v>
      </c>
      <c r="AE14" s="240">
        <v>15</v>
      </c>
      <c r="AF14" s="221">
        <v>15</v>
      </c>
      <c r="AG14" s="222">
        <v>0</v>
      </c>
      <c r="AH14" s="219">
        <v>0</v>
      </c>
      <c r="AI14" s="240">
        <v>0</v>
      </c>
      <c r="AJ14" s="222">
        <v>79</v>
      </c>
      <c r="AK14" s="218">
        <v>119</v>
      </c>
      <c r="AL14" s="218">
        <v>118</v>
      </c>
      <c r="AM14" s="218">
        <v>186</v>
      </c>
      <c r="AN14" s="219">
        <v>90</v>
      </c>
      <c r="AO14" s="240">
        <v>592</v>
      </c>
      <c r="AP14" s="221">
        <v>592</v>
      </c>
      <c r="AQ14" s="222">
        <v>0</v>
      </c>
      <c r="AR14" s="219">
        <v>0</v>
      </c>
      <c r="AS14" s="240">
        <v>0</v>
      </c>
      <c r="AT14" s="220">
        <v>76</v>
      </c>
      <c r="AU14" s="218">
        <v>118</v>
      </c>
      <c r="AV14" s="218">
        <v>114</v>
      </c>
      <c r="AW14" s="218">
        <v>184</v>
      </c>
      <c r="AX14" s="219">
        <v>89</v>
      </c>
      <c r="AY14" s="240">
        <v>581</v>
      </c>
      <c r="AZ14" s="241">
        <v>581</v>
      </c>
      <c r="BA14" s="217">
        <v>0</v>
      </c>
      <c r="BB14" s="219">
        <v>0</v>
      </c>
      <c r="BC14" s="219">
        <v>0</v>
      </c>
      <c r="BD14" s="220">
        <v>3</v>
      </c>
      <c r="BE14" s="218">
        <v>1</v>
      </c>
      <c r="BF14" s="218">
        <v>4</v>
      </c>
      <c r="BG14" s="218">
        <v>2</v>
      </c>
      <c r="BH14" s="219">
        <v>1</v>
      </c>
      <c r="BI14" s="240">
        <v>11</v>
      </c>
      <c r="BJ14" s="242">
        <v>11</v>
      </c>
      <c r="BK14" s="222">
        <v>0</v>
      </c>
      <c r="BL14" s="219">
        <v>0</v>
      </c>
      <c r="BM14" s="219">
        <v>0</v>
      </c>
      <c r="BN14" s="220">
        <v>0</v>
      </c>
      <c r="BO14" s="218">
        <v>0</v>
      </c>
      <c r="BP14" s="218">
        <v>0</v>
      </c>
      <c r="BQ14" s="218">
        <v>0</v>
      </c>
      <c r="BR14" s="219">
        <v>0</v>
      </c>
      <c r="BS14" s="240">
        <v>0</v>
      </c>
      <c r="BT14" s="241">
        <v>0</v>
      </c>
      <c r="BU14" s="217">
        <v>0</v>
      </c>
      <c r="BV14" s="219">
        <v>0</v>
      </c>
      <c r="BW14" s="219">
        <v>0</v>
      </c>
      <c r="BX14" s="220">
        <v>0</v>
      </c>
      <c r="BY14" s="218">
        <v>0</v>
      </c>
      <c r="BZ14" s="218">
        <v>0</v>
      </c>
      <c r="CA14" s="218">
        <v>0</v>
      </c>
      <c r="CB14" s="219">
        <v>0</v>
      </c>
      <c r="CC14" s="240">
        <v>0</v>
      </c>
      <c r="CD14" s="242">
        <v>0</v>
      </c>
      <c r="CE14" s="222">
        <v>0</v>
      </c>
      <c r="CF14" s="219">
        <v>0</v>
      </c>
      <c r="CG14" s="219">
        <v>0</v>
      </c>
      <c r="CH14" s="220">
        <v>0</v>
      </c>
      <c r="CI14" s="218">
        <v>0</v>
      </c>
      <c r="CJ14" s="218">
        <v>0</v>
      </c>
      <c r="CK14" s="218">
        <v>0</v>
      </c>
      <c r="CL14" s="219">
        <v>0</v>
      </c>
      <c r="CM14" s="240">
        <v>0</v>
      </c>
      <c r="CN14" s="242">
        <v>0</v>
      </c>
      <c r="CO14" s="222">
        <v>0</v>
      </c>
      <c r="CP14" s="219">
        <v>0</v>
      </c>
      <c r="CQ14" s="219">
        <v>0</v>
      </c>
      <c r="CR14" s="220">
        <v>1</v>
      </c>
      <c r="CS14" s="218">
        <v>0</v>
      </c>
      <c r="CT14" s="218">
        <v>3</v>
      </c>
      <c r="CU14" s="218">
        <v>5</v>
      </c>
      <c r="CV14" s="219">
        <v>27</v>
      </c>
      <c r="CW14" s="240">
        <v>36</v>
      </c>
      <c r="CX14" s="241">
        <v>36</v>
      </c>
      <c r="CY14" s="217">
        <v>0</v>
      </c>
      <c r="CZ14" s="219">
        <v>0</v>
      </c>
      <c r="DA14" s="219">
        <v>0</v>
      </c>
      <c r="DB14" s="220">
        <v>1</v>
      </c>
      <c r="DC14" s="218">
        <v>0</v>
      </c>
      <c r="DD14" s="218">
        <v>3</v>
      </c>
      <c r="DE14" s="218">
        <v>5</v>
      </c>
      <c r="DF14" s="219">
        <v>27</v>
      </c>
      <c r="DG14" s="240">
        <v>36</v>
      </c>
      <c r="DH14" s="242">
        <v>36</v>
      </c>
      <c r="DI14" s="222">
        <v>0</v>
      </c>
      <c r="DJ14" s="219">
        <v>0</v>
      </c>
      <c r="DK14" s="219">
        <v>0</v>
      </c>
      <c r="DL14" s="220">
        <v>0</v>
      </c>
      <c r="DM14" s="218">
        <v>0</v>
      </c>
      <c r="DN14" s="218">
        <v>0</v>
      </c>
      <c r="DO14" s="218">
        <v>0</v>
      </c>
      <c r="DP14" s="219">
        <v>0</v>
      </c>
      <c r="DQ14" s="240">
        <v>0</v>
      </c>
      <c r="DR14" s="242">
        <v>0</v>
      </c>
      <c r="DS14" s="222">
        <v>0</v>
      </c>
      <c r="DT14" s="219">
        <v>0</v>
      </c>
      <c r="DU14" s="219">
        <v>0</v>
      </c>
      <c r="DV14" s="220">
        <v>95</v>
      </c>
      <c r="DW14" s="218">
        <v>166</v>
      </c>
      <c r="DX14" s="218">
        <v>431</v>
      </c>
      <c r="DY14" s="218">
        <v>781</v>
      </c>
      <c r="DZ14" s="219">
        <v>520</v>
      </c>
      <c r="EA14" s="240">
        <v>1993</v>
      </c>
      <c r="EB14" s="242">
        <v>1993</v>
      </c>
      <c r="EC14" s="239"/>
    </row>
    <row r="15" spans="2:133" ht="21" customHeight="1" x14ac:dyDescent="0.2">
      <c r="B15" s="106" t="s">
        <v>11</v>
      </c>
      <c r="C15" s="217">
        <v>0</v>
      </c>
      <c r="D15" s="219">
        <v>0</v>
      </c>
      <c r="E15" s="219">
        <v>0</v>
      </c>
      <c r="F15" s="220">
        <v>2</v>
      </c>
      <c r="G15" s="218">
        <v>5</v>
      </c>
      <c r="H15" s="218">
        <v>194</v>
      </c>
      <c r="I15" s="218">
        <v>382</v>
      </c>
      <c r="J15" s="219">
        <v>222</v>
      </c>
      <c r="K15" s="240">
        <v>805</v>
      </c>
      <c r="L15" s="241">
        <v>805</v>
      </c>
      <c r="M15" s="217">
        <v>0</v>
      </c>
      <c r="N15" s="219">
        <v>0</v>
      </c>
      <c r="O15" s="240">
        <v>0</v>
      </c>
      <c r="P15" s="220">
        <v>2</v>
      </c>
      <c r="Q15" s="218">
        <v>5</v>
      </c>
      <c r="R15" s="218">
        <v>193</v>
      </c>
      <c r="S15" s="218">
        <v>380</v>
      </c>
      <c r="T15" s="219">
        <v>222</v>
      </c>
      <c r="U15" s="240">
        <v>802</v>
      </c>
      <c r="V15" s="242">
        <v>802</v>
      </c>
      <c r="W15" s="222">
        <v>0</v>
      </c>
      <c r="X15" s="219">
        <v>0</v>
      </c>
      <c r="Y15" s="240">
        <v>0</v>
      </c>
      <c r="Z15" s="222">
        <v>0</v>
      </c>
      <c r="AA15" s="218">
        <v>0</v>
      </c>
      <c r="AB15" s="218">
        <v>1</v>
      </c>
      <c r="AC15" s="218">
        <v>2</v>
      </c>
      <c r="AD15" s="219">
        <v>0</v>
      </c>
      <c r="AE15" s="240">
        <v>3</v>
      </c>
      <c r="AF15" s="221">
        <v>3</v>
      </c>
      <c r="AG15" s="222">
        <v>0</v>
      </c>
      <c r="AH15" s="219">
        <v>0</v>
      </c>
      <c r="AI15" s="240">
        <v>0</v>
      </c>
      <c r="AJ15" s="222">
        <v>41</v>
      </c>
      <c r="AK15" s="218">
        <v>96</v>
      </c>
      <c r="AL15" s="218">
        <v>128</v>
      </c>
      <c r="AM15" s="218">
        <v>163</v>
      </c>
      <c r="AN15" s="219">
        <v>83</v>
      </c>
      <c r="AO15" s="240">
        <v>511</v>
      </c>
      <c r="AP15" s="221">
        <v>511</v>
      </c>
      <c r="AQ15" s="222">
        <v>0</v>
      </c>
      <c r="AR15" s="219">
        <v>0</v>
      </c>
      <c r="AS15" s="240">
        <v>0</v>
      </c>
      <c r="AT15" s="220">
        <v>41</v>
      </c>
      <c r="AU15" s="218">
        <v>95</v>
      </c>
      <c r="AV15" s="218">
        <v>126</v>
      </c>
      <c r="AW15" s="218">
        <v>161</v>
      </c>
      <c r="AX15" s="219">
        <v>80</v>
      </c>
      <c r="AY15" s="240">
        <v>503</v>
      </c>
      <c r="AZ15" s="241">
        <v>503</v>
      </c>
      <c r="BA15" s="217">
        <v>0</v>
      </c>
      <c r="BB15" s="219">
        <v>0</v>
      </c>
      <c r="BC15" s="219">
        <v>0</v>
      </c>
      <c r="BD15" s="220">
        <v>0</v>
      </c>
      <c r="BE15" s="218">
        <v>1</v>
      </c>
      <c r="BF15" s="218">
        <v>2</v>
      </c>
      <c r="BG15" s="218">
        <v>2</v>
      </c>
      <c r="BH15" s="219">
        <v>3</v>
      </c>
      <c r="BI15" s="240">
        <v>8</v>
      </c>
      <c r="BJ15" s="242">
        <v>8</v>
      </c>
      <c r="BK15" s="222">
        <v>0</v>
      </c>
      <c r="BL15" s="219">
        <v>0</v>
      </c>
      <c r="BM15" s="219">
        <v>0</v>
      </c>
      <c r="BN15" s="220">
        <v>0</v>
      </c>
      <c r="BO15" s="218">
        <v>0</v>
      </c>
      <c r="BP15" s="218">
        <v>0</v>
      </c>
      <c r="BQ15" s="218">
        <v>0</v>
      </c>
      <c r="BR15" s="219">
        <v>0</v>
      </c>
      <c r="BS15" s="240">
        <v>0</v>
      </c>
      <c r="BT15" s="241">
        <v>0</v>
      </c>
      <c r="BU15" s="217">
        <v>0</v>
      </c>
      <c r="BV15" s="219">
        <v>0</v>
      </c>
      <c r="BW15" s="219">
        <v>0</v>
      </c>
      <c r="BX15" s="220">
        <v>0</v>
      </c>
      <c r="BY15" s="218">
        <v>0</v>
      </c>
      <c r="BZ15" s="218">
        <v>0</v>
      </c>
      <c r="CA15" s="218">
        <v>0</v>
      </c>
      <c r="CB15" s="219">
        <v>0</v>
      </c>
      <c r="CC15" s="240">
        <v>0</v>
      </c>
      <c r="CD15" s="242">
        <v>0</v>
      </c>
      <c r="CE15" s="222">
        <v>0</v>
      </c>
      <c r="CF15" s="219">
        <v>0</v>
      </c>
      <c r="CG15" s="219">
        <v>0</v>
      </c>
      <c r="CH15" s="220">
        <v>0</v>
      </c>
      <c r="CI15" s="218">
        <v>0</v>
      </c>
      <c r="CJ15" s="218">
        <v>0</v>
      </c>
      <c r="CK15" s="218">
        <v>0</v>
      </c>
      <c r="CL15" s="219">
        <v>0</v>
      </c>
      <c r="CM15" s="240">
        <v>0</v>
      </c>
      <c r="CN15" s="242">
        <v>0</v>
      </c>
      <c r="CO15" s="222">
        <v>0</v>
      </c>
      <c r="CP15" s="219">
        <v>0</v>
      </c>
      <c r="CQ15" s="219">
        <v>0</v>
      </c>
      <c r="CR15" s="220">
        <v>5</v>
      </c>
      <c r="CS15" s="218">
        <v>7</v>
      </c>
      <c r="CT15" s="218">
        <v>8</v>
      </c>
      <c r="CU15" s="218">
        <v>14</v>
      </c>
      <c r="CV15" s="219">
        <v>39</v>
      </c>
      <c r="CW15" s="240">
        <v>73</v>
      </c>
      <c r="CX15" s="241">
        <v>73</v>
      </c>
      <c r="CY15" s="217">
        <v>0</v>
      </c>
      <c r="CZ15" s="219">
        <v>0</v>
      </c>
      <c r="DA15" s="219">
        <v>0</v>
      </c>
      <c r="DB15" s="220">
        <v>5</v>
      </c>
      <c r="DC15" s="218">
        <v>7</v>
      </c>
      <c r="DD15" s="218">
        <v>8</v>
      </c>
      <c r="DE15" s="218">
        <v>14</v>
      </c>
      <c r="DF15" s="219">
        <v>38</v>
      </c>
      <c r="DG15" s="240">
        <v>72</v>
      </c>
      <c r="DH15" s="242">
        <v>72</v>
      </c>
      <c r="DI15" s="222">
        <v>0</v>
      </c>
      <c r="DJ15" s="219">
        <v>0</v>
      </c>
      <c r="DK15" s="219">
        <v>0</v>
      </c>
      <c r="DL15" s="220">
        <v>0</v>
      </c>
      <c r="DM15" s="218">
        <v>0</v>
      </c>
      <c r="DN15" s="218">
        <v>0</v>
      </c>
      <c r="DO15" s="218">
        <v>0</v>
      </c>
      <c r="DP15" s="219">
        <v>1</v>
      </c>
      <c r="DQ15" s="240">
        <v>1</v>
      </c>
      <c r="DR15" s="242">
        <v>1</v>
      </c>
      <c r="DS15" s="222">
        <v>0</v>
      </c>
      <c r="DT15" s="219">
        <v>0</v>
      </c>
      <c r="DU15" s="219">
        <v>0</v>
      </c>
      <c r="DV15" s="220">
        <v>48</v>
      </c>
      <c r="DW15" s="218">
        <v>108</v>
      </c>
      <c r="DX15" s="218">
        <v>330</v>
      </c>
      <c r="DY15" s="218">
        <v>557</v>
      </c>
      <c r="DZ15" s="219">
        <v>342</v>
      </c>
      <c r="EA15" s="240">
        <v>1385</v>
      </c>
      <c r="EB15" s="242">
        <v>1385</v>
      </c>
      <c r="EC15" s="239"/>
    </row>
    <row r="16" spans="2:133" ht="21" customHeight="1" x14ac:dyDescent="0.2">
      <c r="B16" s="106" t="s">
        <v>12</v>
      </c>
      <c r="C16" s="217">
        <v>0</v>
      </c>
      <c r="D16" s="219">
        <v>0</v>
      </c>
      <c r="E16" s="219">
        <v>0</v>
      </c>
      <c r="F16" s="220">
        <v>2</v>
      </c>
      <c r="G16" s="218">
        <v>11</v>
      </c>
      <c r="H16" s="218">
        <v>188</v>
      </c>
      <c r="I16" s="218">
        <v>354</v>
      </c>
      <c r="J16" s="219">
        <v>205</v>
      </c>
      <c r="K16" s="240">
        <v>760</v>
      </c>
      <c r="L16" s="241">
        <v>760</v>
      </c>
      <c r="M16" s="217">
        <v>0</v>
      </c>
      <c r="N16" s="219">
        <v>0</v>
      </c>
      <c r="O16" s="240">
        <v>0</v>
      </c>
      <c r="P16" s="220">
        <v>2</v>
      </c>
      <c r="Q16" s="218">
        <v>11</v>
      </c>
      <c r="R16" s="218">
        <v>188</v>
      </c>
      <c r="S16" s="218">
        <v>354</v>
      </c>
      <c r="T16" s="219">
        <v>203</v>
      </c>
      <c r="U16" s="240">
        <v>758</v>
      </c>
      <c r="V16" s="242">
        <v>758</v>
      </c>
      <c r="W16" s="222">
        <v>0</v>
      </c>
      <c r="X16" s="219">
        <v>0</v>
      </c>
      <c r="Y16" s="240">
        <v>0</v>
      </c>
      <c r="Z16" s="222">
        <v>0</v>
      </c>
      <c r="AA16" s="218">
        <v>0</v>
      </c>
      <c r="AB16" s="218">
        <v>0</v>
      </c>
      <c r="AC16" s="218">
        <v>0</v>
      </c>
      <c r="AD16" s="219">
        <v>2</v>
      </c>
      <c r="AE16" s="240">
        <v>2</v>
      </c>
      <c r="AF16" s="221">
        <v>2</v>
      </c>
      <c r="AG16" s="222">
        <v>0</v>
      </c>
      <c r="AH16" s="219">
        <v>0</v>
      </c>
      <c r="AI16" s="240">
        <v>0</v>
      </c>
      <c r="AJ16" s="222">
        <v>35</v>
      </c>
      <c r="AK16" s="218">
        <v>95</v>
      </c>
      <c r="AL16" s="218">
        <v>158</v>
      </c>
      <c r="AM16" s="218">
        <v>173</v>
      </c>
      <c r="AN16" s="219">
        <v>70</v>
      </c>
      <c r="AO16" s="240">
        <v>531</v>
      </c>
      <c r="AP16" s="221">
        <v>531</v>
      </c>
      <c r="AQ16" s="222">
        <v>0</v>
      </c>
      <c r="AR16" s="219">
        <v>0</v>
      </c>
      <c r="AS16" s="240">
        <v>0</v>
      </c>
      <c r="AT16" s="220">
        <v>34</v>
      </c>
      <c r="AU16" s="218">
        <v>95</v>
      </c>
      <c r="AV16" s="218">
        <v>156</v>
      </c>
      <c r="AW16" s="218">
        <v>171</v>
      </c>
      <c r="AX16" s="219">
        <v>68</v>
      </c>
      <c r="AY16" s="240">
        <v>524</v>
      </c>
      <c r="AZ16" s="241">
        <v>524</v>
      </c>
      <c r="BA16" s="217">
        <v>0</v>
      </c>
      <c r="BB16" s="219">
        <v>0</v>
      </c>
      <c r="BC16" s="219">
        <v>0</v>
      </c>
      <c r="BD16" s="220">
        <v>1</v>
      </c>
      <c r="BE16" s="218">
        <v>0</v>
      </c>
      <c r="BF16" s="218">
        <v>2</v>
      </c>
      <c r="BG16" s="218">
        <v>2</v>
      </c>
      <c r="BH16" s="219">
        <v>2</v>
      </c>
      <c r="BI16" s="240">
        <v>7</v>
      </c>
      <c r="BJ16" s="242">
        <v>7</v>
      </c>
      <c r="BK16" s="222">
        <v>0</v>
      </c>
      <c r="BL16" s="219">
        <v>0</v>
      </c>
      <c r="BM16" s="219">
        <v>0</v>
      </c>
      <c r="BN16" s="220">
        <v>0</v>
      </c>
      <c r="BO16" s="218">
        <v>0</v>
      </c>
      <c r="BP16" s="218">
        <v>0</v>
      </c>
      <c r="BQ16" s="218">
        <v>0</v>
      </c>
      <c r="BR16" s="219">
        <v>0</v>
      </c>
      <c r="BS16" s="240">
        <v>0</v>
      </c>
      <c r="BT16" s="241">
        <v>0</v>
      </c>
      <c r="BU16" s="217">
        <v>0</v>
      </c>
      <c r="BV16" s="219">
        <v>0</v>
      </c>
      <c r="BW16" s="219">
        <v>0</v>
      </c>
      <c r="BX16" s="220">
        <v>0</v>
      </c>
      <c r="BY16" s="218">
        <v>0</v>
      </c>
      <c r="BZ16" s="218">
        <v>0</v>
      </c>
      <c r="CA16" s="218">
        <v>0</v>
      </c>
      <c r="CB16" s="219">
        <v>0</v>
      </c>
      <c r="CC16" s="240">
        <v>0</v>
      </c>
      <c r="CD16" s="242">
        <v>0</v>
      </c>
      <c r="CE16" s="222">
        <v>0</v>
      </c>
      <c r="CF16" s="219">
        <v>0</v>
      </c>
      <c r="CG16" s="219">
        <v>0</v>
      </c>
      <c r="CH16" s="220">
        <v>0</v>
      </c>
      <c r="CI16" s="218">
        <v>0</v>
      </c>
      <c r="CJ16" s="218">
        <v>0</v>
      </c>
      <c r="CK16" s="218">
        <v>0</v>
      </c>
      <c r="CL16" s="219">
        <v>0</v>
      </c>
      <c r="CM16" s="240">
        <v>0</v>
      </c>
      <c r="CN16" s="242">
        <v>0</v>
      </c>
      <c r="CO16" s="222">
        <v>0</v>
      </c>
      <c r="CP16" s="219">
        <v>0</v>
      </c>
      <c r="CQ16" s="219">
        <v>0</v>
      </c>
      <c r="CR16" s="220">
        <v>0</v>
      </c>
      <c r="CS16" s="218">
        <v>0</v>
      </c>
      <c r="CT16" s="218">
        <v>3</v>
      </c>
      <c r="CU16" s="218">
        <v>16</v>
      </c>
      <c r="CV16" s="219">
        <v>9</v>
      </c>
      <c r="CW16" s="240">
        <v>28</v>
      </c>
      <c r="CX16" s="241">
        <v>28</v>
      </c>
      <c r="CY16" s="217">
        <v>0</v>
      </c>
      <c r="CZ16" s="219">
        <v>0</v>
      </c>
      <c r="DA16" s="219">
        <v>0</v>
      </c>
      <c r="DB16" s="220">
        <v>0</v>
      </c>
      <c r="DC16" s="218">
        <v>0</v>
      </c>
      <c r="DD16" s="218">
        <v>3</v>
      </c>
      <c r="DE16" s="218">
        <v>16</v>
      </c>
      <c r="DF16" s="219">
        <v>9</v>
      </c>
      <c r="DG16" s="240">
        <v>28</v>
      </c>
      <c r="DH16" s="242">
        <v>28</v>
      </c>
      <c r="DI16" s="222">
        <v>0</v>
      </c>
      <c r="DJ16" s="219">
        <v>0</v>
      </c>
      <c r="DK16" s="219">
        <v>0</v>
      </c>
      <c r="DL16" s="220">
        <v>0</v>
      </c>
      <c r="DM16" s="218">
        <v>0</v>
      </c>
      <c r="DN16" s="218">
        <v>0</v>
      </c>
      <c r="DO16" s="218">
        <v>0</v>
      </c>
      <c r="DP16" s="219">
        <v>0</v>
      </c>
      <c r="DQ16" s="240">
        <v>0</v>
      </c>
      <c r="DR16" s="242">
        <v>0</v>
      </c>
      <c r="DS16" s="222">
        <v>0</v>
      </c>
      <c r="DT16" s="219">
        <v>0</v>
      </c>
      <c r="DU16" s="219">
        <v>0</v>
      </c>
      <c r="DV16" s="220">
        <v>37</v>
      </c>
      <c r="DW16" s="218">
        <v>106</v>
      </c>
      <c r="DX16" s="218">
        <v>348</v>
      </c>
      <c r="DY16" s="218">
        <v>543</v>
      </c>
      <c r="DZ16" s="219">
        <v>281</v>
      </c>
      <c r="EA16" s="240">
        <v>1315</v>
      </c>
      <c r="EB16" s="242">
        <v>1315</v>
      </c>
      <c r="EC16" s="239"/>
    </row>
    <row r="17" spans="2:133" ht="21" customHeight="1" x14ac:dyDescent="0.2">
      <c r="B17" s="106" t="s">
        <v>13</v>
      </c>
      <c r="C17" s="217">
        <v>0</v>
      </c>
      <c r="D17" s="219">
        <v>0</v>
      </c>
      <c r="E17" s="219">
        <v>0</v>
      </c>
      <c r="F17" s="220">
        <v>1</v>
      </c>
      <c r="G17" s="218">
        <v>5</v>
      </c>
      <c r="H17" s="218">
        <v>68</v>
      </c>
      <c r="I17" s="218">
        <v>134</v>
      </c>
      <c r="J17" s="219">
        <v>124</v>
      </c>
      <c r="K17" s="240">
        <v>332</v>
      </c>
      <c r="L17" s="241">
        <v>332</v>
      </c>
      <c r="M17" s="217">
        <v>0</v>
      </c>
      <c r="N17" s="219">
        <v>0</v>
      </c>
      <c r="O17" s="240">
        <v>0</v>
      </c>
      <c r="P17" s="220">
        <v>1</v>
      </c>
      <c r="Q17" s="218">
        <v>4</v>
      </c>
      <c r="R17" s="218">
        <v>67</v>
      </c>
      <c r="S17" s="218">
        <v>134</v>
      </c>
      <c r="T17" s="219">
        <v>123</v>
      </c>
      <c r="U17" s="240">
        <v>329</v>
      </c>
      <c r="V17" s="242">
        <v>329</v>
      </c>
      <c r="W17" s="222">
        <v>0</v>
      </c>
      <c r="X17" s="219">
        <v>0</v>
      </c>
      <c r="Y17" s="240">
        <v>0</v>
      </c>
      <c r="Z17" s="222">
        <v>0</v>
      </c>
      <c r="AA17" s="218">
        <v>1</v>
      </c>
      <c r="AB17" s="218">
        <v>1</v>
      </c>
      <c r="AC17" s="218">
        <v>0</v>
      </c>
      <c r="AD17" s="219">
        <v>1</v>
      </c>
      <c r="AE17" s="240">
        <v>3</v>
      </c>
      <c r="AF17" s="221">
        <v>3</v>
      </c>
      <c r="AG17" s="222">
        <v>0</v>
      </c>
      <c r="AH17" s="219">
        <v>0</v>
      </c>
      <c r="AI17" s="240">
        <v>0</v>
      </c>
      <c r="AJ17" s="222">
        <v>10</v>
      </c>
      <c r="AK17" s="218">
        <v>13</v>
      </c>
      <c r="AL17" s="218">
        <v>35</v>
      </c>
      <c r="AM17" s="218">
        <v>39</v>
      </c>
      <c r="AN17" s="219">
        <v>19</v>
      </c>
      <c r="AO17" s="240">
        <v>116</v>
      </c>
      <c r="AP17" s="221">
        <v>116</v>
      </c>
      <c r="AQ17" s="222">
        <v>0</v>
      </c>
      <c r="AR17" s="219">
        <v>0</v>
      </c>
      <c r="AS17" s="240">
        <v>0</v>
      </c>
      <c r="AT17" s="220">
        <v>9</v>
      </c>
      <c r="AU17" s="218">
        <v>12</v>
      </c>
      <c r="AV17" s="218">
        <v>35</v>
      </c>
      <c r="AW17" s="218">
        <v>38</v>
      </c>
      <c r="AX17" s="219">
        <v>18</v>
      </c>
      <c r="AY17" s="240">
        <v>112</v>
      </c>
      <c r="AZ17" s="241">
        <v>112</v>
      </c>
      <c r="BA17" s="217">
        <v>0</v>
      </c>
      <c r="BB17" s="219">
        <v>0</v>
      </c>
      <c r="BC17" s="219">
        <v>0</v>
      </c>
      <c r="BD17" s="220">
        <v>1</v>
      </c>
      <c r="BE17" s="218">
        <v>1</v>
      </c>
      <c r="BF17" s="218">
        <v>0</v>
      </c>
      <c r="BG17" s="218">
        <v>1</v>
      </c>
      <c r="BH17" s="219">
        <v>1</v>
      </c>
      <c r="BI17" s="240">
        <v>4</v>
      </c>
      <c r="BJ17" s="242">
        <v>4</v>
      </c>
      <c r="BK17" s="222">
        <v>0</v>
      </c>
      <c r="BL17" s="219">
        <v>0</v>
      </c>
      <c r="BM17" s="219">
        <v>0</v>
      </c>
      <c r="BN17" s="220">
        <v>0</v>
      </c>
      <c r="BO17" s="218">
        <v>0</v>
      </c>
      <c r="BP17" s="218">
        <v>0</v>
      </c>
      <c r="BQ17" s="218">
        <v>0</v>
      </c>
      <c r="BR17" s="219">
        <v>0</v>
      </c>
      <c r="BS17" s="240">
        <v>0</v>
      </c>
      <c r="BT17" s="241">
        <v>0</v>
      </c>
      <c r="BU17" s="217">
        <v>0</v>
      </c>
      <c r="BV17" s="219">
        <v>0</v>
      </c>
      <c r="BW17" s="219">
        <v>0</v>
      </c>
      <c r="BX17" s="220">
        <v>0</v>
      </c>
      <c r="BY17" s="218">
        <v>0</v>
      </c>
      <c r="BZ17" s="218">
        <v>0</v>
      </c>
      <c r="CA17" s="218">
        <v>0</v>
      </c>
      <c r="CB17" s="219">
        <v>0</v>
      </c>
      <c r="CC17" s="240">
        <v>0</v>
      </c>
      <c r="CD17" s="242">
        <v>0</v>
      </c>
      <c r="CE17" s="222">
        <v>0</v>
      </c>
      <c r="CF17" s="219">
        <v>0</v>
      </c>
      <c r="CG17" s="219">
        <v>0</v>
      </c>
      <c r="CH17" s="220">
        <v>0</v>
      </c>
      <c r="CI17" s="218">
        <v>0</v>
      </c>
      <c r="CJ17" s="218">
        <v>0</v>
      </c>
      <c r="CK17" s="218">
        <v>0</v>
      </c>
      <c r="CL17" s="219">
        <v>0</v>
      </c>
      <c r="CM17" s="240">
        <v>0</v>
      </c>
      <c r="CN17" s="242">
        <v>0</v>
      </c>
      <c r="CO17" s="222">
        <v>0</v>
      </c>
      <c r="CP17" s="219">
        <v>0</v>
      </c>
      <c r="CQ17" s="219">
        <v>0</v>
      </c>
      <c r="CR17" s="220">
        <v>0</v>
      </c>
      <c r="CS17" s="218">
        <v>0</v>
      </c>
      <c r="CT17" s="218">
        <v>0</v>
      </c>
      <c r="CU17" s="218">
        <v>0</v>
      </c>
      <c r="CV17" s="219">
        <v>1</v>
      </c>
      <c r="CW17" s="240">
        <v>1</v>
      </c>
      <c r="CX17" s="241">
        <v>1</v>
      </c>
      <c r="CY17" s="217">
        <v>0</v>
      </c>
      <c r="CZ17" s="219">
        <v>0</v>
      </c>
      <c r="DA17" s="219">
        <v>0</v>
      </c>
      <c r="DB17" s="220">
        <v>0</v>
      </c>
      <c r="DC17" s="218">
        <v>0</v>
      </c>
      <c r="DD17" s="218">
        <v>0</v>
      </c>
      <c r="DE17" s="218">
        <v>0</v>
      </c>
      <c r="DF17" s="219">
        <v>1</v>
      </c>
      <c r="DG17" s="240">
        <v>1</v>
      </c>
      <c r="DH17" s="242">
        <v>1</v>
      </c>
      <c r="DI17" s="222">
        <v>0</v>
      </c>
      <c r="DJ17" s="219">
        <v>0</v>
      </c>
      <c r="DK17" s="219">
        <v>0</v>
      </c>
      <c r="DL17" s="220">
        <v>0</v>
      </c>
      <c r="DM17" s="218">
        <v>0</v>
      </c>
      <c r="DN17" s="218">
        <v>0</v>
      </c>
      <c r="DO17" s="218">
        <v>0</v>
      </c>
      <c r="DP17" s="219">
        <v>0</v>
      </c>
      <c r="DQ17" s="240">
        <v>0</v>
      </c>
      <c r="DR17" s="242">
        <v>0</v>
      </c>
      <c r="DS17" s="222">
        <v>0</v>
      </c>
      <c r="DT17" s="219">
        <v>0</v>
      </c>
      <c r="DU17" s="219">
        <v>0</v>
      </c>
      <c r="DV17" s="220">
        <v>11</v>
      </c>
      <c r="DW17" s="218">
        <v>18</v>
      </c>
      <c r="DX17" s="218">
        <v>103</v>
      </c>
      <c r="DY17" s="218">
        <v>173</v>
      </c>
      <c r="DZ17" s="219">
        <v>144</v>
      </c>
      <c r="EA17" s="240">
        <v>449</v>
      </c>
      <c r="EB17" s="242">
        <v>449</v>
      </c>
      <c r="EC17" s="239"/>
    </row>
    <row r="18" spans="2:133" ht="21" customHeight="1" x14ac:dyDescent="0.2">
      <c r="B18" s="106" t="s">
        <v>15</v>
      </c>
      <c r="C18" s="217">
        <v>0</v>
      </c>
      <c r="D18" s="219">
        <v>0</v>
      </c>
      <c r="E18" s="219">
        <v>0</v>
      </c>
      <c r="F18" s="220">
        <v>1</v>
      </c>
      <c r="G18" s="218">
        <v>1</v>
      </c>
      <c r="H18" s="218">
        <v>76</v>
      </c>
      <c r="I18" s="218">
        <v>163</v>
      </c>
      <c r="J18" s="219">
        <v>70</v>
      </c>
      <c r="K18" s="240">
        <v>311</v>
      </c>
      <c r="L18" s="241">
        <v>311</v>
      </c>
      <c r="M18" s="217">
        <v>0</v>
      </c>
      <c r="N18" s="219">
        <v>0</v>
      </c>
      <c r="O18" s="240">
        <v>0</v>
      </c>
      <c r="P18" s="220">
        <v>1</v>
      </c>
      <c r="Q18" s="218">
        <v>1</v>
      </c>
      <c r="R18" s="218">
        <v>76</v>
      </c>
      <c r="S18" s="218">
        <v>161</v>
      </c>
      <c r="T18" s="219">
        <v>68</v>
      </c>
      <c r="U18" s="240">
        <v>307</v>
      </c>
      <c r="V18" s="242">
        <v>307</v>
      </c>
      <c r="W18" s="222">
        <v>0</v>
      </c>
      <c r="X18" s="219">
        <v>0</v>
      </c>
      <c r="Y18" s="240">
        <v>0</v>
      </c>
      <c r="Z18" s="222">
        <v>0</v>
      </c>
      <c r="AA18" s="218">
        <v>0</v>
      </c>
      <c r="AB18" s="218">
        <v>0</v>
      </c>
      <c r="AC18" s="218">
        <v>2</v>
      </c>
      <c r="AD18" s="219">
        <v>2</v>
      </c>
      <c r="AE18" s="240">
        <v>4</v>
      </c>
      <c r="AF18" s="221">
        <v>4</v>
      </c>
      <c r="AG18" s="222">
        <v>0</v>
      </c>
      <c r="AH18" s="219">
        <v>0</v>
      </c>
      <c r="AI18" s="240">
        <v>0</v>
      </c>
      <c r="AJ18" s="222">
        <v>18</v>
      </c>
      <c r="AK18" s="218">
        <v>33</v>
      </c>
      <c r="AL18" s="218">
        <v>41</v>
      </c>
      <c r="AM18" s="218">
        <v>62</v>
      </c>
      <c r="AN18" s="219">
        <v>24</v>
      </c>
      <c r="AO18" s="240">
        <v>178</v>
      </c>
      <c r="AP18" s="221">
        <v>178</v>
      </c>
      <c r="AQ18" s="222">
        <v>0</v>
      </c>
      <c r="AR18" s="219">
        <v>0</v>
      </c>
      <c r="AS18" s="240">
        <v>0</v>
      </c>
      <c r="AT18" s="220">
        <v>18</v>
      </c>
      <c r="AU18" s="218">
        <v>33</v>
      </c>
      <c r="AV18" s="218">
        <v>41</v>
      </c>
      <c r="AW18" s="218">
        <v>61</v>
      </c>
      <c r="AX18" s="219">
        <v>23</v>
      </c>
      <c r="AY18" s="240">
        <v>176</v>
      </c>
      <c r="AZ18" s="241">
        <v>176</v>
      </c>
      <c r="BA18" s="217">
        <v>0</v>
      </c>
      <c r="BB18" s="219">
        <v>0</v>
      </c>
      <c r="BC18" s="219">
        <v>0</v>
      </c>
      <c r="BD18" s="220">
        <v>0</v>
      </c>
      <c r="BE18" s="218">
        <v>0</v>
      </c>
      <c r="BF18" s="218">
        <v>0</v>
      </c>
      <c r="BG18" s="218">
        <v>1</v>
      </c>
      <c r="BH18" s="219">
        <v>1</v>
      </c>
      <c r="BI18" s="240">
        <v>2</v>
      </c>
      <c r="BJ18" s="242">
        <v>2</v>
      </c>
      <c r="BK18" s="222">
        <v>0</v>
      </c>
      <c r="BL18" s="219">
        <v>0</v>
      </c>
      <c r="BM18" s="219">
        <v>0</v>
      </c>
      <c r="BN18" s="220">
        <v>0</v>
      </c>
      <c r="BO18" s="218">
        <v>0</v>
      </c>
      <c r="BP18" s="218">
        <v>0</v>
      </c>
      <c r="BQ18" s="218">
        <v>0</v>
      </c>
      <c r="BR18" s="219">
        <v>0</v>
      </c>
      <c r="BS18" s="240">
        <v>0</v>
      </c>
      <c r="BT18" s="241">
        <v>0</v>
      </c>
      <c r="BU18" s="217">
        <v>0</v>
      </c>
      <c r="BV18" s="219">
        <v>0</v>
      </c>
      <c r="BW18" s="219">
        <v>0</v>
      </c>
      <c r="BX18" s="220">
        <v>0</v>
      </c>
      <c r="BY18" s="218">
        <v>0</v>
      </c>
      <c r="BZ18" s="218">
        <v>0</v>
      </c>
      <c r="CA18" s="218">
        <v>0</v>
      </c>
      <c r="CB18" s="219">
        <v>0</v>
      </c>
      <c r="CC18" s="240">
        <v>0</v>
      </c>
      <c r="CD18" s="242">
        <v>0</v>
      </c>
      <c r="CE18" s="222">
        <v>0</v>
      </c>
      <c r="CF18" s="219">
        <v>0</v>
      </c>
      <c r="CG18" s="219">
        <v>0</v>
      </c>
      <c r="CH18" s="220">
        <v>0</v>
      </c>
      <c r="CI18" s="218">
        <v>0</v>
      </c>
      <c r="CJ18" s="218">
        <v>0</v>
      </c>
      <c r="CK18" s="218">
        <v>0</v>
      </c>
      <c r="CL18" s="219">
        <v>0</v>
      </c>
      <c r="CM18" s="240">
        <v>0</v>
      </c>
      <c r="CN18" s="242">
        <v>0</v>
      </c>
      <c r="CO18" s="222">
        <v>0</v>
      </c>
      <c r="CP18" s="219">
        <v>0</v>
      </c>
      <c r="CQ18" s="219">
        <v>0</v>
      </c>
      <c r="CR18" s="220">
        <v>0</v>
      </c>
      <c r="CS18" s="218">
        <v>0</v>
      </c>
      <c r="CT18" s="218">
        <v>0</v>
      </c>
      <c r="CU18" s="218">
        <v>0</v>
      </c>
      <c r="CV18" s="219">
        <v>0</v>
      </c>
      <c r="CW18" s="240">
        <v>0</v>
      </c>
      <c r="CX18" s="241">
        <v>0</v>
      </c>
      <c r="CY18" s="217">
        <v>0</v>
      </c>
      <c r="CZ18" s="219">
        <v>0</v>
      </c>
      <c r="DA18" s="219">
        <v>0</v>
      </c>
      <c r="DB18" s="220">
        <v>0</v>
      </c>
      <c r="DC18" s="218">
        <v>0</v>
      </c>
      <c r="DD18" s="218">
        <v>0</v>
      </c>
      <c r="DE18" s="218">
        <v>0</v>
      </c>
      <c r="DF18" s="219">
        <v>0</v>
      </c>
      <c r="DG18" s="240">
        <v>0</v>
      </c>
      <c r="DH18" s="242">
        <v>0</v>
      </c>
      <c r="DI18" s="222">
        <v>0</v>
      </c>
      <c r="DJ18" s="219">
        <v>0</v>
      </c>
      <c r="DK18" s="219">
        <v>0</v>
      </c>
      <c r="DL18" s="220">
        <v>0</v>
      </c>
      <c r="DM18" s="218">
        <v>0</v>
      </c>
      <c r="DN18" s="218">
        <v>0</v>
      </c>
      <c r="DO18" s="218">
        <v>0</v>
      </c>
      <c r="DP18" s="219">
        <v>0</v>
      </c>
      <c r="DQ18" s="240">
        <v>0</v>
      </c>
      <c r="DR18" s="242">
        <v>0</v>
      </c>
      <c r="DS18" s="222">
        <v>0</v>
      </c>
      <c r="DT18" s="219">
        <v>0</v>
      </c>
      <c r="DU18" s="219">
        <v>0</v>
      </c>
      <c r="DV18" s="220">
        <v>19</v>
      </c>
      <c r="DW18" s="218">
        <v>34</v>
      </c>
      <c r="DX18" s="218">
        <v>117</v>
      </c>
      <c r="DY18" s="218">
        <v>225</v>
      </c>
      <c r="DZ18" s="219">
        <v>94</v>
      </c>
      <c r="EA18" s="240">
        <v>489</v>
      </c>
      <c r="EB18" s="242">
        <v>489</v>
      </c>
      <c r="EC18" s="239"/>
    </row>
    <row r="19" spans="2:133" ht="21" customHeight="1" x14ac:dyDescent="0.2">
      <c r="B19" s="106" t="s">
        <v>16</v>
      </c>
      <c r="C19" s="217">
        <v>0</v>
      </c>
      <c r="D19" s="219">
        <v>0</v>
      </c>
      <c r="E19" s="219">
        <v>0</v>
      </c>
      <c r="F19" s="220">
        <v>6</v>
      </c>
      <c r="G19" s="218">
        <v>13</v>
      </c>
      <c r="H19" s="218">
        <v>225</v>
      </c>
      <c r="I19" s="218">
        <v>313</v>
      </c>
      <c r="J19" s="219">
        <v>177</v>
      </c>
      <c r="K19" s="240">
        <v>734</v>
      </c>
      <c r="L19" s="241">
        <v>734</v>
      </c>
      <c r="M19" s="217">
        <v>0</v>
      </c>
      <c r="N19" s="219">
        <v>0</v>
      </c>
      <c r="O19" s="240">
        <v>0</v>
      </c>
      <c r="P19" s="220">
        <v>6</v>
      </c>
      <c r="Q19" s="218">
        <v>12</v>
      </c>
      <c r="R19" s="218">
        <v>224</v>
      </c>
      <c r="S19" s="218">
        <v>312</v>
      </c>
      <c r="T19" s="219">
        <v>175</v>
      </c>
      <c r="U19" s="240">
        <v>729</v>
      </c>
      <c r="V19" s="242">
        <v>729</v>
      </c>
      <c r="W19" s="222">
        <v>0</v>
      </c>
      <c r="X19" s="219">
        <v>0</v>
      </c>
      <c r="Y19" s="240">
        <v>0</v>
      </c>
      <c r="Z19" s="222">
        <v>0</v>
      </c>
      <c r="AA19" s="218">
        <v>1</v>
      </c>
      <c r="AB19" s="218">
        <v>1</v>
      </c>
      <c r="AC19" s="218">
        <v>1</v>
      </c>
      <c r="AD19" s="219">
        <v>2</v>
      </c>
      <c r="AE19" s="240">
        <v>5</v>
      </c>
      <c r="AF19" s="221">
        <v>5</v>
      </c>
      <c r="AG19" s="222">
        <v>0</v>
      </c>
      <c r="AH19" s="219">
        <v>0</v>
      </c>
      <c r="AI19" s="240">
        <v>0</v>
      </c>
      <c r="AJ19" s="222">
        <v>56</v>
      </c>
      <c r="AK19" s="218">
        <v>86</v>
      </c>
      <c r="AL19" s="218">
        <v>131</v>
      </c>
      <c r="AM19" s="218">
        <v>153</v>
      </c>
      <c r="AN19" s="219">
        <v>62</v>
      </c>
      <c r="AO19" s="240">
        <v>488</v>
      </c>
      <c r="AP19" s="221">
        <v>488</v>
      </c>
      <c r="AQ19" s="222">
        <v>0</v>
      </c>
      <c r="AR19" s="219">
        <v>0</v>
      </c>
      <c r="AS19" s="240">
        <v>0</v>
      </c>
      <c r="AT19" s="220">
        <v>56</v>
      </c>
      <c r="AU19" s="218">
        <v>85</v>
      </c>
      <c r="AV19" s="218">
        <v>129</v>
      </c>
      <c r="AW19" s="218">
        <v>151</v>
      </c>
      <c r="AX19" s="219">
        <v>61</v>
      </c>
      <c r="AY19" s="240">
        <v>482</v>
      </c>
      <c r="AZ19" s="241">
        <v>482</v>
      </c>
      <c r="BA19" s="217">
        <v>0</v>
      </c>
      <c r="BB19" s="219">
        <v>0</v>
      </c>
      <c r="BC19" s="219">
        <v>0</v>
      </c>
      <c r="BD19" s="220">
        <v>0</v>
      </c>
      <c r="BE19" s="218">
        <v>1</v>
      </c>
      <c r="BF19" s="218">
        <v>2</v>
      </c>
      <c r="BG19" s="218">
        <v>2</v>
      </c>
      <c r="BH19" s="219">
        <v>1</v>
      </c>
      <c r="BI19" s="240">
        <v>6</v>
      </c>
      <c r="BJ19" s="242">
        <v>6</v>
      </c>
      <c r="BK19" s="222">
        <v>0</v>
      </c>
      <c r="BL19" s="219">
        <v>0</v>
      </c>
      <c r="BM19" s="219">
        <v>0</v>
      </c>
      <c r="BN19" s="220">
        <v>0</v>
      </c>
      <c r="BO19" s="218">
        <v>0</v>
      </c>
      <c r="BP19" s="218">
        <v>0</v>
      </c>
      <c r="BQ19" s="218">
        <v>0</v>
      </c>
      <c r="BR19" s="219">
        <v>0</v>
      </c>
      <c r="BS19" s="240">
        <v>0</v>
      </c>
      <c r="BT19" s="241">
        <v>0</v>
      </c>
      <c r="BU19" s="217">
        <v>0</v>
      </c>
      <c r="BV19" s="219">
        <v>0</v>
      </c>
      <c r="BW19" s="219">
        <v>0</v>
      </c>
      <c r="BX19" s="220">
        <v>0</v>
      </c>
      <c r="BY19" s="218">
        <v>0</v>
      </c>
      <c r="BZ19" s="218">
        <v>0</v>
      </c>
      <c r="CA19" s="218">
        <v>0</v>
      </c>
      <c r="CB19" s="219">
        <v>0</v>
      </c>
      <c r="CC19" s="240">
        <v>0</v>
      </c>
      <c r="CD19" s="242">
        <v>0</v>
      </c>
      <c r="CE19" s="222">
        <v>0</v>
      </c>
      <c r="CF19" s="219">
        <v>0</v>
      </c>
      <c r="CG19" s="219">
        <v>0</v>
      </c>
      <c r="CH19" s="220">
        <v>0</v>
      </c>
      <c r="CI19" s="218">
        <v>0</v>
      </c>
      <c r="CJ19" s="218">
        <v>0</v>
      </c>
      <c r="CK19" s="218">
        <v>0</v>
      </c>
      <c r="CL19" s="219">
        <v>0</v>
      </c>
      <c r="CM19" s="240">
        <v>0</v>
      </c>
      <c r="CN19" s="242">
        <v>0</v>
      </c>
      <c r="CO19" s="222">
        <v>0</v>
      </c>
      <c r="CP19" s="219">
        <v>0</v>
      </c>
      <c r="CQ19" s="219">
        <v>0</v>
      </c>
      <c r="CR19" s="220">
        <v>0</v>
      </c>
      <c r="CS19" s="218">
        <v>0</v>
      </c>
      <c r="CT19" s="218">
        <v>2</v>
      </c>
      <c r="CU19" s="218">
        <v>14</v>
      </c>
      <c r="CV19" s="219">
        <v>9</v>
      </c>
      <c r="CW19" s="240">
        <v>25</v>
      </c>
      <c r="CX19" s="241">
        <v>25</v>
      </c>
      <c r="CY19" s="217">
        <v>0</v>
      </c>
      <c r="CZ19" s="219">
        <v>0</v>
      </c>
      <c r="DA19" s="219">
        <v>0</v>
      </c>
      <c r="DB19" s="220">
        <v>0</v>
      </c>
      <c r="DC19" s="218">
        <v>0</v>
      </c>
      <c r="DD19" s="218">
        <v>2</v>
      </c>
      <c r="DE19" s="218">
        <v>14</v>
      </c>
      <c r="DF19" s="219">
        <v>9</v>
      </c>
      <c r="DG19" s="240">
        <v>25</v>
      </c>
      <c r="DH19" s="242">
        <v>25</v>
      </c>
      <c r="DI19" s="222">
        <v>0</v>
      </c>
      <c r="DJ19" s="219">
        <v>0</v>
      </c>
      <c r="DK19" s="219">
        <v>0</v>
      </c>
      <c r="DL19" s="220">
        <v>0</v>
      </c>
      <c r="DM19" s="218">
        <v>0</v>
      </c>
      <c r="DN19" s="218">
        <v>0</v>
      </c>
      <c r="DO19" s="218">
        <v>0</v>
      </c>
      <c r="DP19" s="219">
        <v>0</v>
      </c>
      <c r="DQ19" s="240">
        <v>0</v>
      </c>
      <c r="DR19" s="242">
        <v>0</v>
      </c>
      <c r="DS19" s="222">
        <v>0</v>
      </c>
      <c r="DT19" s="219">
        <v>0</v>
      </c>
      <c r="DU19" s="219">
        <v>0</v>
      </c>
      <c r="DV19" s="220">
        <v>62</v>
      </c>
      <c r="DW19" s="218">
        <v>99</v>
      </c>
      <c r="DX19" s="218">
        <v>357</v>
      </c>
      <c r="DY19" s="218">
        <v>479</v>
      </c>
      <c r="DZ19" s="219">
        <v>248</v>
      </c>
      <c r="EA19" s="240">
        <v>1245</v>
      </c>
      <c r="EB19" s="242">
        <v>1245</v>
      </c>
      <c r="EC19" s="239"/>
    </row>
    <row r="20" spans="2:133" ht="21" customHeight="1" x14ac:dyDescent="0.2">
      <c r="B20" s="106" t="s">
        <v>17</v>
      </c>
      <c r="C20" s="217">
        <v>0</v>
      </c>
      <c r="D20" s="219">
        <v>0</v>
      </c>
      <c r="E20" s="219">
        <v>0</v>
      </c>
      <c r="F20" s="220">
        <v>5</v>
      </c>
      <c r="G20" s="218">
        <v>14</v>
      </c>
      <c r="H20" s="218">
        <v>208</v>
      </c>
      <c r="I20" s="218">
        <v>302</v>
      </c>
      <c r="J20" s="219">
        <v>218</v>
      </c>
      <c r="K20" s="240">
        <v>747</v>
      </c>
      <c r="L20" s="241">
        <v>747</v>
      </c>
      <c r="M20" s="217">
        <v>0</v>
      </c>
      <c r="N20" s="219">
        <v>0</v>
      </c>
      <c r="O20" s="240">
        <v>0</v>
      </c>
      <c r="P20" s="220">
        <v>5</v>
      </c>
      <c r="Q20" s="218">
        <v>14</v>
      </c>
      <c r="R20" s="218">
        <v>208</v>
      </c>
      <c r="S20" s="218">
        <v>299</v>
      </c>
      <c r="T20" s="219">
        <v>214</v>
      </c>
      <c r="U20" s="240">
        <v>740</v>
      </c>
      <c r="V20" s="242">
        <v>740</v>
      </c>
      <c r="W20" s="222">
        <v>0</v>
      </c>
      <c r="X20" s="219">
        <v>0</v>
      </c>
      <c r="Y20" s="240">
        <v>0</v>
      </c>
      <c r="Z20" s="222">
        <v>0</v>
      </c>
      <c r="AA20" s="218">
        <v>0</v>
      </c>
      <c r="AB20" s="218">
        <v>0</v>
      </c>
      <c r="AC20" s="218">
        <v>3</v>
      </c>
      <c r="AD20" s="219">
        <v>4</v>
      </c>
      <c r="AE20" s="240">
        <v>7</v>
      </c>
      <c r="AF20" s="221">
        <v>7</v>
      </c>
      <c r="AG20" s="222">
        <v>0</v>
      </c>
      <c r="AH20" s="219">
        <v>0</v>
      </c>
      <c r="AI20" s="240">
        <v>0</v>
      </c>
      <c r="AJ20" s="222">
        <v>36</v>
      </c>
      <c r="AK20" s="218">
        <v>122</v>
      </c>
      <c r="AL20" s="218">
        <v>157</v>
      </c>
      <c r="AM20" s="218">
        <v>151</v>
      </c>
      <c r="AN20" s="219">
        <v>77</v>
      </c>
      <c r="AO20" s="240">
        <v>543</v>
      </c>
      <c r="AP20" s="221">
        <v>543</v>
      </c>
      <c r="AQ20" s="222">
        <v>0</v>
      </c>
      <c r="AR20" s="219">
        <v>0</v>
      </c>
      <c r="AS20" s="240">
        <v>0</v>
      </c>
      <c r="AT20" s="220">
        <v>35</v>
      </c>
      <c r="AU20" s="218">
        <v>119</v>
      </c>
      <c r="AV20" s="218">
        <v>155</v>
      </c>
      <c r="AW20" s="218">
        <v>149</v>
      </c>
      <c r="AX20" s="219">
        <v>76</v>
      </c>
      <c r="AY20" s="240">
        <v>534</v>
      </c>
      <c r="AZ20" s="241">
        <v>534</v>
      </c>
      <c r="BA20" s="217">
        <v>0</v>
      </c>
      <c r="BB20" s="219">
        <v>0</v>
      </c>
      <c r="BC20" s="219">
        <v>0</v>
      </c>
      <c r="BD20" s="220">
        <v>1</v>
      </c>
      <c r="BE20" s="218">
        <v>3</v>
      </c>
      <c r="BF20" s="218">
        <v>2</v>
      </c>
      <c r="BG20" s="218">
        <v>2</v>
      </c>
      <c r="BH20" s="219">
        <v>1</v>
      </c>
      <c r="BI20" s="240">
        <v>9</v>
      </c>
      <c r="BJ20" s="242">
        <v>9</v>
      </c>
      <c r="BK20" s="222">
        <v>0</v>
      </c>
      <c r="BL20" s="219">
        <v>0</v>
      </c>
      <c r="BM20" s="219">
        <v>0</v>
      </c>
      <c r="BN20" s="220">
        <v>0</v>
      </c>
      <c r="BO20" s="218">
        <v>0</v>
      </c>
      <c r="BP20" s="218">
        <v>0</v>
      </c>
      <c r="BQ20" s="218">
        <v>0</v>
      </c>
      <c r="BR20" s="219">
        <v>0</v>
      </c>
      <c r="BS20" s="240">
        <v>0</v>
      </c>
      <c r="BT20" s="241">
        <v>0</v>
      </c>
      <c r="BU20" s="217">
        <v>0</v>
      </c>
      <c r="BV20" s="219">
        <v>0</v>
      </c>
      <c r="BW20" s="219">
        <v>0</v>
      </c>
      <c r="BX20" s="220">
        <v>0</v>
      </c>
      <c r="BY20" s="218">
        <v>0</v>
      </c>
      <c r="BZ20" s="218">
        <v>0</v>
      </c>
      <c r="CA20" s="218">
        <v>0</v>
      </c>
      <c r="CB20" s="219">
        <v>0</v>
      </c>
      <c r="CC20" s="240">
        <v>0</v>
      </c>
      <c r="CD20" s="242">
        <v>0</v>
      </c>
      <c r="CE20" s="222">
        <v>0</v>
      </c>
      <c r="CF20" s="219">
        <v>0</v>
      </c>
      <c r="CG20" s="219">
        <v>0</v>
      </c>
      <c r="CH20" s="220">
        <v>0</v>
      </c>
      <c r="CI20" s="218">
        <v>0</v>
      </c>
      <c r="CJ20" s="218">
        <v>0</v>
      </c>
      <c r="CK20" s="218">
        <v>0</v>
      </c>
      <c r="CL20" s="219">
        <v>0</v>
      </c>
      <c r="CM20" s="240">
        <v>0</v>
      </c>
      <c r="CN20" s="242">
        <v>0</v>
      </c>
      <c r="CO20" s="222">
        <v>0</v>
      </c>
      <c r="CP20" s="219">
        <v>0</v>
      </c>
      <c r="CQ20" s="219">
        <v>0</v>
      </c>
      <c r="CR20" s="220">
        <v>0</v>
      </c>
      <c r="CS20" s="218">
        <v>0</v>
      </c>
      <c r="CT20" s="218">
        <v>0</v>
      </c>
      <c r="CU20" s="218">
        <v>8</v>
      </c>
      <c r="CV20" s="219">
        <v>17</v>
      </c>
      <c r="CW20" s="240">
        <v>25</v>
      </c>
      <c r="CX20" s="241">
        <v>25</v>
      </c>
      <c r="CY20" s="217">
        <v>0</v>
      </c>
      <c r="CZ20" s="219">
        <v>0</v>
      </c>
      <c r="DA20" s="219">
        <v>0</v>
      </c>
      <c r="DB20" s="220">
        <v>0</v>
      </c>
      <c r="DC20" s="218">
        <v>0</v>
      </c>
      <c r="DD20" s="218">
        <v>0</v>
      </c>
      <c r="DE20" s="218">
        <v>8</v>
      </c>
      <c r="DF20" s="219">
        <v>15</v>
      </c>
      <c r="DG20" s="240">
        <v>23</v>
      </c>
      <c r="DH20" s="242">
        <v>23</v>
      </c>
      <c r="DI20" s="222">
        <v>0</v>
      </c>
      <c r="DJ20" s="219">
        <v>0</v>
      </c>
      <c r="DK20" s="219">
        <v>0</v>
      </c>
      <c r="DL20" s="220">
        <v>0</v>
      </c>
      <c r="DM20" s="218">
        <v>0</v>
      </c>
      <c r="DN20" s="218">
        <v>0</v>
      </c>
      <c r="DO20" s="218">
        <v>0</v>
      </c>
      <c r="DP20" s="219">
        <v>2</v>
      </c>
      <c r="DQ20" s="240">
        <v>2</v>
      </c>
      <c r="DR20" s="242">
        <v>2</v>
      </c>
      <c r="DS20" s="222">
        <v>0</v>
      </c>
      <c r="DT20" s="219">
        <v>0</v>
      </c>
      <c r="DU20" s="219">
        <v>0</v>
      </c>
      <c r="DV20" s="220">
        <v>41</v>
      </c>
      <c r="DW20" s="218">
        <v>136</v>
      </c>
      <c r="DX20" s="218">
        <v>365</v>
      </c>
      <c r="DY20" s="218">
        <v>461</v>
      </c>
      <c r="DZ20" s="219">
        <v>312</v>
      </c>
      <c r="EA20" s="240">
        <v>1315</v>
      </c>
      <c r="EB20" s="242">
        <v>1315</v>
      </c>
      <c r="EC20" s="239"/>
    </row>
    <row r="21" spans="2:133" ht="21" customHeight="1" x14ac:dyDescent="0.2">
      <c r="B21" s="106" t="s">
        <v>18</v>
      </c>
      <c r="C21" s="217">
        <v>0</v>
      </c>
      <c r="D21" s="219">
        <v>0</v>
      </c>
      <c r="E21" s="219">
        <v>0</v>
      </c>
      <c r="F21" s="220">
        <v>5</v>
      </c>
      <c r="G21" s="218">
        <v>12</v>
      </c>
      <c r="H21" s="218">
        <v>199</v>
      </c>
      <c r="I21" s="218">
        <v>403</v>
      </c>
      <c r="J21" s="219">
        <v>254</v>
      </c>
      <c r="K21" s="240">
        <v>873</v>
      </c>
      <c r="L21" s="241">
        <v>873</v>
      </c>
      <c r="M21" s="217">
        <v>0</v>
      </c>
      <c r="N21" s="219">
        <v>0</v>
      </c>
      <c r="O21" s="240">
        <v>0</v>
      </c>
      <c r="P21" s="220">
        <v>5</v>
      </c>
      <c r="Q21" s="218">
        <v>12</v>
      </c>
      <c r="R21" s="218">
        <v>197</v>
      </c>
      <c r="S21" s="218">
        <v>397</v>
      </c>
      <c r="T21" s="219">
        <v>250</v>
      </c>
      <c r="U21" s="240">
        <v>861</v>
      </c>
      <c r="V21" s="242">
        <v>861</v>
      </c>
      <c r="W21" s="222">
        <v>0</v>
      </c>
      <c r="X21" s="219">
        <v>0</v>
      </c>
      <c r="Y21" s="240">
        <v>0</v>
      </c>
      <c r="Z21" s="222">
        <v>0</v>
      </c>
      <c r="AA21" s="218">
        <v>0</v>
      </c>
      <c r="AB21" s="218">
        <v>2</v>
      </c>
      <c r="AC21" s="218">
        <v>6</v>
      </c>
      <c r="AD21" s="219">
        <v>4</v>
      </c>
      <c r="AE21" s="240">
        <v>12</v>
      </c>
      <c r="AF21" s="221">
        <v>12</v>
      </c>
      <c r="AG21" s="222">
        <v>0</v>
      </c>
      <c r="AH21" s="219">
        <v>0</v>
      </c>
      <c r="AI21" s="240">
        <v>0</v>
      </c>
      <c r="AJ21" s="222">
        <v>25</v>
      </c>
      <c r="AK21" s="218">
        <v>68</v>
      </c>
      <c r="AL21" s="218">
        <v>110</v>
      </c>
      <c r="AM21" s="218">
        <v>114</v>
      </c>
      <c r="AN21" s="219">
        <v>68</v>
      </c>
      <c r="AO21" s="240">
        <v>385</v>
      </c>
      <c r="AP21" s="221">
        <v>385</v>
      </c>
      <c r="AQ21" s="222">
        <v>0</v>
      </c>
      <c r="AR21" s="219">
        <v>0</v>
      </c>
      <c r="AS21" s="240">
        <v>0</v>
      </c>
      <c r="AT21" s="220">
        <v>25</v>
      </c>
      <c r="AU21" s="218">
        <v>65</v>
      </c>
      <c r="AV21" s="218">
        <v>108</v>
      </c>
      <c r="AW21" s="218">
        <v>113</v>
      </c>
      <c r="AX21" s="219">
        <v>64</v>
      </c>
      <c r="AY21" s="240">
        <v>375</v>
      </c>
      <c r="AZ21" s="241">
        <v>375</v>
      </c>
      <c r="BA21" s="217">
        <v>0</v>
      </c>
      <c r="BB21" s="219">
        <v>0</v>
      </c>
      <c r="BC21" s="219">
        <v>0</v>
      </c>
      <c r="BD21" s="220">
        <v>0</v>
      </c>
      <c r="BE21" s="218">
        <v>3</v>
      </c>
      <c r="BF21" s="218">
        <v>2</v>
      </c>
      <c r="BG21" s="218">
        <v>1</v>
      </c>
      <c r="BH21" s="219">
        <v>4</v>
      </c>
      <c r="BI21" s="240">
        <v>10</v>
      </c>
      <c r="BJ21" s="242">
        <v>10</v>
      </c>
      <c r="BK21" s="222">
        <v>0</v>
      </c>
      <c r="BL21" s="219">
        <v>0</v>
      </c>
      <c r="BM21" s="219">
        <v>0</v>
      </c>
      <c r="BN21" s="220">
        <v>0</v>
      </c>
      <c r="BO21" s="218">
        <v>0</v>
      </c>
      <c r="BP21" s="218">
        <v>0</v>
      </c>
      <c r="BQ21" s="218">
        <v>0</v>
      </c>
      <c r="BR21" s="219">
        <v>0</v>
      </c>
      <c r="BS21" s="240">
        <v>0</v>
      </c>
      <c r="BT21" s="241">
        <v>0</v>
      </c>
      <c r="BU21" s="217">
        <v>0</v>
      </c>
      <c r="BV21" s="219">
        <v>0</v>
      </c>
      <c r="BW21" s="219">
        <v>0</v>
      </c>
      <c r="BX21" s="220">
        <v>0</v>
      </c>
      <c r="BY21" s="218">
        <v>0</v>
      </c>
      <c r="BZ21" s="218">
        <v>0</v>
      </c>
      <c r="CA21" s="218">
        <v>0</v>
      </c>
      <c r="CB21" s="219">
        <v>0</v>
      </c>
      <c r="CC21" s="240">
        <v>0</v>
      </c>
      <c r="CD21" s="242">
        <v>0</v>
      </c>
      <c r="CE21" s="222">
        <v>0</v>
      </c>
      <c r="CF21" s="219">
        <v>0</v>
      </c>
      <c r="CG21" s="219">
        <v>0</v>
      </c>
      <c r="CH21" s="220">
        <v>0</v>
      </c>
      <c r="CI21" s="218">
        <v>0</v>
      </c>
      <c r="CJ21" s="218">
        <v>0</v>
      </c>
      <c r="CK21" s="218">
        <v>0</v>
      </c>
      <c r="CL21" s="219">
        <v>0</v>
      </c>
      <c r="CM21" s="240">
        <v>0</v>
      </c>
      <c r="CN21" s="242">
        <v>0</v>
      </c>
      <c r="CO21" s="222">
        <v>0</v>
      </c>
      <c r="CP21" s="219">
        <v>0</v>
      </c>
      <c r="CQ21" s="219">
        <v>0</v>
      </c>
      <c r="CR21" s="220">
        <v>0</v>
      </c>
      <c r="CS21" s="218">
        <v>1</v>
      </c>
      <c r="CT21" s="218">
        <v>1</v>
      </c>
      <c r="CU21" s="218">
        <v>14</v>
      </c>
      <c r="CV21" s="219">
        <v>18</v>
      </c>
      <c r="CW21" s="240">
        <v>34</v>
      </c>
      <c r="CX21" s="241">
        <v>34</v>
      </c>
      <c r="CY21" s="217">
        <v>0</v>
      </c>
      <c r="CZ21" s="219">
        <v>0</v>
      </c>
      <c r="DA21" s="219">
        <v>0</v>
      </c>
      <c r="DB21" s="220">
        <v>0</v>
      </c>
      <c r="DC21" s="218">
        <v>1</v>
      </c>
      <c r="DD21" s="218">
        <v>1</v>
      </c>
      <c r="DE21" s="218">
        <v>13</v>
      </c>
      <c r="DF21" s="219">
        <v>18</v>
      </c>
      <c r="DG21" s="240">
        <v>33</v>
      </c>
      <c r="DH21" s="242">
        <v>33</v>
      </c>
      <c r="DI21" s="222">
        <v>0</v>
      </c>
      <c r="DJ21" s="219">
        <v>0</v>
      </c>
      <c r="DK21" s="219">
        <v>0</v>
      </c>
      <c r="DL21" s="220">
        <v>0</v>
      </c>
      <c r="DM21" s="218">
        <v>0</v>
      </c>
      <c r="DN21" s="218">
        <v>0</v>
      </c>
      <c r="DO21" s="218">
        <v>1</v>
      </c>
      <c r="DP21" s="219">
        <v>0</v>
      </c>
      <c r="DQ21" s="240">
        <v>1</v>
      </c>
      <c r="DR21" s="242">
        <v>1</v>
      </c>
      <c r="DS21" s="222">
        <v>0</v>
      </c>
      <c r="DT21" s="219">
        <v>0</v>
      </c>
      <c r="DU21" s="219">
        <v>0</v>
      </c>
      <c r="DV21" s="220">
        <v>30</v>
      </c>
      <c r="DW21" s="218">
        <v>81</v>
      </c>
      <c r="DX21" s="218">
        <v>309</v>
      </c>
      <c r="DY21" s="218">
        <v>530</v>
      </c>
      <c r="DZ21" s="219">
        <v>338</v>
      </c>
      <c r="EA21" s="240">
        <v>1288</v>
      </c>
      <c r="EB21" s="242">
        <v>1288</v>
      </c>
      <c r="EC21" s="239"/>
    </row>
    <row r="22" spans="2:133" ht="21" customHeight="1" x14ac:dyDescent="0.2">
      <c r="B22" s="106" t="s">
        <v>19</v>
      </c>
      <c r="C22" s="217">
        <v>0</v>
      </c>
      <c r="D22" s="219">
        <v>0</v>
      </c>
      <c r="E22" s="219">
        <v>0</v>
      </c>
      <c r="F22" s="220">
        <v>0</v>
      </c>
      <c r="G22" s="218">
        <v>6</v>
      </c>
      <c r="H22" s="218">
        <v>126</v>
      </c>
      <c r="I22" s="218">
        <v>126</v>
      </c>
      <c r="J22" s="219">
        <v>123</v>
      </c>
      <c r="K22" s="240">
        <v>381</v>
      </c>
      <c r="L22" s="241">
        <v>381</v>
      </c>
      <c r="M22" s="217">
        <v>0</v>
      </c>
      <c r="N22" s="219">
        <v>0</v>
      </c>
      <c r="O22" s="240">
        <v>0</v>
      </c>
      <c r="P22" s="220">
        <v>0</v>
      </c>
      <c r="Q22" s="218">
        <v>6</v>
      </c>
      <c r="R22" s="218">
        <v>124</v>
      </c>
      <c r="S22" s="218">
        <v>125</v>
      </c>
      <c r="T22" s="219">
        <v>122</v>
      </c>
      <c r="U22" s="240">
        <v>377</v>
      </c>
      <c r="V22" s="242">
        <v>377</v>
      </c>
      <c r="W22" s="222">
        <v>0</v>
      </c>
      <c r="X22" s="219">
        <v>0</v>
      </c>
      <c r="Y22" s="240">
        <v>0</v>
      </c>
      <c r="Z22" s="222">
        <v>0</v>
      </c>
      <c r="AA22" s="218">
        <v>0</v>
      </c>
      <c r="AB22" s="218">
        <v>2</v>
      </c>
      <c r="AC22" s="218">
        <v>1</v>
      </c>
      <c r="AD22" s="219">
        <v>1</v>
      </c>
      <c r="AE22" s="240">
        <v>4</v>
      </c>
      <c r="AF22" s="221">
        <v>4</v>
      </c>
      <c r="AG22" s="222">
        <v>0</v>
      </c>
      <c r="AH22" s="219">
        <v>0</v>
      </c>
      <c r="AI22" s="240">
        <v>0</v>
      </c>
      <c r="AJ22" s="222">
        <v>25</v>
      </c>
      <c r="AK22" s="218">
        <v>52</v>
      </c>
      <c r="AL22" s="218">
        <v>73</v>
      </c>
      <c r="AM22" s="218">
        <v>55</v>
      </c>
      <c r="AN22" s="219">
        <v>28</v>
      </c>
      <c r="AO22" s="240">
        <v>233</v>
      </c>
      <c r="AP22" s="221">
        <v>233</v>
      </c>
      <c r="AQ22" s="222">
        <v>0</v>
      </c>
      <c r="AR22" s="219">
        <v>0</v>
      </c>
      <c r="AS22" s="240">
        <v>0</v>
      </c>
      <c r="AT22" s="220">
        <v>24</v>
      </c>
      <c r="AU22" s="218">
        <v>52</v>
      </c>
      <c r="AV22" s="218">
        <v>71</v>
      </c>
      <c r="AW22" s="218">
        <v>53</v>
      </c>
      <c r="AX22" s="219">
        <v>28</v>
      </c>
      <c r="AY22" s="240">
        <v>228</v>
      </c>
      <c r="AZ22" s="241">
        <v>228</v>
      </c>
      <c r="BA22" s="217">
        <v>0</v>
      </c>
      <c r="BB22" s="219">
        <v>0</v>
      </c>
      <c r="BC22" s="219">
        <v>0</v>
      </c>
      <c r="BD22" s="220">
        <v>1</v>
      </c>
      <c r="BE22" s="218">
        <v>0</v>
      </c>
      <c r="BF22" s="218">
        <v>2</v>
      </c>
      <c r="BG22" s="218">
        <v>2</v>
      </c>
      <c r="BH22" s="219">
        <v>0</v>
      </c>
      <c r="BI22" s="240">
        <v>5</v>
      </c>
      <c r="BJ22" s="242">
        <v>5</v>
      </c>
      <c r="BK22" s="222">
        <v>0</v>
      </c>
      <c r="BL22" s="219">
        <v>0</v>
      </c>
      <c r="BM22" s="219">
        <v>0</v>
      </c>
      <c r="BN22" s="220">
        <v>0</v>
      </c>
      <c r="BO22" s="218">
        <v>0</v>
      </c>
      <c r="BP22" s="218">
        <v>0</v>
      </c>
      <c r="BQ22" s="218">
        <v>0</v>
      </c>
      <c r="BR22" s="219">
        <v>0</v>
      </c>
      <c r="BS22" s="240">
        <v>0</v>
      </c>
      <c r="BT22" s="241">
        <v>0</v>
      </c>
      <c r="BU22" s="217">
        <v>0</v>
      </c>
      <c r="BV22" s="219">
        <v>0</v>
      </c>
      <c r="BW22" s="219">
        <v>0</v>
      </c>
      <c r="BX22" s="220">
        <v>0</v>
      </c>
      <c r="BY22" s="218">
        <v>0</v>
      </c>
      <c r="BZ22" s="218">
        <v>0</v>
      </c>
      <c r="CA22" s="218">
        <v>0</v>
      </c>
      <c r="CB22" s="219">
        <v>0</v>
      </c>
      <c r="CC22" s="240">
        <v>0</v>
      </c>
      <c r="CD22" s="242">
        <v>0</v>
      </c>
      <c r="CE22" s="222">
        <v>0</v>
      </c>
      <c r="CF22" s="219">
        <v>0</v>
      </c>
      <c r="CG22" s="219">
        <v>0</v>
      </c>
      <c r="CH22" s="220">
        <v>0</v>
      </c>
      <c r="CI22" s="218">
        <v>0</v>
      </c>
      <c r="CJ22" s="218">
        <v>0</v>
      </c>
      <c r="CK22" s="218">
        <v>0</v>
      </c>
      <c r="CL22" s="219">
        <v>0</v>
      </c>
      <c r="CM22" s="240">
        <v>0</v>
      </c>
      <c r="CN22" s="242">
        <v>0</v>
      </c>
      <c r="CO22" s="222">
        <v>0</v>
      </c>
      <c r="CP22" s="219">
        <v>0</v>
      </c>
      <c r="CQ22" s="219">
        <v>0</v>
      </c>
      <c r="CR22" s="220">
        <v>0</v>
      </c>
      <c r="CS22" s="218">
        <v>0</v>
      </c>
      <c r="CT22" s="218">
        <v>0</v>
      </c>
      <c r="CU22" s="218">
        <v>3</v>
      </c>
      <c r="CV22" s="219">
        <v>5</v>
      </c>
      <c r="CW22" s="240">
        <v>8</v>
      </c>
      <c r="CX22" s="241">
        <v>8</v>
      </c>
      <c r="CY22" s="217">
        <v>0</v>
      </c>
      <c r="CZ22" s="219">
        <v>0</v>
      </c>
      <c r="DA22" s="219">
        <v>0</v>
      </c>
      <c r="DB22" s="220">
        <v>0</v>
      </c>
      <c r="DC22" s="218">
        <v>0</v>
      </c>
      <c r="DD22" s="218">
        <v>0</v>
      </c>
      <c r="DE22" s="218">
        <v>3</v>
      </c>
      <c r="DF22" s="219">
        <v>5</v>
      </c>
      <c r="DG22" s="240">
        <v>8</v>
      </c>
      <c r="DH22" s="242">
        <v>8</v>
      </c>
      <c r="DI22" s="222">
        <v>0</v>
      </c>
      <c r="DJ22" s="219">
        <v>0</v>
      </c>
      <c r="DK22" s="219">
        <v>0</v>
      </c>
      <c r="DL22" s="220">
        <v>0</v>
      </c>
      <c r="DM22" s="218">
        <v>0</v>
      </c>
      <c r="DN22" s="218">
        <v>0</v>
      </c>
      <c r="DO22" s="218">
        <v>0</v>
      </c>
      <c r="DP22" s="219">
        <v>0</v>
      </c>
      <c r="DQ22" s="240">
        <v>0</v>
      </c>
      <c r="DR22" s="242">
        <v>0</v>
      </c>
      <c r="DS22" s="222">
        <v>0</v>
      </c>
      <c r="DT22" s="219">
        <v>0</v>
      </c>
      <c r="DU22" s="219">
        <v>0</v>
      </c>
      <c r="DV22" s="220">
        <v>25</v>
      </c>
      <c r="DW22" s="218">
        <v>58</v>
      </c>
      <c r="DX22" s="218">
        <v>199</v>
      </c>
      <c r="DY22" s="218">
        <v>183</v>
      </c>
      <c r="DZ22" s="219">
        <v>153</v>
      </c>
      <c r="EA22" s="240">
        <v>618</v>
      </c>
      <c r="EB22" s="242">
        <v>618</v>
      </c>
      <c r="EC22" s="239"/>
    </row>
    <row r="23" spans="2:133" ht="21" customHeight="1" x14ac:dyDescent="0.2">
      <c r="B23" s="106" t="s">
        <v>20</v>
      </c>
      <c r="C23" s="217">
        <v>0</v>
      </c>
      <c r="D23" s="219">
        <v>0</v>
      </c>
      <c r="E23" s="219">
        <v>0</v>
      </c>
      <c r="F23" s="220">
        <v>3</v>
      </c>
      <c r="G23" s="218">
        <v>23</v>
      </c>
      <c r="H23" s="218">
        <v>147</v>
      </c>
      <c r="I23" s="218">
        <v>216</v>
      </c>
      <c r="J23" s="219">
        <v>105</v>
      </c>
      <c r="K23" s="240">
        <v>494</v>
      </c>
      <c r="L23" s="241">
        <v>494</v>
      </c>
      <c r="M23" s="217">
        <v>0</v>
      </c>
      <c r="N23" s="219">
        <v>0</v>
      </c>
      <c r="O23" s="240">
        <v>0</v>
      </c>
      <c r="P23" s="220">
        <v>3</v>
      </c>
      <c r="Q23" s="218">
        <v>23</v>
      </c>
      <c r="R23" s="218">
        <v>147</v>
      </c>
      <c r="S23" s="218">
        <v>214</v>
      </c>
      <c r="T23" s="219">
        <v>103</v>
      </c>
      <c r="U23" s="240">
        <v>490</v>
      </c>
      <c r="V23" s="242">
        <v>490</v>
      </c>
      <c r="W23" s="222">
        <v>0</v>
      </c>
      <c r="X23" s="219">
        <v>0</v>
      </c>
      <c r="Y23" s="240">
        <v>0</v>
      </c>
      <c r="Z23" s="222">
        <v>0</v>
      </c>
      <c r="AA23" s="218">
        <v>0</v>
      </c>
      <c r="AB23" s="218">
        <v>0</v>
      </c>
      <c r="AC23" s="218">
        <v>2</v>
      </c>
      <c r="AD23" s="219">
        <v>2</v>
      </c>
      <c r="AE23" s="240">
        <v>4</v>
      </c>
      <c r="AF23" s="221">
        <v>4</v>
      </c>
      <c r="AG23" s="222">
        <v>0</v>
      </c>
      <c r="AH23" s="219">
        <v>0</v>
      </c>
      <c r="AI23" s="240">
        <v>0</v>
      </c>
      <c r="AJ23" s="222">
        <v>12</v>
      </c>
      <c r="AK23" s="218">
        <v>32</v>
      </c>
      <c r="AL23" s="218">
        <v>32</v>
      </c>
      <c r="AM23" s="218">
        <v>55</v>
      </c>
      <c r="AN23" s="219">
        <v>23</v>
      </c>
      <c r="AO23" s="240">
        <v>154</v>
      </c>
      <c r="AP23" s="221">
        <v>154</v>
      </c>
      <c r="AQ23" s="222">
        <v>0</v>
      </c>
      <c r="AR23" s="219">
        <v>0</v>
      </c>
      <c r="AS23" s="240">
        <v>0</v>
      </c>
      <c r="AT23" s="220">
        <v>12</v>
      </c>
      <c r="AU23" s="218">
        <v>32</v>
      </c>
      <c r="AV23" s="218">
        <v>32</v>
      </c>
      <c r="AW23" s="218">
        <v>54</v>
      </c>
      <c r="AX23" s="219">
        <v>23</v>
      </c>
      <c r="AY23" s="240">
        <v>153</v>
      </c>
      <c r="AZ23" s="241">
        <v>153</v>
      </c>
      <c r="BA23" s="217">
        <v>0</v>
      </c>
      <c r="BB23" s="219">
        <v>0</v>
      </c>
      <c r="BC23" s="219">
        <v>0</v>
      </c>
      <c r="BD23" s="220">
        <v>0</v>
      </c>
      <c r="BE23" s="218">
        <v>0</v>
      </c>
      <c r="BF23" s="218">
        <v>0</v>
      </c>
      <c r="BG23" s="218">
        <v>1</v>
      </c>
      <c r="BH23" s="219">
        <v>0</v>
      </c>
      <c r="BI23" s="240">
        <v>1</v>
      </c>
      <c r="BJ23" s="242">
        <v>1</v>
      </c>
      <c r="BK23" s="222">
        <v>0</v>
      </c>
      <c r="BL23" s="219">
        <v>0</v>
      </c>
      <c r="BM23" s="219">
        <v>0</v>
      </c>
      <c r="BN23" s="220">
        <v>0</v>
      </c>
      <c r="BO23" s="218">
        <v>0</v>
      </c>
      <c r="BP23" s="218">
        <v>0</v>
      </c>
      <c r="BQ23" s="218">
        <v>0</v>
      </c>
      <c r="BR23" s="219">
        <v>0</v>
      </c>
      <c r="BS23" s="240">
        <v>0</v>
      </c>
      <c r="BT23" s="241">
        <v>0</v>
      </c>
      <c r="BU23" s="217">
        <v>0</v>
      </c>
      <c r="BV23" s="219">
        <v>0</v>
      </c>
      <c r="BW23" s="219">
        <v>0</v>
      </c>
      <c r="BX23" s="220">
        <v>0</v>
      </c>
      <c r="BY23" s="218">
        <v>0</v>
      </c>
      <c r="BZ23" s="218">
        <v>0</v>
      </c>
      <c r="CA23" s="218">
        <v>0</v>
      </c>
      <c r="CB23" s="219">
        <v>0</v>
      </c>
      <c r="CC23" s="240">
        <v>0</v>
      </c>
      <c r="CD23" s="242">
        <v>0</v>
      </c>
      <c r="CE23" s="222">
        <v>0</v>
      </c>
      <c r="CF23" s="219">
        <v>0</v>
      </c>
      <c r="CG23" s="219">
        <v>0</v>
      </c>
      <c r="CH23" s="220">
        <v>0</v>
      </c>
      <c r="CI23" s="218">
        <v>0</v>
      </c>
      <c r="CJ23" s="218">
        <v>0</v>
      </c>
      <c r="CK23" s="218">
        <v>0</v>
      </c>
      <c r="CL23" s="219">
        <v>0</v>
      </c>
      <c r="CM23" s="240">
        <v>0</v>
      </c>
      <c r="CN23" s="242">
        <v>0</v>
      </c>
      <c r="CO23" s="222">
        <v>0</v>
      </c>
      <c r="CP23" s="219">
        <v>0</v>
      </c>
      <c r="CQ23" s="219">
        <v>0</v>
      </c>
      <c r="CR23" s="220">
        <v>0</v>
      </c>
      <c r="CS23" s="218">
        <v>0</v>
      </c>
      <c r="CT23" s="218">
        <v>0</v>
      </c>
      <c r="CU23" s="218">
        <v>2</v>
      </c>
      <c r="CV23" s="219">
        <v>4</v>
      </c>
      <c r="CW23" s="240">
        <v>6</v>
      </c>
      <c r="CX23" s="241">
        <v>6</v>
      </c>
      <c r="CY23" s="217">
        <v>0</v>
      </c>
      <c r="CZ23" s="219">
        <v>0</v>
      </c>
      <c r="DA23" s="219">
        <v>0</v>
      </c>
      <c r="DB23" s="220">
        <v>0</v>
      </c>
      <c r="DC23" s="218">
        <v>0</v>
      </c>
      <c r="DD23" s="218">
        <v>0</v>
      </c>
      <c r="DE23" s="218">
        <v>2</v>
      </c>
      <c r="DF23" s="219">
        <v>4</v>
      </c>
      <c r="DG23" s="240">
        <v>6</v>
      </c>
      <c r="DH23" s="242">
        <v>6</v>
      </c>
      <c r="DI23" s="222">
        <v>0</v>
      </c>
      <c r="DJ23" s="219">
        <v>0</v>
      </c>
      <c r="DK23" s="219">
        <v>0</v>
      </c>
      <c r="DL23" s="220">
        <v>0</v>
      </c>
      <c r="DM23" s="218">
        <v>0</v>
      </c>
      <c r="DN23" s="218">
        <v>0</v>
      </c>
      <c r="DO23" s="218">
        <v>0</v>
      </c>
      <c r="DP23" s="219">
        <v>0</v>
      </c>
      <c r="DQ23" s="240">
        <v>0</v>
      </c>
      <c r="DR23" s="242">
        <v>0</v>
      </c>
      <c r="DS23" s="222">
        <v>0</v>
      </c>
      <c r="DT23" s="219">
        <v>0</v>
      </c>
      <c r="DU23" s="219">
        <v>0</v>
      </c>
      <c r="DV23" s="220">
        <v>15</v>
      </c>
      <c r="DW23" s="218">
        <v>55</v>
      </c>
      <c r="DX23" s="218">
        <v>179</v>
      </c>
      <c r="DY23" s="218">
        <v>272</v>
      </c>
      <c r="DZ23" s="219">
        <v>131</v>
      </c>
      <c r="EA23" s="240">
        <v>652</v>
      </c>
      <c r="EB23" s="242">
        <v>652</v>
      </c>
      <c r="EC23" s="239"/>
    </row>
    <row r="24" spans="2:133" ht="21" customHeight="1" x14ac:dyDescent="0.2">
      <c r="B24" s="106" t="s">
        <v>21</v>
      </c>
      <c r="C24" s="217">
        <v>0</v>
      </c>
      <c r="D24" s="219">
        <v>0</v>
      </c>
      <c r="E24" s="219">
        <v>0</v>
      </c>
      <c r="F24" s="220">
        <v>4</v>
      </c>
      <c r="G24" s="218">
        <v>12</v>
      </c>
      <c r="H24" s="218">
        <v>172</v>
      </c>
      <c r="I24" s="218">
        <v>227</v>
      </c>
      <c r="J24" s="219">
        <v>153</v>
      </c>
      <c r="K24" s="240">
        <v>568</v>
      </c>
      <c r="L24" s="241">
        <v>568</v>
      </c>
      <c r="M24" s="217">
        <v>0</v>
      </c>
      <c r="N24" s="219">
        <v>0</v>
      </c>
      <c r="O24" s="240">
        <v>0</v>
      </c>
      <c r="P24" s="220">
        <v>3</v>
      </c>
      <c r="Q24" s="218">
        <v>12</v>
      </c>
      <c r="R24" s="218">
        <v>172</v>
      </c>
      <c r="S24" s="218">
        <v>226</v>
      </c>
      <c r="T24" s="219">
        <v>152</v>
      </c>
      <c r="U24" s="240">
        <v>565</v>
      </c>
      <c r="V24" s="242">
        <v>565</v>
      </c>
      <c r="W24" s="222">
        <v>0</v>
      </c>
      <c r="X24" s="219">
        <v>0</v>
      </c>
      <c r="Y24" s="240">
        <v>0</v>
      </c>
      <c r="Z24" s="222">
        <v>1</v>
      </c>
      <c r="AA24" s="218">
        <v>0</v>
      </c>
      <c r="AB24" s="218">
        <v>0</v>
      </c>
      <c r="AC24" s="218">
        <v>1</v>
      </c>
      <c r="AD24" s="219">
        <v>1</v>
      </c>
      <c r="AE24" s="240">
        <v>3</v>
      </c>
      <c r="AF24" s="221">
        <v>3</v>
      </c>
      <c r="AG24" s="222">
        <v>0</v>
      </c>
      <c r="AH24" s="219">
        <v>0</v>
      </c>
      <c r="AI24" s="240">
        <v>0</v>
      </c>
      <c r="AJ24" s="222">
        <v>24</v>
      </c>
      <c r="AK24" s="218">
        <v>35</v>
      </c>
      <c r="AL24" s="218">
        <v>51</v>
      </c>
      <c r="AM24" s="218">
        <v>50</v>
      </c>
      <c r="AN24" s="219">
        <v>31</v>
      </c>
      <c r="AO24" s="240">
        <v>191</v>
      </c>
      <c r="AP24" s="221">
        <v>191</v>
      </c>
      <c r="AQ24" s="222">
        <v>0</v>
      </c>
      <c r="AR24" s="219">
        <v>0</v>
      </c>
      <c r="AS24" s="240">
        <v>0</v>
      </c>
      <c r="AT24" s="220">
        <v>24</v>
      </c>
      <c r="AU24" s="218">
        <v>35</v>
      </c>
      <c r="AV24" s="218">
        <v>50</v>
      </c>
      <c r="AW24" s="218">
        <v>47</v>
      </c>
      <c r="AX24" s="219">
        <v>29</v>
      </c>
      <c r="AY24" s="240">
        <v>185</v>
      </c>
      <c r="AZ24" s="241">
        <v>185</v>
      </c>
      <c r="BA24" s="217">
        <v>0</v>
      </c>
      <c r="BB24" s="219">
        <v>0</v>
      </c>
      <c r="BC24" s="219">
        <v>0</v>
      </c>
      <c r="BD24" s="220">
        <v>0</v>
      </c>
      <c r="BE24" s="218">
        <v>0</v>
      </c>
      <c r="BF24" s="218">
        <v>1</v>
      </c>
      <c r="BG24" s="218">
        <v>3</v>
      </c>
      <c r="BH24" s="219">
        <v>2</v>
      </c>
      <c r="BI24" s="240">
        <v>6</v>
      </c>
      <c r="BJ24" s="242">
        <v>6</v>
      </c>
      <c r="BK24" s="222">
        <v>0</v>
      </c>
      <c r="BL24" s="219">
        <v>0</v>
      </c>
      <c r="BM24" s="219">
        <v>0</v>
      </c>
      <c r="BN24" s="220">
        <v>0</v>
      </c>
      <c r="BO24" s="218">
        <v>0</v>
      </c>
      <c r="BP24" s="218">
        <v>0</v>
      </c>
      <c r="BQ24" s="218">
        <v>0</v>
      </c>
      <c r="BR24" s="219">
        <v>0</v>
      </c>
      <c r="BS24" s="240">
        <v>0</v>
      </c>
      <c r="BT24" s="241">
        <v>0</v>
      </c>
      <c r="BU24" s="217">
        <v>0</v>
      </c>
      <c r="BV24" s="219">
        <v>0</v>
      </c>
      <c r="BW24" s="219">
        <v>0</v>
      </c>
      <c r="BX24" s="220">
        <v>0</v>
      </c>
      <c r="BY24" s="218">
        <v>0</v>
      </c>
      <c r="BZ24" s="218">
        <v>0</v>
      </c>
      <c r="CA24" s="218">
        <v>0</v>
      </c>
      <c r="CB24" s="219">
        <v>0</v>
      </c>
      <c r="CC24" s="240">
        <v>0</v>
      </c>
      <c r="CD24" s="242">
        <v>0</v>
      </c>
      <c r="CE24" s="222">
        <v>0</v>
      </c>
      <c r="CF24" s="219">
        <v>0</v>
      </c>
      <c r="CG24" s="219">
        <v>0</v>
      </c>
      <c r="CH24" s="220">
        <v>0</v>
      </c>
      <c r="CI24" s="218">
        <v>0</v>
      </c>
      <c r="CJ24" s="218">
        <v>0</v>
      </c>
      <c r="CK24" s="218">
        <v>0</v>
      </c>
      <c r="CL24" s="219">
        <v>0</v>
      </c>
      <c r="CM24" s="240">
        <v>0</v>
      </c>
      <c r="CN24" s="242">
        <v>0</v>
      </c>
      <c r="CO24" s="222">
        <v>0</v>
      </c>
      <c r="CP24" s="219">
        <v>0</v>
      </c>
      <c r="CQ24" s="219">
        <v>0</v>
      </c>
      <c r="CR24" s="220">
        <v>0</v>
      </c>
      <c r="CS24" s="218">
        <v>0</v>
      </c>
      <c r="CT24" s="218">
        <v>2</v>
      </c>
      <c r="CU24" s="218">
        <v>17</v>
      </c>
      <c r="CV24" s="219">
        <v>17</v>
      </c>
      <c r="CW24" s="240">
        <v>36</v>
      </c>
      <c r="CX24" s="241">
        <v>36</v>
      </c>
      <c r="CY24" s="217">
        <v>0</v>
      </c>
      <c r="CZ24" s="219">
        <v>0</v>
      </c>
      <c r="DA24" s="219">
        <v>0</v>
      </c>
      <c r="DB24" s="220">
        <v>0</v>
      </c>
      <c r="DC24" s="218">
        <v>0</v>
      </c>
      <c r="DD24" s="218">
        <v>2</v>
      </c>
      <c r="DE24" s="218">
        <v>17</v>
      </c>
      <c r="DF24" s="219">
        <v>17</v>
      </c>
      <c r="DG24" s="240">
        <v>36</v>
      </c>
      <c r="DH24" s="242">
        <v>36</v>
      </c>
      <c r="DI24" s="222">
        <v>0</v>
      </c>
      <c r="DJ24" s="219">
        <v>0</v>
      </c>
      <c r="DK24" s="219">
        <v>0</v>
      </c>
      <c r="DL24" s="220">
        <v>0</v>
      </c>
      <c r="DM24" s="218">
        <v>0</v>
      </c>
      <c r="DN24" s="218">
        <v>0</v>
      </c>
      <c r="DO24" s="218">
        <v>0</v>
      </c>
      <c r="DP24" s="219">
        <v>0</v>
      </c>
      <c r="DQ24" s="240">
        <v>0</v>
      </c>
      <c r="DR24" s="242">
        <v>0</v>
      </c>
      <c r="DS24" s="222">
        <v>0</v>
      </c>
      <c r="DT24" s="219">
        <v>0</v>
      </c>
      <c r="DU24" s="219">
        <v>0</v>
      </c>
      <c r="DV24" s="220">
        <v>28</v>
      </c>
      <c r="DW24" s="218">
        <v>47</v>
      </c>
      <c r="DX24" s="218">
        <v>225</v>
      </c>
      <c r="DY24" s="218">
        <v>294</v>
      </c>
      <c r="DZ24" s="219">
        <v>201</v>
      </c>
      <c r="EA24" s="240">
        <v>795</v>
      </c>
      <c r="EB24" s="242">
        <v>795</v>
      </c>
      <c r="EC24" s="239"/>
    </row>
    <row r="25" spans="2:133" ht="21" customHeight="1" x14ac:dyDescent="0.2">
      <c r="B25" s="106" t="s">
        <v>22</v>
      </c>
      <c r="C25" s="217">
        <v>0</v>
      </c>
      <c r="D25" s="219">
        <v>0</v>
      </c>
      <c r="E25" s="219">
        <v>0</v>
      </c>
      <c r="F25" s="220">
        <v>2</v>
      </c>
      <c r="G25" s="218">
        <v>6</v>
      </c>
      <c r="H25" s="218">
        <v>46</v>
      </c>
      <c r="I25" s="218">
        <v>70</v>
      </c>
      <c r="J25" s="219">
        <v>32</v>
      </c>
      <c r="K25" s="240">
        <v>156</v>
      </c>
      <c r="L25" s="241">
        <v>156</v>
      </c>
      <c r="M25" s="217">
        <v>0</v>
      </c>
      <c r="N25" s="219">
        <v>0</v>
      </c>
      <c r="O25" s="240">
        <v>0</v>
      </c>
      <c r="P25" s="220">
        <v>2</v>
      </c>
      <c r="Q25" s="218">
        <v>6</v>
      </c>
      <c r="R25" s="218">
        <v>46</v>
      </c>
      <c r="S25" s="218">
        <v>70</v>
      </c>
      <c r="T25" s="219">
        <v>32</v>
      </c>
      <c r="U25" s="240">
        <v>156</v>
      </c>
      <c r="V25" s="242">
        <v>156</v>
      </c>
      <c r="W25" s="222">
        <v>0</v>
      </c>
      <c r="X25" s="219">
        <v>0</v>
      </c>
      <c r="Y25" s="240">
        <v>0</v>
      </c>
      <c r="Z25" s="222">
        <v>0</v>
      </c>
      <c r="AA25" s="218">
        <v>0</v>
      </c>
      <c r="AB25" s="218">
        <v>0</v>
      </c>
      <c r="AC25" s="218">
        <v>0</v>
      </c>
      <c r="AD25" s="219">
        <v>0</v>
      </c>
      <c r="AE25" s="240">
        <v>0</v>
      </c>
      <c r="AF25" s="221">
        <v>0</v>
      </c>
      <c r="AG25" s="222">
        <v>0</v>
      </c>
      <c r="AH25" s="219">
        <v>0</v>
      </c>
      <c r="AI25" s="240">
        <v>0</v>
      </c>
      <c r="AJ25" s="222">
        <v>10</v>
      </c>
      <c r="AK25" s="218">
        <v>22</v>
      </c>
      <c r="AL25" s="218">
        <v>26</v>
      </c>
      <c r="AM25" s="218">
        <v>41</v>
      </c>
      <c r="AN25" s="219">
        <v>19</v>
      </c>
      <c r="AO25" s="240">
        <v>118</v>
      </c>
      <c r="AP25" s="221">
        <v>118</v>
      </c>
      <c r="AQ25" s="222">
        <v>0</v>
      </c>
      <c r="AR25" s="219">
        <v>0</v>
      </c>
      <c r="AS25" s="240">
        <v>0</v>
      </c>
      <c r="AT25" s="220">
        <v>10</v>
      </c>
      <c r="AU25" s="218">
        <v>22</v>
      </c>
      <c r="AV25" s="218">
        <v>26</v>
      </c>
      <c r="AW25" s="218">
        <v>40</v>
      </c>
      <c r="AX25" s="219">
        <v>19</v>
      </c>
      <c r="AY25" s="240">
        <v>117</v>
      </c>
      <c r="AZ25" s="241">
        <v>117</v>
      </c>
      <c r="BA25" s="217">
        <v>0</v>
      </c>
      <c r="BB25" s="219">
        <v>0</v>
      </c>
      <c r="BC25" s="219">
        <v>0</v>
      </c>
      <c r="BD25" s="220">
        <v>0</v>
      </c>
      <c r="BE25" s="218">
        <v>0</v>
      </c>
      <c r="BF25" s="218">
        <v>0</v>
      </c>
      <c r="BG25" s="218">
        <v>1</v>
      </c>
      <c r="BH25" s="219">
        <v>0</v>
      </c>
      <c r="BI25" s="240">
        <v>1</v>
      </c>
      <c r="BJ25" s="242">
        <v>1</v>
      </c>
      <c r="BK25" s="222">
        <v>0</v>
      </c>
      <c r="BL25" s="219">
        <v>0</v>
      </c>
      <c r="BM25" s="219">
        <v>0</v>
      </c>
      <c r="BN25" s="220">
        <v>0</v>
      </c>
      <c r="BO25" s="218">
        <v>0</v>
      </c>
      <c r="BP25" s="218">
        <v>0</v>
      </c>
      <c r="BQ25" s="218">
        <v>0</v>
      </c>
      <c r="BR25" s="219">
        <v>0</v>
      </c>
      <c r="BS25" s="240">
        <v>0</v>
      </c>
      <c r="BT25" s="241">
        <v>0</v>
      </c>
      <c r="BU25" s="217">
        <v>0</v>
      </c>
      <c r="BV25" s="219">
        <v>0</v>
      </c>
      <c r="BW25" s="219">
        <v>0</v>
      </c>
      <c r="BX25" s="220">
        <v>0</v>
      </c>
      <c r="BY25" s="218">
        <v>0</v>
      </c>
      <c r="BZ25" s="218">
        <v>0</v>
      </c>
      <c r="CA25" s="218">
        <v>0</v>
      </c>
      <c r="CB25" s="219">
        <v>0</v>
      </c>
      <c r="CC25" s="240">
        <v>0</v>
      </c>
      <c r="CD25" s="242">
        <v>0</v>
      </c>
      <c r="CE25" s="222">
        <v>0</v>
      </c>
      <c r="CF25" s="219">
        <v>0</v>
      </c>
      <c r="CG25" s="219">
        <v>0</v>
      </c>
      <c r="CH25" s="220">
        <v>0</v>
      </c>
      <c r="CI25" s="218">
        <v>0</v>
      </c>
      <c r="CJ25" s="218">
        <v>0</v>
      </c>
      <c r="CK25" s="218">
        <v>0</v>
      </c>
      <c r="CL25" s="219">
        <v>0</v>
      </c>
      <c r="CM25" s="240">
        <v>0</v>
      </c>
      <c r="CN25" s="242">
        <v>0</v>
      </c>
      <c r="CO25" s="222">
        <v>0</v>
      </c>
      <c r="CP25" s="219">
        <v>0</v>
      </c>
      <c r="CQ25" s="219">
        <v>0</v>
      </c>
      <c r="CR25" s="220">
        <v>0</v>
      </c>
      <c r="CS25" s="218">
        <v>0</v>
      </c>
      <c r="CT25" s="218">
        <v>2</v>
      </c>
      <c r="CU25" s="218">
        <v>6</v>
      </c>
      <c r="CV25" s="219">
        <v>5</v>
      </c>
      <c r="CW25" s="240">
        <v>13</v>
      </c>
      <c r="CX25" s="241">
        <v>13</v>
      </c>
      <c r="CY25" s="217">
        <v>0</v>
      </c>
      <c r="CZ25" s="219">
        <v>0</v>
      </c>
      <c r="DA25" s="219">
        <v>0</v>
      </c>
      <c r="DB25" s="220">
        <v>0</v>
      </c>
      <c r="DC25" s="218">
        <v>0</v>
      </c>
      <c r="DD25" s="218">
        <v>2</v>
      </c>
      <c r="DE25" s="218">
        <v>6</v>
      </c>
      <c r="DF25" s="219">
        <v>3</v>
      </c>
      <c r="DG25" s="240">
        <v>11</v>
      </c>
      <c r="DH25" s="242">
        <v>11</v>
      </c>
      <c r="DI25" s="222">
        <v>0</v>
      </c>
      <c r="DJ25" s="219">
        <v>0</v>
      </c>
      <c r="DK25" s="219">
        <v>0</v>
      </c>
      <c r="DL25" s="220">
        <v>0</v>
      </c>
      <c r="DM25" s="218">
        <v>0</v>
      </c>
      <c r="DN25" s="218">
        <v>0</v>
      </c>
      <c r="DO25" s="218">
        <v>0</v>
      </c>
      <c r="DP25" s="219">
        <v>2</v>
      </c>
      <c r="DQ25" s="240">
        <v>2</v>
      </c>
      <c r="DR25" s="242">
        <v>2</v>
      </c>
      <c r="DS25" s="222">
        <v>0</v>
      </c>
      <c r="DT25" s="219">
        <v>0</v>
      </c>
      <c r="DU25" s="219">
        <v>0</v>
      </c>
      <c r="DV25" s="220">
        <v>12</v>
      </c>
      <c r="DW25" s="218">
        <v>28</v>
      </c>
      <c r="DX25" s="218">
        <v>74</v>
      </c>
      <c r="DY25" s="218">
        <v>117</v>
      </c>
      <c r="DZ25" s="219">
        <v>56</v>
      </c>
      <c r="EA25" s="240">
        <v>287</v>
      </c>
      <c r="EB25" s="242">
        <v>287</v>
      </c>
      <c r="EC25" s="239"/>
    </row>
    <row r="26" spans="2:133" ht="21" customHeight="1" x14ac:dyDescent="0.2">
      <c r="B26" s="106" t="s">
        <v>23</v>
      </c>
      <c r="C26" s="217">
        <v>0</v>
      </c>
      <c r="D26" s="219">
        <v>0</v>
      </c>
      <c r="E26" s="219">
        <v>0</v>
      </c>
      <c r="F26" s="220">
        <v>4</v>
      </c>
      <c r="G26" s="218">
        <v>12</v>
      </c>
      <c r="H26" s="218">
        <v>93</v>
      </c>
      <c r="I26" s="218">
        <v>155</v>
      </c>
      <c r="J26" s="219">
        <v>96</v>
      </c>
      <c r="K26" s="240">
        <v>360</v>
      </c>
      <c r="L26" s="241">
        <v>360</v>
      </c>
      <c r="M26" s="217">
        <v>0</v>
      </c>
      <c r="N26" s="219">
        <v>0</v>
      </c>
      <c r="O26" s="240">
        <v>0</v>
      </c>
      <c r="P26" s="220">
        <v>4</v>
      </c>
      <c r="Q26" s="218">
        <v>12</v>
      </c>
      <c r="R26" s="218">
        <v>93</v>
      </c>
      <c r="S26" s="218">
        <v>155</v>
      </c>
      <c r="T26" s="219">
        <v>94</v>
      </c>
      <c r="U26" s="240">
        <v>358</v>
      </c>
      <c r="V26" s="242">
        <v>358</v>
      </c>
      <c r="W26" s="222">
        <v>0</v>
      </c>
      <c r="X26" s="219">
        <v>0</v>
      </c>
      <c r="Y26" s="240">
        <v>0</v>
      </c>
      <c r="Z26" s="222">
        <v>0</v>
      </c>
      <c r="AA26" s="218">
        <v>0</v>
      </c>
      <c r="AB26" s="218">
        <v>0</v>
      </c>
      <c r="AC26" s="218">
        <v>0</v>
      </c>
      <c r="AD26" s="219">
        <v>2</v>
      </c>
      <c r="AE26" s="240">
        <v>2</v>
      </c>
      <c r="AF26" s="221">
        <v>2</v>
      </c>
      <c r="AG26" s="222">
        <v>0</v>
      </c>
      <c r="AH26" s="219">
        <v>0</v>
      </c>
      <c r="AI26" s="240">
        <v>0</v>
      </c>
      <c r="AJ26" s="222">
        <v>20</v>
      </c>
      <c r="AK26" s="218">
        <v>30</v>
      </c>
      <c r="AL26" s="218">
        <v>36</v>
      </c>
      <c r="AM26" s="218">
        <v>63</v>
      </c>
      <c r="AN26" s="219">
        <v>31</v>
      </c>
      <c r="AO26" s="240">
        <v>180</v>
      </c>
      <c r="AP26" s="221">
        <v>180</v>
      </c>
      <c r="AQ26" s="222">
        <v>0</v>
      </c>
      <c r="AR26" s="219">
        <v>0</v>
      </c>
      <c r="AS26" s="240">
        <v>0</v>
      </c>
      <c r="AT26" s="220">
        <v>19</v>
      </c>
      <c r="AU26" s="218">
        <v>30</v>
      </c>
      <c r="AV26" s="218">
        <v>36</v>
      </c>
      <c r="AW26" s="218">
        <v>62</v>
      </c>
      <c r="AX26" s="219">
        <v>30</v>
      </c>
      <c r="AY26" s="240">
        <v>177</v>
      </c>
      <c r="AZ26" s="241">
        <v>177</v>
      </c>
      <c r="BA26" s="217">
        <v>0</v>
      </c>
      <c r="BB26" s="219">
        <v>0</v>
      </c>
      <c r="BC26" s="219">
        <v>0</v>
      </c>
      <c r="BD26" s="220">
        <v>1</v>
      </c>
      <c r="BE26" s="218">
        <v>0</v>
      </c>
      <c r="BF26" s="218">
        <v>0</v>
      </c>
      <c r="BG26" s="218">
        <v>1</v>
      </c>
      <c r="BH26" s="219">
        <v>1</v>
      </c>
      <c r="BI26" s="240">
        <v>3</v>
      </c>
      <c r="BJ26" s="242">
        <v>3</v>
      </c>
      <c r="BK26" s="222">
        <v>0</v>
      </c>
      <c r="BL26" s="219">
        <v>0</v>
      </c>
      <c r="BM26" s="219">
        <v>0</v>
      </c>
      <c r="BN26" s="220">
        <v>0</v>
      </c>
      <c r="BO26" s="218">
        <v>0</v>
      </c>
      <c r="BP26" s="218">
        <v>0</v>
      </c>
      <c r="BQ26" s="218">
        <v>0</v>
      </c>
      <c r="BR26" s="219">
        <v>0</v>
      </c>
      <c r="BS26" s="240">
        <v>0</v>
      </c>
      <c r="BT26" s="241">
        <v>0</v>
      </c>
      <c r="BU26" s="217">
        <v>0</v>
      </c>
      <c r="BV26" s="219">
        <v>0</v>
      </c>
      <c r="BW26" s="219">
        <v>0</v>
      </c>
      <c r="BX26" s="220">
        <v>0</v>
      </c>
      <c r="BY26" s="218">
        <v>0</v>
      </c>
      <c r="BZ26" s="218">
        <v>0</v>
      </c>
      <c r="CA26" s="218">
        <v>0</v>
      </c>
      <c r="CB26" s="219">
        <v>0</v>
      </c>
      <c r="CC26" s="240">
        <v>0</v>
      </c>
      <c r="CD26" s="242">
        <v>0</v>
      </c>
      <c r="CE26" s="222">
        <v>0</v>
      </c>
      <c r="CF26" s="219">
        <v>0</v>
      </c>
      <c r="CG26" s="219">
        <v>0</v>
      </c>
      <c r="CH26" s="220">
        <v>0</v>
      </c>
      <c r="CI26" s="218">
        <v>0</v>
      </c>
      <c r="CJ26" s="218">
        <v>0</v>
      </c>
      <c r="CK26" s="218">
        <v>0</v>
      </c>
      <c r="CL26" s="219">
        <v>0</v>
      </c>
      <c r="CM26" s="240">
        <v>0</v>
      </c>
      <c r="CN26" s="242">
        <v>0</v>
      </c>
      <c r="CO26" s="222">
        <v>0</v>
      </c>
      <c r="CP26" s="219">
        <v>0</v>
      </c>
      <c r="CQ26" s="219">
        <v>0</v>
      </c>
      <c r="CR26" s="220">
        <v>0</v>
      </c>
      <c r="CS26" s="218">
        <v>0</v>
      </c>
      <c r="CT26" s="218">
        <v>0</v>
      </c>
      <c r="CU26" s="218">
        <v>4</v>
      </c>
      <c r="CV26" s="219">
        <v>9</v>
      </c>
      <c r="CW26" s="240">
        <v>13</v>
      </c>
      <c r="CX26" s="241">
        <v>13</v>
      </c>
      <c r="CY26" s="217">
        <v>0</v>
      </c>
      <c r="CZ26" s="219">
        <v>0</v>
      </c>
      <c r="DA26" s="219">
        <v>0</v>
      </c>
      <c r="DB26" s="220">
        <v>0</v>
      </c>
      <c r="DC26" s="218">
        <v>0</v>
      </c>
      <c r="DD26" s="218">
        <v>0</v>
      </c>
      <c r="DE26" s="218">
        <v>4</v>
      </c>
      <c r="DF26" s="219">
        <v>9</v>
      </c>
      <c r="DG26" s="240">
        <v>13</v>
      </c>
      <c r="DH26" s="242">
        <v>13</v>
      </c>
      <c r="DI26" s="222">
        <v>0</v>
      </c>
      <c r="DJ26" s="219">
        <v>0</v>
      </c>
      <c r="DK26" s="219">
        <v>0</v>
      </c>
      <c r="DL26" s="220">
        <v>0</v>
      </c>
      <c r="DM26" s="218">
        <v>0</v>
      </c>
      <c r="DN26" s="218">
        <v>0</v>
      </c>
      <c r="DO26" s="218">
        <v>0</v>
      </c>
      <c r="DP26" s="219">
        <v>0</v>
      </c>
      <c r="DQ26" s="240">
        <v>0</v>
      </c>
      <c r="DR26" s="242">
        <v>0</v>
      </c>
      <c r="DS26" s="222">
        <v>0</v>
      </c>
      <c r="DT26" s="219">
        <v>0</v>
      </c>
      <c r="DU26" s="219">
        <v>0</v>
      </c>
      <c r="DV26" s="220">
        <v>24</v>
      </c>
      <c r="DW26" s="218">
        <v>42</v>
      </c>
      <c r="DX26" s="218">
        <v>129</v>
      </c>
      <c r="DY26" s="218">
        <v>222</v>
      </c>
      <c r="DZ26" s="219">
        <v>133</v>
      </c>
      <c r="EA26" s="240">
        <v>550</v>
      </c>
      <c r="EB26" s="242">
        <v>550</v>
      </c>
      <c r="EC26" s="239"/>
    </row>
    <row r="27" spans="2:133" ht="21" customHeight="1" x14ac:dyDescent="0.2">
      <c r="B27" s="106" t="s">
        <v>24</v>
      </c>
      <c r="C27" s="217">
        <v>0</v>
      </c>
      <c r="D27" s="219">
        <v>0</v>
      </c>
      <c r="E27" s="219">
        <v>0</v>
      </c>
      <c r="F27" s="220">
        <v>1</v>
      </c>
      <c r="G27" s="218">
        <v>1</v>
      </c>
      <c r="H27" s="218">
        <v>31</v>
      </c>
      <c r="I27" s="218">
        <v>88</v>
      </c>
      <c r="J27" s="219">
        <v>56</v>
      </c>
      <c r="K27" s="240">
        <v>177</v>
      </c>
      <c r="L27" s="241">
        <v>177</v>
      </c>
      <c r="M27" s="217">
        <v>0</v>
      </c>
      <c r="N27" s="219">
        <v>0</v>
      </c>
      <c r="O27" s="240">
        <v>0</v>
      </c>
      <c r="P27" s="220">
        <v>1</v>
      </c>
      <c r="Q27" s="218">
        <v>1</v>
      </c>
      <c r="R27" s="218">
        <v>31</v>
      </c>
      <c r="S27" s="218">
        <v>88</v>
      </c>
      <c r="T27" s="219">
        <v>56</v>
      </c>
      <c r="U27" s="240">
        <v>177</v>
      </c>
      <c r="V27" s="242">
        <v>177</v>
      </c>
      <c r="W27" s="222">
        <v>0</v>
      </c>
      <c r="X27" s="219">
        <v>0</v>
      </c>
      <c r="Y27" s="240">
        <v>0</v>
      </c>
      <c r="Z27" s="222">
        <v>0</v>
      </c>
      <c r="AA27" s="218">
        <v>0</v>
      </c>
      <c r="AB27" s="218">
        <v>0</v>
      </c>
      <c r="AC27" s="218">
        <v>0</v>
      </c>
      <c r="AD27" s="219">
        <v>0</v>
      </c>
      <c r="AE27" s="240">
        <v>0</v>
      </c>
      <c r="AF27" s="221">
        <v>0</v>
      </c>
      <c r="AG27" s="222">
        <v>0</v>
      </c>
      <c r="AH27" s="219">
        <v>0</v>
      </c>
      <c r="AI27" s="240">
        <v>0</v>
      </c>
      <c r="AJ27" s="222">
        <v>9</v>
      </c>
      <c r="AK27" s="218">
        <v>12</v>
      </c>
      <c r="AL27" s="218">
        <v>22</v>
      </c>
      <c r="AM27" s="218">
        <v>34</v>
      </c>
      <c r="AN27" s="219">
        <v>11</v>
      </c>
      <c r="AO27" s="240">
        <v>88</v>
      </c>
      <c r="AP27" s="221">
        <v>88</v>
      </c>
      <c r="AQ27" s="222">
        <v>0</v>
      </c>
      <c r="AR27" s="219">
        <v>0</v>
      </c>
      <c r="AS27" s="240">
        <v>0</v>
      </c>
      <c r="AT27" s="220">
        <v>9</v>
      </c>
      <c r="AU27" s="218">
        <v>12</v>
      </c>
      <c r="AV27" s="218">
        <v>22</v>
      </c>
      <c r="AW27" s="218">
        <v>32</v>
      </c>
      <c r="AX27" s="219">
        <v>11</v>
      </c>
      <c r="AY27" s="240">
        <v>86</v>
      </c>
      <c r="AZ27" s="241">
        <v>86</v>
      </c>
      <c r="BA27" s="217">
        <v>0</v>
      </c>
      <c r="BB27" s="219">
        <v>0</v>
      </c>
      <c r="BC27" s="219">
        <v>0</v>
      </c>
      <c r="BD27" s="220">
        <v>0</v>
      </c>
      <c r="BE27" s="218">
        <v>0</v>
      </c>
      <c r="BF27" s="218">
        <v>0</v>
      </c>
      <c r="BG27" s="218">
        <v>2</v>
      </c>
      <c r="BH27" s="219">
        <v>0</v>
      </c>
      <c r="BI27" s="240">
        <v>2</v>
      </c>
      <c r="BJ27" s="242">
        <v>2</v>
      </c>
      <c r="BK27" s="222">
        <v>0</v>
      </c>
      <c r="BL27" s="219">
        <v>0</v>
      </c>
      <c r="BM27" s="219">
        <v>0</v>
      </c>
      <c r="BN27" s="220">
        <v>0</v>
      </c>
      <c r="BO27" s="218">
        <v>0</v>
      </c>
      <c r="BP27" s="218">
        <v>0</v>
      </c>
      <c r="BQ27" s="218">
        <v>0</v>
      </c>
      <c r="BR27" s="219">
        <v>0</v>
      </c>
      <c r="BS27" s="240">
        <v>0</v>
      </c>
      <c r="BT27" s="241">
        <v>0</v>
      </c>
      <c r="BU27" s="217">
        <v>0</v>
      </c>
      <c r="BV27" s="219">
        <v>0</v>
      </c>
      <c r="BW27" s="219">
        <v>0</v>
      </c>
      <c r="BX27" s="220">
        <v>0</v>
      </c>
      <c r="BY27" s="218">
        <v>0</v>
      </c>
      <c r="BZ27" s="218">
        <v>0</v>
      </c>
      <c r="CA27" s="218">
        <v>0</v>
      </c>
      <c r="CB27" s="219">
        <v>0</v>
      </c>
      <c r="CC27" s="240">
        <v>0</v>
      </c>
      <c r="CD27" s="242">
        <v>0</v>
      </c>
      <c r="CE27" s="222">
        <v>0</v>
      </c>
      <c r="CF27" s="219">
        <v>0</v>
      </c>
      <c r="CG27" s="219">
        <v>0</v>
      </c>
      <c r="CH27" s="220">
        <v>0</v>
      </c>
      <c r="CI27" s="218">
        <v>0</v>
      </c>
      <c r="CJ27" s="218">
        <v>0</v>
      </c>
      <c r="CK27" s="218">
        <v>0</v>
      </c>
      <c r="CL27" s="219">
        <v>0</v>
      </c>
      <c r="CM27" s="240">
        <v>0</v>
      </c>
      <c r="CN27" s="242">
        <v>0</v>
      </c>
      <c r="CO27" s="222">
        <v>0</v>
      </c>
      <c r="CP27" s="219">
        <v>0</v>
      </c>
      <c r="CQ27" s="219">
        <v>0</v>
      </c>
      <c r="CR27" s="220">
        <v>0</v>
      </c>
      <c r="CS27" s="218">
        <v>0</v>
      </c>
      <c r="CT27" s="218">
        <v>0</v>
      </c>
      <c r="CU27" s="218">
        <v>1</v>
      </c>
      <c r="CV27" s="219">
        <v>1</v>
      </c>
      <c r="CW27" s="240">
        <v>2</v>
      </c>
      <c r="CX27" s="241">
        <v>2</v>
      </c>
      <c r="CY27" s="217">
        <v>0</v>
      </c>
      <c r="CZ27" s="219">
        <v>0</v>
      </c>
      <c r="DA27" s="219">
        <v>0</v>
      </c>
      <c r="DB27" s="220">
        <v>0</v>
      </c>
      <c r="DC27" s="218">
        <v>0</v>
      </c>
      <c r="DD27" s="218">
        <v>0</v>
      </c>
      <c r="DE27" s="218">
        <v>1</v>
      </c>
      <c r="DF27" s="219">
        <v>1</v>
      </c>
      <c r="DG27" s="240">
        <v>2</v>
      </c>
      <c r="DH27" s="242">
        <v>2</v>
      </c>
      <c r="DI27" s="222">
        <v>0</v>
      </c>
      <c r="DJ27" s="219">
        <v>0</v>
      </c>
      <c r="DK27" s="219">
        <v>0</v>
      </c>
      <c r="DL27" s="220">
        <v>0</v>
      </c>
      <c r="DM27" s="218">
        <v>0</v>
      </c>
      <c r="DN27" s="218">
        <v>0</v>
      </c>
      <c r="DO27" s="218">
        <v>0</v>
      </c>
      <c r="DP27" s="219">
        <v>0</v>
      </c>
      <c r="DQ27" s="240">
        <v>0</v>
      </c>
      <c r="DR27" s="242">
        <v>0</v>
      </c>
      <c r="DS27" s="222">
        <v>0</v>
      </c>
      <c r="DT27" s="219">
        <v>0</v>
      </c>
      <c r="DU27" s="219">
        <v>0</v>
      </c>
      <c r="DV27" s="220">
        <v>10</v>
      </c>
      <c r="DW27" s="218">
        <v>13</v>
      </c>
      <c r="DX27" s="218">
        <v>53</v>
      </c>
      <c r="DY27" s="218">
        <v>122</v>
      </c>
      <c r="DZ27" s="219">
        <v>67</v>
      </c>
      <c r="EA27" s="240">
        <v>265</v>
      </c>
      <c r="EB27" s="242">
        <v>265</v>
      </c>
      <c r="EC27" s="239"/>
    </row>
    <row r="28" spans="2:133" ht="21" customHeight="1" x14ac:dyDescent="0.2">
      <c r="B28" s="106" t="s">
        <v>25</v>
      </c>
      <c r="C28" s="217">
        <v>0</v>
      </c>
      <c r="D28" s="219">
        <v>0</v>
      </c>
      <c r="E28" s="219">
        <v>0</v>
      </c>
      <c r="F28" s="220">
        <v>1</v>
      </c>
      <c r="G28" s="218">
        <v>6</v>
      </c>
      <c r="H28" s="218">
        <v>59</v>
      </c>
      <c r="I28" s="218">
        <v>78</v>
      </c>
      <c r="J28" s="219">
        <v>49</v>
      </c>
      <c r="K28" s="240">
        <v>193</v>
      </c>
      <c r="L28" s="241">
        <v>193</v>
      </c>
      <c r="M28" s="217">
        <v>0</v>
      </c>
      <c r="N28" s="219">
        <v>0</v>
      </c>
      <c r="O28" s="240">
        <v>0</v>
      </c>
      <c r="P28" s="220">
        <v>1</v>
      </c>
      <c r="Q28" s="218">
        <v>6</v>
      </c>
      <c r="R28" s="218">
        <v>59</v>
      </c>
      <c r="S28" s="218">
        <v>77</v>
      </c>
      <c r="T28" s="219">
        <v>45</v>
      </c>
      <c r="U28" s="240">
        <v>188</v>
      </c>
      <c r="V28" s="242">
        <v>188</v>
      </c>
      <c r="W28" s="222">
        <v>0</v>
      </c>
      <c r="X28" s="219">
        <v>0</v>
      </c>
      <c r="Y28" s="240">
        <v>0</v>
      </c>
      <c r="Z28" s="222">
        <v>0</v>
      </c>
      <c r="AA28" s="218">
        <v>0</v>
      </c>
      <c r="AB28" s="218">
        <v>0</v>
      </c>
      <c r="AC28" s="218">
        <v>1</v>
      </c>
      <c r="AD28" s="219">
        <v>4</v>
      </c>
      <c r="AE28" s="240">
        <v>5</v>
      </c>
      <c r="AF28" s="221">
        <v>5</v>
      </c>
      <c r="AG28" s="222">
        <v>0</v>
      </c>
      <c r="AH28" s="219">
        <v>0</v>
      </c>
      <c r="AI28" s="240">
        <v>0</v>
      </c>
      <c r="AJ28" s="222">
        <v>11</v>
      </c>
      <c r="AK28" s="218">
        <v>32</v>
      </c>
      <c r="AL28" s="218">
        <v>24</v>
      </c>
      <c r="AM28" s="218">
        <v>49</v>
      </c>
      <c r="AN28" s="219">
        <v>15</v>
      </c>
      <c r="AO28" s="240">
        <v>131</v>
      </c>
      <c r="AP28" s="221">
        <v>131</v>
      </c>
      <c r="AQ28" s="222">
        <v>0</v>
      </c>
      <c r="AR28" s="219">
        <v>0</v>
      </c>
      <c r="AS28" s="240">
        <v>0</v>
      </c>
      <c r="AT28" s="220">
        <v>10</v>
      </c>
      <c r="AU28" s="218">
        <v>32</v>
      </c>
      <c r="AV28" s="218">
        <v>24</v>
      </c>
      <c r="AW28" s="218">
        <v>49</v>
      </c>
      <c r="AX28" s="219">
        <v>15</v>
      </c>
      <c r="AY28" s="240">
        <v>130</v>
      </c>
      <c r="AZ28" s="241">
        <v>130</v>
      </c>
      <c r="BA28" s="217">
        <v>0</v>
      </c>
      <c r="BB28" s="219">
        <v>0</v>
      </c>
      <c r="BC28" s="219">
        <v>0</v>
      </c>
      <c r="BD28" s="220">
        <v>1</v>
      </c>
      <c r="BE28" s="218">
        <v>0</v>
      </c>
      <c r="BF28" s="218">
        <v>0</v>
      </c>
      <c r="BG28" s="218">
        <v>0</v>
      </c>
      <c r="BH28" s="219">
        <v>0</v>
      </c>
      <c r="BI28" s="240">
        <v>1</v>
      </c>
      <c r="BJ28" s="242">
        <v>1</v>
      </c>
      <c r="BK28" s="222">
        <v>0</v>
      </c>
      <c r="BL28" s="219">
        <v>0</v>
      </c>
      <c r="BM28" s="219">
        <v>0</v>
      </c>
      <c r="BN28" s="220">
        <v>0</v>
      </c>
      <c r="BO28" s="218">
        <v>0</v>
      </c>
      <c r="BP28" s="218">
        <v>0</v>
      </c>
      <c r="BQ28" s="218">
        <v>0</v>
      </c>
      <c r="BR28" s="219">
        <v>0</v>
      </c>
      <c r="BS28" s="240">
        <v>0</v>
      </c>
      <c r="BT28" s="241">
        <v>0</v>
      </c>
      <c r="BU28" s="217">
        <v>0</v>
      </c>
      <c r="BV28" s="219">
        <v>0</v>
      </c>
      <c r="BW28" s="219">
        <v>0</v>
      </c>
      <c r="BX28" s="220">
        <v>0</v>
      </c>
      <c r="BY28" s="218">
        <v>0</v>
      </c>
      <c r="BZ28" s="218">
        <v>0</v>
      </c>
      <c r="CA28" s="218">
        <v>0</v>
      </c>
      <c r="CB28" s="219">
        <v>0</v>
      </c>
      <c r="CC28" s="240">
        <v>0</v>
      </c>
      <c r="CD28" s="242">
        <v>0</v>
      </c>
      <c r="CE28" s="222">
        <v>0</v>
      </c>
      <c r="CF28" s="219">
        <v>0</v>
      </c>
      <c r="CG28" s="219">
        <v>0</v>
      </c>
      <c r="CH28" s="220">
        <v>0</v>
      </c>
      <c r="CI28" s="218">
        <v>0</v>
      </c>
      <c r="CJ28" s="218">
        <v>0</v>
      </c>
      <c r="CK28" s="218">
        <v>0</v>
      </c>
      <c r="CL28" s="219">
        <v>0</v>
      </c>
      <c r="CM28" s="240">
        <v>0</v>
      </c>
      <c r="CN28" s="242">
        <v>0</v>
      </c>
      <c r="CO28" s="222">
        <v>0</v>
      </c>
      <c r="CP28" s="219">
        <v>0</v>
      </c>
      <c r="CQ28" s="219">
        <v>0</v>
      </c>
      <c r="CR28" s="220">
        <v>0</v>
      </c>
      <c r="CS28" s="218">
        <v>0</v>
      </c>
      <c r="CT28" s="218">
        <v>0</v>
      </c>
      <c r="CU28" s="218">
        <v>0</v>
      </c>
      <c r="CV28" s="219">
        <v>2</v>
      </c>
      <c r="CW28" s="240">
        <v>2</v>
      </c>
      <c r="CX28" s="241">
        <v>2</v>
      </c>
      <c r="CY28" s="217">
        <v>0</v>
      </c>
      <c r="CZ28" s="219">
        <v>0</v>
      </c>
      <c r="DA28" s="219">
        <v>0</v>
      </c>
      <c r="DB28" s="220">
        <v>0</v>
      </c>
      <c r="DC28" s="218">
        <v>0</v>
      </c>
      <c r="DD28" s="218">
        <v>0</v>
      </c>
      <c r="DE28" s="218">
        <v>0</v>
      </c>
      <c r="DF28" s="219">
        <v>2</v>
      </c>
      <c r="DG28" s="240">
        <v>2</v>
      </c>
      <c r="DH28" s="242">
        <v>2</v>
      </c>
      <c r="DI28" s="222">
        <v>0</v>
      </c>
      <c r="DJ28" s="219">
        <v>0</v>
      </c>
      <c r="DK28" s="219">
        <v>0</v>
      </c>
      <c r="DL28" s="220">
        <v>0</v>
      </c>
      <c r="DM28" s="218">
        <v>0</v>
      </c>
      <c r="DN28" s="218">
        <v>0</v>
      </c>
      <c r="DO28" s="218">
        <v>0</v>
      </c>
      <c r="DP28" s="219">
        <v>0</v>
      </c>
      <c r="DQ28" s="240">
        <v>0</v>
      </c>
      <c r="DR28" s="242">
        <v>0</v>
      </c>
      <c r="DS28" s="222">
        <v>0</v>
      </c>
      <c r="DT28" s="219">
        <v>0</v>
      </c>
      <c r="DU28" s="219">
        <v>0</v>
      </c>
      <c r="DV28" s="220">
        <v>12</v>
      </c>
      <c r="DW28" s="218">
        <v>37</v>
      </c>
      <c r="DX28" s="218">
        <v>83</v>
      </c>
      <c r="DY28" s="218">
        <v>127</v>
      </c>
      <c r="DZ28" s="219">
        <v>66</v>
      </c>
      <c r="EA28" s="240">
        <v>325</v>
      </c>
      <c r="EB28" s="242">
        <v>325</v>
      </c>
      <c r="EC28" s="239"/>
    </row>
    <row r="29" spans="2:133" ht="21" customHeight="1" x14ac:dyDescent="0.2">
      <c r="B29" s="106" t="s">
        <v>26</v>
      </c>
      <c r="C29" s="217">
        <v>0</v>
      </c>
      <c r="D29" s="219">
        <v>0</v>
      </c>
      <c r="E29" s="219">
        <v>0</v>
      </c>
      <c r="F29" s="220">
        <v>2</v>
      </c>
      <c r="G29" s="218">
        <v>4</v>
      </c>
      <c r="H29" s="218">
        <v>37</v>
      </c>
      <c r="I29" s="218">
        <v>67</v>
      </c>
      <c r="J29" s="219">
        <v>49</v>
      </c>
      <c r="K29" s="240">
        <v>159</v>
      </c>
      <c r="L29" s="241">
        <v>159</v>
      </c>
      <c r="M29" s="217">
        <v>0</v>
      </c>
      <c r="N29" s="219">
        <v>0</v>
      </c>
      <c r="O29" s="240">
        <v>0</v>
      </c>
      <c r="P29" s="220">
        <v>2</v>
      </c>
      <c r="Q29" s="218">
        <v>4</v>
      </c>
      <c r="R29" s="218">
        <v>37</v>
      </c>
      <c r="S29" s="218">
        <v>65</v>
      </c>
      <c r="T29" s="219">
        <v>49</v>
      </c>
      <c r="U29" s="240">
        <v>157</v>
      </c>
      <c r="V29" s="242">
        <v>157</v>
      </c>
      <c r="W29" s="222">
        <v>0</v>
      </c>
      <c r="X29" s="219">
        <v>0</v>
      </c>
      <c r="Y29" s="240">
        <v>0</v>
      </c>
      <c r="Z29" s="222">
        <v>0</v>
      </c>
      <c r="AA29" s="218">
        <v>0</v>
      </c>
      <c r="AB29" s="218">
        <v>0</v>
      </c>
      <c r="AC29" s="218">
        <v>2</v>
      </c>
      <c r="AD29" s="219">
        <v>0</v>
      </c>
      <c r="AE29" s="240">
        <v>2</v>
      </c>
      <c r="AF29" s="221">
        <v>2</v>
      </c>
      <c r="AG29" s="222">
        <v>0</v>
      </c>
      <c r="AH29" s="219">
        <v>0</v>
      </c>
      <c r="AI29" s="240">
        <v>0</v>
      </c>
      <c r="AJ29" s="222">
        <v>4</v>
      </c>
      <c r="AK29" s="218">
        <v>12</v>
      </c>
      <c r="AL29" s="218">
        <v>27</v>
      </c>
      <c r="AM29" s="218">
        <v>19</v>
      </c>
      <c r="AN29" s="219">
        <v>11</v>
      </c>
      <c r="AO29" s="240">
        <v>73</v>
      </c>
      <c r="AP29" s="221">
        <v>73</v>
      </c>
      <c r="AQ29" s="222">
        <v>0</v>
      </c>
      <c r="AR29" s="219">
        <v>0</v>
      </c>
      <c r="AS29" s="240">
        <v>0</v>
      </c>
      <c r="AT29" s="220">
        <v>4</v>
      </c>
      <c r="AU29" s="218">
        <v>10</v>
      </c>
      <c r="AV29" s="218">
        <v>26</v>
      </c>
      <c r="AW29" s="218">
        <v>19</v>
      </c>
      <c r="AX29" s="219">
        <v>11</v>
      </c>
      <c r="AY29" s="240">
        <v>70</v>
      </c>
      <c r="AZ29" s="241">
        <v>70</v>
      </c>
      <c r="BA29" s="217">
        <v>0</v>
      </c>
      <c r="BB29" s="219">
        <v>0</v>
      </c>
      <c r="BC29" s="219">
        <v>0</v>
      </c>
      <c r="BD29" s="220">
        <v>0</v>
      </c>
      <c r="BE29" s="218">
        <v>2</v>
      </c>
      <c r="BF29" s="218">
        <v>1</v>
      </c>
      <c r="BG29" s="218">
        <v>0</v>
      </c>
      <c r="BH29" s="219">
        <v>0</v>
      </c>
      <c r="BI29" s="240">
        <v>3</v>
      </c>
      <c r="BJ29" s="242">
        <v>3</v>
      </c>
      <c r="BK29" s="222">
        <v>0</v>
      </c>
      <c r="BL29" s="219">
        <v>0</v>
      </c>
      <c r="BM29" s="219">
        <v>0</v>
      </c>
      <c r="BN29" s="220">
        <v>0</v>
      </c>
      <c r="BO29" s="218">
        <v>0</v>
      </c>
      <c r="BP29" s="218">
        <v>0</v>
      </c>
      <c r="BQ29" s="218">
        <v>0</v>
      </c>
      <c r="BR29" s="219">
        <v>0</v>
      </c>
      <c r="BS29" s="240">
        <v>0</v>
      </c>
      <c r="BT29" s="241">
        <v>0</v>
      </c>
      <c r="BU29" s="217">
        <v>0</v>
      </c>
      <c r="BV29" s="219">
        <v>0</v>
      </c>
      <c r="BW29" s="219">
        <v>0</v>
      </c>
      <c r="BX29" s="220">
        <v>0</v>
      </c>
      <c r="BY29" s="218">
        <v>0</v>
      </c>
      <c r="BZ29" s="218">
        <v>0</v>
      </c>
      <c r="CA29" s="218">
        <v>0</v>
      </c>
      <c r="CB29" s="219">
        <v>0</v>
      </c>
      <c r="CC29" s="240">
        <v>0</v>
      </c>
      <c r="CD29" s="242">
        <v>0</v>
      </c>
      <c r="CE29" s="222">
        <v>0</v>
      </c>
      <c r="CF29" s="219">
        <v>0</v>
      </c>
      <c r="CG29" s="219">
        <v>0</v>
      </c>
      <c r="CH29" s="220">
        <v>0</v>
      </c>
      <c r="CI29" s="218">
        <v>0</v>
      </c>
      <c r="CJ29" s="218">
        <v>0</v>
      </c>
      <c r="CK29" s="218">
        <v>0</v>
      </c>
      <c r="CL29" s="219">
        <v>0</v>
      </c>
      <c r="CM29" s="240">
        <v>0</v>
      </c>
      <c r="CN29" s="242">
        <v>0</v>
      </c>
      <c r="CO29" s="222">
        <v>0</v>
      </c>
      <c r="CP29" s="219">
        <v>0</v>
      </c>
      <c r="CQ29" s="219">
        <v>0</v>
      </c>
      <c r="CR29" s="220">
        <v>0</v>
      </c>
      <c r="CS29" s="218">
        <v>1</v>
      </c>
      <c r="CT29" s="218">
        <v>0</v>
      </c>
      <c r="CU29" s="218">
        <v>0</v>
      </c>
      <c r="CV29" s="219">
        <v>3</v>
      </c>
      <c r="CW29" s="240">
        <v>4</v>
      </c>
      <c r="CX29" s="241">
        <v>4</v>
      </c>
      <c r="CY29" s="217">
        <v>0</v>
      </c>
      <c r="CZ29" s="219">
        <v>0</v>
      </c>
      <c r="DA29" s="219">
        <v>0</v>
      </c>
      <c r="DB29" s="220">
        <v>0</v>
      </c>
      <c r="DC29" s="218">
        <v>1</v>
      </c>
      <c r="DD29" s="218">
        <v>0</v>
      </c>
      <c r="DE29" s="218">
        <v>0</v>
      </c>
      <c r="DF29" s="219">
        <v>3</v>
      </c>
      <c r="DG29" s="240">
        <v>4</v>
      </c>
      <c r="DH29" s="242">
        <v>4</v>
      </c>
      <c r="DI29" s="222">
        <v>0</v>
      </c>
      <c r="DJ29" s="219">
        <v>0</v>
      </c>
      <c r="DK29" s="219">
        <v>0</v>
      </c>
      <c r="DL29" s="220">
        <v>0</v>
      </c>
      <c r="DM29" s="218">
        <v>0</v>
      </c>
      <c r="DN29" s="218">
        <v>0</v>
      </c>
      <c r="DO29" s="218">
        <v>0</v>
      </c>
      <c r="DP29" s="219">
        <v>0</v>
      </c>
      <c r="DQ29" s="240">
        <v>0</v>
      </c>
      <c r="DR29" s="242">
        <v>0</v>
      </c>
      <c r="DS29" s="222">
        <v>0</v>
      </c>
      <c r="DT29" s="219">
        <v>0</v>
      </c>
      <c r="DU29" s="219">
        <v>0</v>
      </c>
      <c r="DV29" s="220">
        <v>6</v>
      </c>
      <c r="DW29" s="218">
        <v>17</v>
      </c>
      <c r="DX29" s="218">
        <v>63</v>
      </c>
      <c r="DY29" s="218">
        <v>85</v>
      </c>
      <c r="DZ29" s="219">
        <v>63</v>
      </c>
      <c r="EA29" s="240">
        <v>234</v>
      </c>
      <c r="EB29" s="242">
        <v>234</v>
      </c>
      <c r="EC29" s="239"/>
    </row>
    <row r="30" spans="2:133" ht="21" customHeight="1" x14ac:dyDescent="0.2">
      <c r="B30" s="106" t="s">
        <v>27</v>
      </c>
      <c r="C30" s="217">
        <v>0</v>
      </c>
      <c r="D30" s="219">
        <v>0</v>
      </c>
      <c r="E30" s="219">
        <v>0</v>
      </c>
      <c r="F30" s="220">
        <v>2</v>
      </c>
      <c r="G30" s="218">
        <v>2</v>
      </c>
      <c r="H30" s="218">
        <v>28</v>
      </c>
      <c r="I30" s="218">
        <v>56</v>
      </c>
      <c r="J30" s="219">
        <v>35</v>
      </c>
      <c r="K30" s="240">
        <v>123</v>
      </c>
      <c r="L30" s="241">
        <v>123</v>
      </c>
      <c r="M30" s="217">
        <v>0</v>
      </c>
      <c r="N30" s="219">
        <v>0</v>
      </c>
      <c r="O30" s="240">
        <v>0</v>
      </c>
      <c r="P30" s="220">
        <v>2</v>
      </c>
      <c r="Q30" s="218">
        <v>2</v>
      </c>
      <c r="R30" s="218">
        <v>27</v>
      </c>
      <c r="S30" s="218">
        <v>55</v>
      </c>
      <c r="T30" s="219">
        <v>35</v>
      </c>
      <c r="U30" s="240">
        <v>121</v>
      </c>
      <c r="V30" s="242">
        <v>121</v>
      </c>
      <c r="W30" s="222">
        <v>0</v>
      </c>
      <c r="X30" s="219">
        <v>0</v>
      </c>
      <c r="Y30" s="240">
        <v>0</v>
      </c>
      <c r="Z30" s="222">
        <v>0</v>
      </c>
      <c r="AA30" s="218">
        <v>0</v>
      </c>
      <c r="AB30" s="218">
        <v>1</v>
      </c>
      <c r="AC30" s="218">
        <v>1</v>
      </c>
      <c r="AD30" s="219">
        <v>0</v>
      </c>
      <c r="AE30" s="240">
        <v>2</v>
      </c>
      <c r="AF30" s="221">
        <v>2</v>
      </c>
      <c r="AG30" s="222">
        <v>0</v>
      </c>
      <c r="AH30" s="219">
        <v>0</v>
      </c>
      <c r="AI30" s="240">
        <v>0</v>
      </c>
      <c r="AJ30" s="222">
        <v>5</v>
      </c>
      <c r="AK30" s="218">
        <v>14</v>
      </c>
      <c r="AL30" s="218">
        <v>19</v>
      </c>
      <c r="AM30" s="218">
        <v>27</v>
      </c>
      <c r="AN30" s="219">
        <v>10</v>
      </c>
      <c r="AO30" s="240">
        <v>75</v>
      </c>
      <c r="AP30" s="221">
        <v>75</v>
      </c>
      <c r="AQ30" s="222">
        <v>0</v>
      </c>
      <c r="AR30" s="219">
        <v>0</v>
      </c>
      <c r="AS30" s="240">
        <v>0</v>
      </c>
      <c r="AT30" s="220">
        <v>4</v>
      </c>
      <c r="AU30" s="218">
        <v>13</v>
      </c>
      <c r="AV30" s="218">
        <v>19</v>
      </c>
      <c r="AW30" s="218">
        <v>27</v>
      </c>
      <c r="AX30" s="219">
        <v>9</v>
      </c>
      <c r="AY30" s="240">
        <v>72</v>
      </c>
      <c r="AZ30" s="241">
        <v>72</v>
      </c>
      <c r="BA30" s="217">
        <v>0</v>
      </c>
      <c r="BB30" s="219">
        <v>0</v>
      </c>
      <c r="BC30" s="219">
        <v>0</v>
      </c>
      <c r="BD30" s="220">
        <v>1</v>
      </c>
      <c r="BE30" s="218">
        <v>1</v>
      </c>
      <c r="BF30" s="218">
        <v>0</v>
      </c>
      <c r="BG30" s="218">
        <v>0</v>
      </c>
      <c r="BH30" s="219">
        <v>1</v>
      </c>
      <c r="BI30" s="240">
        <v>3</v>
      </c>
      <c r="BJ30" s="242">
        <v>3</v>
      </c>
      <c r="BK30" s="222">
        <v>0</v>
      </c>
      <c r="BL30" s="219">
        <v>0</v>
      </c>
      <c r="BM30" s="219">
        <v>0</v>
      </c>
      <c r="BN30" s="220">
        <v>0</v>
      </c>
      <c r="BO30" s="218">
        <v>0</v>
      </c>
      <c r="BP30" s="218">
        <v>0</v>
      </c>
      <c r="BQ30" s="218">
        <v>0</v>
      </c>
      <c r="BR30" s="219">
        <v>0</v>
      </c>
      <c r="BS30" s="240">
        <v>0</v>
      </c>
      <c r="BT30" s="241">
        <v>0</v>
      </c>
      <c r="BU30" s="217">
        <v>0</v>
      </c>
      <c r="BV30" s="219">
        <v>0</v>
      </c>
      <c r="BW30" s="219">
        <v>0</v>
      </c>
      <c r="BX30" s="220">
        <v>0</v>
      </c>
      <c r="BY30" s="218">
        <v>0</v>
      </c>
      <c r="BZ30" s="218">
        <v>0</v>
      </c>
      <c r="CA30" s="218">
        <v>0</v>
      </c>
      <c r="CB30" s="219">
        <v>0</v>
      </c>
      <c r="CC30" s="240">
        <v>0</v>
      </c>
      <c r="CD30" s="242">
        <v>0</v>
      </c>
      <c r="CE30" s="222">
        <v>0</v>
      </c>
      <c r="CF30" s="219">
        <v>0</v>
      </c>
      <c r="CG30" s="219">
        <v>0</v>
      </c>
      <c r="CH30" s="220">
        <v>0</v>
      </c>
      <c r="CI30" s="218">
        <v>0</v>
      </c>
      <c r="CJ30" s="218">
        <v>0</v>
      </c>
      <c r="CK30" s="218">
        <v>0</v>
      </c>
      <c r="CL30" s="219">
        <v>0</v>
      </c>
      <c r="CM30" s="240">
        <v>0</v>
      </c>
      <c r="CN30" s="242">
        <v>0</v>
      </c>
      <c r="CO30" s="222">
        <v>0</v>
      </c>
      <c r="CP30" s="219">
        <v>0</v>
      </c>
      <c r="CQ30" s="219">
        <v>0</v>
      </c>
      <c r="CR30" s="220">
        <v>0</v>
      </c>
      <c r="CS30" s="218">
        <v>0</v>
      </c>
      <c r="CT30" s="218">
        <v>0</v>
      </c>
      <c r="CU30" s="218">
        <v>1</v>
      </c>
      <c r="CV30" s="219">
        <v>3</v>
      </c>
      <c r="CW30" s="240">
        <v>4</v>
      </c>
      <c r="CX30" s="241">
        <v>4</v>
      </c>
      <c r="CY30" s="217">
        <v>0</v>
      </c>
      <c r="CZ30" s="219">
        <v>0</v>
      </c>
      <c r="DA30" s="219">
        <v>0</v>
      </c>
      <c r="DB30" s="220">
        <v>0</v>
      </c>
      <c r="DC30" s="218">
        <v>0</v>
      </c>
      <c r="DD30" s="218">
        <v>0</v>
      </c>
      <c r="DE30" s="218">
        <v>0</v>
      </c>
      <c r="DF30" s="219">
        <v>3</v>
      </c>
      <c r="DG30" s="240">
        <v>3</v>
      </c>
      <c r="DH30" s="242">
        <v>3</v>
      </c>
      <c r="DI30" s="222">
        <v>0</v>
      </c>
      <c r="DJ30" s="219">
        <v>0</v>
      </c>
      <c r="DK30" s="219">
        <v>0</v>
      </c>
      <c r="DL30" s="220">
        <v>0</v>
      </c>
      <c r="DM30" s="218">
        <v>0</v>
      </c>
      <c r="DN30" s="218">
        <v>0</v>
      </c>
      <c r="DO30" s="218">
        <v>1</v>
      </c>
      <c r="DP30" s="219">
        <v>0</v>
      </c>
      <c r="DQ30" s="240">
        <v>1</v>
      </c>
      <c r="DR30" s="242">
        <v>1</v>
      </c>
      <c r="DS30" s="222">
        <v>0</v>
      </c>
      <c r="DT30" s="219">
        <v>0</v>
      </c>
      <c r="DU30" s="219">
        <v>0</v>
      </c>
      <c r="DV30" s="220">
        <v>7</v>
      </c>
      <c r="DW30" s="218">
        <v>16</v>
      </c>
      <c r="DX30" s="218">
        <v>47</v>
      </c>
      <c r="DY30" s="218">
        <v>81</v>
      </c>
      <c r="DZ30" s="219">
        <v>48</v>
      </c>
      <c r="EA30" s="240">
        <v>199</v>
      </c>
      <c r="EB30" s="242">
        <v>199</v>
      </c>
      <c r="EC30" s="239"/>
    </row>
    <row r="31" spans="2:133" ht="21" customHeight="1" x14ac:dyDescent="0.2">
      <c r="B31" s="106" t="s">
        <v>28</v>
      </c>
      <c r="C31" s="217">
        <v>0</v>
      </c>
      <c r="D31" s="219">
        <v>0</v>
      </c>
      <c r="E31" s="219">
        <v>0</v>
      </c>
      <c r="F31" s="220">
        <v>0</v>
      </c>
      <c r="G31" s="218">
        <v>0</v>
      </c>
      <c r="H31" s="218">
        <v>11</v>
      </c>
      <c r="I31" s="218">
        <v>22</v>
      </c>
      <c r="J31" s="219">
        <v>17</v>
      </c>
      <c r="K31" s="240">
        <v>50</v>
      </c>
      <c r="L31" s="241">
        <v>50</v>
      </c>
      <c r="M31" s="217">
        <v>0</v>
      </c>
      <c r="N31" s="219">
        <v>0</v>
      </c>
      <c r="O31" s="240">
        <v>0</v>
      </c>
      <c r="P31" s="220">
        <v>0</v>
      </c>
      <c r="Q31" s="218">
        <v>0</v>
      </c>
      <c r="R31" s="218">
        <v>11</v>
      </c>
      <c r="S31" s="218">
        <v>22</v>
      </c>
      <c r="T31" s="219">
        <v>16</v>
      </c>
      <c r="U31" s="240">
        <v>49</v>
      </c>
      <c r="V31" s="242">
        <v>49</v>
      </c>
      <c r="W31" s="222">
        <v>0</v>
      </c>
      <c r="X31" s="219">
        <v>0</v>
      </c>
      <c r="Y31" s="240">
        <v>0</v>
      </c>
      <c r="Z31" s="222">
        <v>0</v>
      </c>
      <c r="AA31" s="218">
        <v>0</v>
      </c>
      <c r="AB31" s="218">
        <v>0</v>
      </c>
      <c r="AC31" s="218">
        <v>0</v>
      </c>
      <c r="AD31" s="219">
        <v>1</v>
      </c>
      <c r="AE31" s="240">
        <v>1</v>
      </c>
      <c r="AF31" s="221">
        <v>1</v>
      </c>
      <c r="AG31" s="222">
        <v>0</v>
      </c>
      <c r="AH31" s="219">
        <v>0</v>
      </c>
      <c r="AI31" s="240">
        <v>0</v>
      </c>
      <c r="AJ31" s="222">
        <v>3</v>
      </c>
      <c r="AK31" s="218">
        <v>7</v>
      </c>
      <c r="AL31" s="218">
        <v>8</v>
      </c>
      <c r="AM31" s="218">
        <v>8</v>
      </c>
      <c r="AN31" s="219">
        <v>3</v>
      </c>
      <c r="AO31" s="240">
        <v>29</v>
      </c>
      <c r="AP31" s="221">
        <v>29</v>
      </c>
      <c r="AQ31" s="222">
        <v>0</v>
      </c>
      <c r="AR31" s="219">
        <v>0</v>
      </c>
      <c r="AS31" s="240">
        <v>0</v>
      </c>
      <c r="AT31" s="220">
        <v>3</v>
      </c>
      <c r="AU31" s="218">
        <v>7</v>
      </c>
      <c r="AV31" s="218">
        <v>8</v>
      </c>
      <c r="AW31" s="218">
        <v>8</v>
      </c>
      <c r="AX31" s="219">
        <v>3</v>
      </c>
      <c r="AY31" s="240">
        <v>29</v>
      </c>
      <c r="AZ31" s="241">
        <v>29</v>
      </c>
      <c r="BA31" s="217">
        <v>0</v>
      </c>
      <c r="BB31" s="219">
        <v>0</v>
      </c>
      <c r="BC31" s="219">
        <v>0</v>
      </c>
      <c r="BD31" s="220">
        <v>0</v>
      </c>
      <c r="BE31" s="218">
        <v>0</v>
      </c>
      <c r="BF31" s="218">
        <v>0</v>
      </c>
      <c r="BG31" s="218">
        <v>0</v>
      </c>
      <c r="BH31" s="219">
        <v>0</v>
      </c>
      <c r="BI31" s="240">
        <v>0</v>
      </c>
      <c r="BJ31" s="242">
        <v>0</v>
      </c>
      <c r="BK31" s="222">
        <v>0</v>
      </c>
      <c r="BL31" s="219">
        <v>0</v>
      </c>
      <c r="BM31" s="219">
        <v>0</v>
      </c>
      <c r="BN31" s="220">
        <v>0</v>
      </c>
      <c r="BO31" s="218">
        <v>0</v>
      </c>
      <c r="BP31" s="218">
        <v>0</v>
      </c>
      <c r="BQ31" s="218">
        <v>0</v>
      </c>
      <c r="BR31" s="219">
        <v>0</v>
      </c>
      <c r="BS31" s="240">
        <v>0</v>
      </c>
      <c r="BT31" s="241">
        <v>0</v>
      </c>
      <c r="BU31" s="217">
        <v>0</v>
      </c>
      <c r="BV31" s="219">
        <v>0</v>
      </c>
      <c r="BW31" s="219">
        <v>0</v>
      </c>
      <c r="BX31" s="220">
        <v>0</v>
      </c>
      <c r="BY31" s="218">
        <v>0</v>
      </c>
      <c r="BZ31" s="218">
        <v>0</v>
      </c>
      <c r="CA31" s="218">
        <v>0</v>
      </c>
      <c r="CB31" s="219">
        <v>0</v>
      </c>
      <c r="CC31" s="240">
        <v>0</v>
      </c>
      <c r="CD31" s="242">
        <v>0</v>
      </c>
      <c r="CE31" s="222">
        <v>0</v>
      </c>
      <c r="CF31" s="219">
        <v>0</v>
      </c>
      <c r="CG31" s="219">
        <v>0</v>
      </c>
      <c r="CH31" s="220">
        <v>0</v>
      </c>
      <c r="CI31" s="218">
        <v>0</v>
      </c>
      <c r="CJ31" s="218">
        <v>0</v>
      </c>
      <c r="CK31" s="218">
        <v>0</v>
      </c>
      <c r="CL31" s="219">
        <v>0</v>
      </c>
      <c r="CM31" s="240">
        <v>0</v>
      </c>
      <c r="CN31" s="242">
        <v>0</v>
      </c>
      <c r="CO31" s="222">
        <v>0</v>
      </c>
      <c r="CP31" s="219">
        <v>0</v>
      </c>
      <c r="CQ31" s="219">
        <v>0</v>
      </c>
      <c r="CR31" s="220">
        <v>0</v>
      </c>
      <c r="CS31" s="218">
        <v>0</v>
      </c>
      <c r="CT31" s="218">
        <v>0</v>
      </c>
      <c r="CU31" s="218">
        <v>1</v>
      </c>
      <c r="CV31" s="219">
        <v>0</v>
      </c>
      <c r="CW31" s="240">
        <v>1</v>
      </c>
      <c r="CX31" s="241">
        <v>1</v>
      </c>
      <c r="CY31" s="217">
        <v>0</v>
      </c>
      <c r="CZ31" s="219">
        <v>0</v>
      </c>
      <c r="DA31" s="219">
        <v>0</v>
      </c>
      <c r="DB31" s="220">
        <v>0</v>
      </c>
      <c r="DC31" s="218">
        <v>0</v>
      </c>
      <c r="DD31" s="218">
        <v>0</v>
      </c>
      <c r="DE31" s="218">
        <v>1</v>
      </c>
      <c r="DF31" s="219">
        <v>0</v>
      </c>
      <c r="DG31" s="240">
        <v>1</v>
      </c>
      <c r="DH31" s="242">
        <v>1</v>
      </c>
      <c r="DI31" s="222">
        <v>0</v>
      </c>
      <c r="DJ31" s="219">
        <v>0</v>
      </c>
      <c r="DK31" s="219">
        <v>0</v>
      </c>
      <c r="DL31" s="220">
        <v>0</v>
      </c>
      <c r="DM31" s="218">
        <v>0</v>
      </c>
      <c r="DN31" s="218">
        <v>0</v>
      </c>
      <c r="DO31" s="218">
        <v>0</v>
      </c>
      <c r="DP31" s="219">
        <v>0</v>
      </c>
      <c r="DQ31" s="240">
        <v>0</v>
      </c>
      <c r="DR31" s="242">
        <v>0</v>
      </c>
      <c r="DS31" s="222">
        <v>0</v>
      </c>
      <c r="DT31" s="219">
        <v>0</v>
      </c>
      <c r="DU31" s="219">
        <v>0</v>
      </c>
      <c r="DV31" s="220">
        <v>3</v>
      </c>
      <c r="DW31" s="218">
        <v>7</v>
      </c>
      <c r="DX31" s="218">
        <v>19</v>
      </c>
      <c r="DY31" s="218">
        <v>31</v>
      </c>
      <c r="DZ31" s="219">
        <v>20</v>
      </c>
      <c r="EA31" s="240">
        <v>80</v>
      </c>
      <c r="EB31" s="242">
        <v>80</v>
      </c>
      <c r="EC31" s="239"/>
    </row>
    <row r="32" spans="2:133" ht="21" customHeight="1" x14ac:dyDescent="0.2">
      <c r="B32" s="106" t="s">
        <v>29</v>
      </c>
      <c r="C32" s="217">
        <v>0</v>
      </c>
      <c r="D32" s="219">
        <v>0</v>
      </c>
      <c r="E32" s="219">
        <v>0</v>
      </c>
      <c r="F32" s="220">
        <v>0</v>
      </c>
      <c r="G32" s="218">
        <v>2</v>
      </c>
      <c r="H32" s="218">
        <v>6</v>
      </c>
      <c r="I32" s="218">
        <v>24</v>
      </c>
      <c r="J32" s="219">
        <v>21</v>
      </c>
      <c r="K32" s="240">
        <v>53</v>
      </c>
      <c r="L32" s="241">
        <v>53</v>
      </c>
      <c r="M32" s="217">
        <v>0</v>
      </c>
      <c r="N32" s="219">
        <v>0</v>
      </c>
      <c r="O32" s="240">
        <v>0</v>
      </c>
      <c r="P32" s="220">
        <v>0</v>
      </c>
      <c r="Q32" s="218">
        <v>2</v>
      </c>
      <c r="R32" s="218">
        <v>6</v>
      </c>
      <c r="S32" s="218">
        <v>24</v>
      </c>
      <c r="T32" s="219">
        <v>21</v>
      </c>
      <c r="U32" s="240">
        <v>53</v>
      </c>
      <c r="V32" s="242">
        <v>53</v>
      </c>
      <c r="W32" s="222">
        <v>0</v>
      </c>
      <c r="X32" s="219">
        <v>0</v>
      </c>
      <c r="Y32" s="240">
        <v>0</v>
      </c>
      <c r="Z32" s="222">
        <v>0</v>
      </c>
      <c r="AA32" s="218">
        <v>0</v>
      </c>
      <c r="AB32" s="218">
        <v>0</v>
      </c>
      <c r="AC32" s="218">
        <v>0</v>
      </c>
      <c r="AD32" s="219">
        <v>0</v>
      </c>
      <c r="AE32" s="240">
        <v>0</v>
      </c>
      <c r="AF32" s="221">
        <v>0</v>
      </c>
      <c r="AG32" s="222">
        <v>0</v>
      </c>
      <c r="AH32" s="219">
        <v>0</v>
      </c>
      <c r="AI32" s="240">
        <v>0</v>
      </c>
      <c r="AJ32" s="222">
        <v>4</v>
      </c>
      <c r="AK32" s="218">
        <v>6</v>
      </c>
      <c r="AL32" s="218">
        <v>14</v>
      </c>
      <c r="AM32" s="218">
        <v>14</v>
      </c>
      <c r="AN32" s="219">
        <v>9</v>
      </c>
      <c r="AO32" s="240">
        <v>47</v>
      </c>
      <c r="AP32" s="221">
        <v>47</v>
      </c>
      <c r="AQ32" s="222">
        <v>0</v>
      </c>
      <c r="AR32" s="219">
        <v>0</v>
      </c>
      <c r="AS32" s="240">
        <v>0</v>
      </c>
      <c r="AT32" s="220">
        <v>4</v>
      </c>
      <c r="AU32" s="218">
        <v>6</v>
      </c>
      <c r="AV32" s="218">
        <v>14</v>
      </c>
      <c r="AW32" s="218">
        <v>14</v>
      </c>
      <c r="AX32" s="219">
        <v>8</v>
      </c>
      <c r="AY32" s="240">
        <v>46</v>
      </c>
      <c r="AZ32" s="241">
        <v>46</v>
      </c>
      <c r="BA32" s="217">
        <v>0</v>
      </c>
      <c r="BB32" s="219">
        <v>0</v>
      </c>
      <c r="BC32" s="219">
        <v>0</v>
      </c>
      <c r="BD32" s="220">
        <v>0</v>
      </c>
      <c r="BE32" s="218">
        <v>0</v>
      </c>
      <c r="BF32" s="218">
        <v>0</v>
      </c>
      <c r="BG32" s="218">
        <v>0</v>
      </c>
      <c r="BH32" s="219">
        <v>1</v>
      </c>
      <c r="BI32" s="240">
        <v>1</v>
      </c>
      <c r="BJ32" s="242">
        <v>1</v>
      </c>
      <c r="BK32" s="222">
        <v>0</v>
      </c>
      <c r="BL32" s="219">
        <v>0</v>
      </c>
      <c r="BM32" s="219">
        <v>0</v>
      </c>
      <c r="BN32" s="220">
        <v>0</v>
      </c>
      <c r="BO32" s="218">
        <v>0</v>
      </c>
      <c r="BP32" s="218">
        <v>0</v>
      </c>
      <c r="BQ32" s="218">
        <v>0</v>
      </c>
      <c r="BR32" s="219">
        <v>0</v>
      </c>
      <c r="BS32" s="240">
        <v>0</v>
      </c>
      <c r="BT32" s="241">
        <v>0</v>
      </c>
      <c r="BU32" s="217">
        <v>0</v>
      </c>
      <c r="BV32" s="219">
        <v>0</v>
      </c>
      <c r="BW32" s="219">
        <v>0</v>
      </c>
      <c r="BX32" s="220">
        <v>0</v>
      </c>
      <c r="BY32" s="218">
        <v>0</v>
      </c>
      <c r="BZ32" s="218">
        <v>0</v>
      </c>
      <c r="CA32" s="218">
        <v>0</v>
      </c>
      <c r="CB32" s="219">
        <v>0</v>
      </c>
      <c r="CC32" s="240">
        <v>0</v>
      </c>
      <c r="CD32" s="242">
        <v>0</v>
      </c>
      <c r="CE32" s="222">
        <v>0</v>
      </c>
      <c r="CF32" s="219">
        <v>0</v>
      </c>
      <c r="CG32" s="219">
        <v>0</v>
      </c>
      <c r="CH32" s="220">
        <v>0</v>
      </c>
      <c r="CI32" s="218">
        <v>0</v>
      </c>
      <c r="CJ32" s="218">
        <v>0</v>
      </c>
      <c r="CK32" s="218">
        <v>0</v>
      </c>
      <c r="CL32" s="219">
        <v>0</v>
      </c>
      <c r="CM32" s="240">
        <v>0</v>
      </c>
      <c r="CN32" s="242">
        <v>0</v>
      </c>
      <c r="CO32" s="222">
        <v>0</v>
      </c>
      <c r="CP32" s="219">
        <v>0</v>
      </c>
      <c r="CQ32" s="219">
        <v>0</v>
      </c>
      <c r="CR32" s="220">
        <v>0</v>
      </c>
      <c r="CS32" s="218">
        <v>0</v>
      </c>
      <c r="CT32" s="218">
        <v>0</v>
      </c>
      <c r="CU32" s="218">
        <v>0</v>
      </c>
      <c r="CV32" s="219">
        <v>0</v>
      </c>
      <c r="CW32" s="240">
        <v>0</v>
      </c>
      <c r="CX32" s="241">
        <v>0</v>
      </c>
      <c r="CY32" s="217">
        <v>0</v>
      </c>
      <c r="CZ32" s="219">
        <v>0</v>
      </c>
      <c r="DA32" s="219">
        <v>0</v>
      </c>
      <c r="DB32" s="220">
        <v>0</v>
      </c>
      <c r="DC32" s="218">
        <v>0</v>
      </c>
      <c r="DD32" s="218">
        <v>0</v>
      </c>
      <c r="DE32" s="218">
        <v>0</v>
      </c>
      <c r="DF32" s="219">
        <v>0</v>
      </c>
      <c r="DG32" s="240">
        <v>0</v>
      </c>
      <c r="DH32" s="242">
        <v>0</v>
      </c>
      <c r="DI32" s="222">
        <v>0</v>
      </c>
      <c r="DJ32" s="219">
        <v>0</v>
      </c>
      <c r="DK32" s="219">
        <v>0</v>
      </c>
      <c r="DL32" s="220">
        <v>0</v>
      </c>
      <c r="DM32" s="218">
        <v>0</v>
      </c>
      <c r="DN32" s="218">
        <v>0</v>
      </c>
      <c r="DO32" s="218">
        <v>0</v>
      </c>
      <c r="DP32" s="219">
        <v>0</v>
      </c>
      <c r="DQ32" s="240">
        <v>0</v>
      </c>
      <c r="DR32" s="242">
        <v>0</v>
      </c>
      <c r="DS32" s="222">
        <v>0</v>
      </c>
      <c r="DT32" s="219">
        <v>0</v>
      </c>
      <c r="DU32" s="219">
        <v>0</v>
      </c>
      <c r="DV32" s="220">
        <v>4</v>
      </c>
      <c r="DW32" s="218">
        <v>8</v>
      </c>
      <c r="DX32" s="218">
        <v>20</v>
      </c>
      <c r="DY32" s="218">
        <v>37</v>
      </c>
      <c r="DZ32" s="219">
        <v>29</v>
      </c>
      <c r="EA32" s="240">
        <v>98</v>
      </c>
      <c r="EB32" s="242">
        <v>98</v>
      </c>
      <c r="EC32" s="239"/>
    </row>
    <row r="33" spans="2:133" ht="21" customHeight="1" x14ac:dyDescent="0.2">
      <c r="B33" s="106" t="s">
        <v>30</v>
      </c>
      <c r="C33" s="217">
        <v>0</v>
      </c>
      <c r="D33" s="219">
        <v>0</v>
      </c>
      <c r="E33" s="219">
        <v>0</v>
      </c>
      <c r="F33" s="220">
        <v>0</v>
      </c>
      <c r="G33" s="218">
        <v>4</v>
      </c>
      <c r="H33" s="218">
        <v>20</v>
      </c>
      <c r="I33" s="218">
        <v>35</v>
      </c>
      <c r="J33" s="219">
        <v>19</v>
      </c>
      <c r="K33" s="240">
        <v>78</v>
      </c>
      <c r="L33" s="241">
        <v>78</v>
      </c>
      <c r="M33" s="217">
        <v>0</v>
      </c>
      <c r="N33" s="219">
        <v>0</v>
      </c>
      <c r="O33" s="240">
        <v>0</v>
      </c>
      <c r="P33" s="220">
        <v>0</v>
      </c>
      <c r="Q33" s="218">
        <v>4</v>
      </c>
      <c r="R33" s="218">
        <v>20</v>
      </c>
      <c r="S33" s="218">
        <v>35</v>
      </c>
      <c r="T33" s="219">
        <v>19</v>
      </c>
      <c r="U33" s="240">
        <v>78</v>
      </c>
      <c r="V33" s="242">
        <v>78</v>
      </c>
      <c r="W33" s="222">
        <v>0</v>
      </c>
      <c r="X33" s="219">
        <v>0</v>
      </c>
      <c r="Y33" s="240">
        <v>0</v>
      </c>
      <c r="Z33" s="222">
        <v>0</v>
      </c>
      <c r="AA33" s="218">
        <v>0</v>
      </c>
      <c r="AB33" s="218">
        <v>0</v>
      </c>
      <c r="AC33" s="218">
        <v>0</v>
      </c>
      <c r="AD33" s="219">
        <v>0</v>
      </c>
      <c r="AE33" s="240">
        <v>0</v>
      </c>
      <c r="AF33" s="221">
        <v>0</v>
      </c>
      <c r="AG33" s="222">
        <v>0</v>
      </c>
      <c r="AH33" s="219">
        <v>0</v>
      </c>
      <c r="AI33" s="240">
        <v>0</v>
      </c>
      <c r="AJ33" s="222">
        <v>11</v>
      </c>
      <c r="AK33" s="218">
        <v>7</v>
      </c>
      <c r="AL33" s="218">
        <v>8</v>
      </c>
      <c r="AM33" s="218">
        <v>18</v>
      </c>
      <c r="AN33" s="219">
        <v>4</v>
      </c>
      <c r="AO33" s="240">
        <v>48</v>
      </c>
      <c r="AP33" s="221">
        <v>48</v>
      </c>
      <c r="AQ33" s="222">
        <v>0</v>
      </c>
      <c r="AR33" s="219">
        <v>0</v>
      </c>
      <c r="AS33" s="240">
        <v>0</v>
      </c>
      <c r="AT33" s="220">
        <v>11</v>
      </c>
      <c r="AU33" s="218">
        <v>7</v>
      </c>
      <c r="AV33" s="218">
        <v>8</v>
      </c>
      <c r="AW33" s="218">
        <v>18</v>
      </c>
      <c r="AX33" s="219">
        <v>4</v>
      </c>
      <c r="AY33" s="240">
        <v>48</v>
      </c>
      <c r="AZ33" s="241">
        <v>48</v>
      </c>
      <c r="BA33" s="217">
        <v>0</v>
      </c>
      <c r="BB33" s="219">
        <v>0</v>
      </c>
      <c r="BC33" s="219">
        <v>0</v>
      </c>
      <c r="BD33" s="220">
        <v>0</v>
      </c>
      <c r="BE33" s="218">
        <v>0</v>
      </c>
      <c r="BF33" s="218">
        <v>0</v>
      </c>
      <c r="BG33" s="218">
        <v>0</v>
      </c>
      <c r="BH33" s="219">
        <v>0</v>
      </c>
      <c r="BI33" s="240">
        <v>0</v>
      </c>
      <c r="BJ33" s="242">
        <v>0</v>
      </c>
      <c r="BK33" s="222">
        <v>0</v>
      </c>
      <c r="BL33" s="219">
        <v>0</v>
      </c>
      <c r="BM33" s="219">
        <v>0</v>
      </c>
      <c r="BN33" s="220">
        <v>0</v>
      </c>
      <c r="BO33" s="218">
        <v>0</v>
      </c>
      <c r="BP33" s="218">
        <v>0</v>
      </c>
      <c r="BQ33" s="218">
        <v>0</v>
      </c>
      <c r="BR33" s="219">
        <v>0</v>
      </c>
      <c r="BS33" s="240">
        <v>0</v>
      </c>
      <c r="BT33" s="241">
        <v>0</v>
      </c>
      <c r="BU33" s="217">
        <v>0</v>
      </c>
      <c r="BV33" s="219">
        <v>0</v>
      </c>
      <c r="BW33" s="219">
        <v>0</v>
      </c>
      <c r="BX33" s="220">
        <v>0</v>
      </c>
      <c r="BY33" s="218">
        <v>0</v>
      </c>
      <c r="BZ33" s="218">
        <v>0</v>
      </c>
      <c r="CA33" s="218">
        <v>0</v>
      </c>
      <c r="CB33" s="219">
        <v>0</v>
      </c>
      <c r="CC33" s="240">
        <v>0</v>
      </c>
      <c r="CD33" s="242">
        <v>0</v>
      </c>
      <c r="CE33" s="222">
        <v>0</v>
      </c>
      <c r="CF33" s="219">
        <v>0</v>
      </c>
      <c r="CG33" s="219">
        <v>0</v>
      </c>
      <c r="CH33" s="220">
        <v>0</v>
      </c>
      <c r="CI33" s="218">
        <v>0</v>
      </c>
      <c r="CJ33" s="218">
        <v>0</v>
      </c>
      <c r="CK33" s="218">
        <v>0</v>
      </c>
      <c r="CL33" s="219">
        <v>0</v>
      </c>
      <c r="CM33" s="240">
        <v>0</v>
      </c>
      <c r="CN33" s="242">
        <v>0</v>
      </c>
      <c r="CO33" s="222">
        <v>0</v>
      </c>
      <c r="CP33" s="219">
        <v>0</v>
      </c>
      <c r="CQ33" s="219">
        <v>0</v>
      </c>
      <c r="CR33" s="220">
        <v>0</v>
      </c>
      <c r="CS33" s="218">
        <v>0</v>
      </c>
      <c r="CT33" s="218">
        <v>0</v>
      </c>
      <c r="CU33" s="218">
        <v>0</v>
      </c>
      <c r="CV33" s="219">
        <v>2</v>
      </c>
      <c r="CW33" s="240">
        <v>2</v>
      </c>
      <c r="CX33" s="241">
        <v>2</v>
      </c>
      <c r="CY33" s="217">
        <v>0</v>
      </c>
      <c r="CZ33" s="219">
        <v>0</v>
      </c>
      <c r="DA33" s="219">
        <v>0</v>
      </c>
      <c r="DB33" s="220">
        <v>0</v>
      </c>
      <c r="DC33" s="218">
        <v>0</v>
      </c>
      <c r="DD33" s="218">
        <v>0</v>
      </c>
      <c r="DE33" s="218">
        <v>0</v>
      </c>
      <c r="DF33" s="219">
        <v>2</v>
      </c>
      <c r="DG33" s="240">
        <v>2</v>
      </c>
      <c r="DH33" s="242">
        <v>2</v>
      </c>
      <c r="DI33" s="222">
        <v>0</v>
      </c>
      <c r="DJ33" s="219">
        <v>0</v>
      </c>
      <c r="DK33" s="219">
        <v>0</v>
      </c>
      <c r="DL33" s="220">
        <v>0</v>
      </c>
      <c r="DM33" s="218">
        <v>0</v>
      </c>
      <c r="DN33" s="218">
        <v>0</v>
      </c>
      <c r="DO33" s="218">
        <v>0</v>
      </c>
      <c r="DP33" s="219">
        <v>0</v>
      </c>
      <c r="DQ33" s="240">
        <v>0</v>
      </c>
      <c r="DR33" s="242">
        <v>0</v>
      </c>
      <c r="DS33" s="222">
        <v>0</v>
      </c>
      <c r="DT33" s="219">
        <v>0</v>
      </c>
      <c r="DU33" s="219">
        <v>0</v>
      </c>
      <c r="DV33" s="220">
        <v>11</v>
      </c>
      <c r="DW33" s="218">
        <v>11</v>
      </c>
      <c r="DX33" s="218">
        <v>28</v>
      </c>
      <c r="DY33" s="218">
        <v>53</v>
      </c>
      <c r="DZ33" s="219">
        <v>25</v>
      </c>
      <c r="EA33" s="240">
        <v>128</v>
      </c>
      <c r="EB33" s="242">
        <v>128</v>
      </c>
      <c r="EC33" s="239"/>
    </row>
    <row r="34" spans="2:133" ht="21" customHeight="1" x14ac:dyDescent="0.2">
      <c r="B34" s="106" t="s">
        <v>31</v>
      </c>
      <c r="C34" s="217">
        <v>0</v>
      </c>
      <c r="D34" s="219">
        <v>0</v>
      </c>
      <c r="E34" s="219">
        <v>0</v>
      </c>
      <c r="F34" s="220">
        <v>1</v>
      </c>
      <c r="G34" s="218">
        <v>3</v>
      </c>
      <c r="H34" s="218">
        <v>31</v>
      </c>
      <c r="I34" s="218">
        <v>23</v>
      </c>
      <c r="J34" s="219">
        <v>23</v>
      </c>
      <c r="K34" s="240">
        <v>81</v>
      </c>
      <c r="L34" s="241">
        <v>81</v>
      </c>
      <c r="M34" s="217">
        <v>0</v>
      </c>
      <c r="N34" s="219">
        <v>0</v>
      </c>
      <c r="O34" s="240">
        <v>0</v>
      </c>
      <c r="P34" s="220">
        <v>1</v>
      </c>
      <c r="Q34" s="218">
        <v>3</v>
      </c>
      <c r="R34" s="218">
        <v>31</v>
      </c>
      <c r="S34" s="218">
        <v>23</v>
      </c>
      <c r="T34" s="219">
        <v>23</v>
      </c>
      <c r="U34" s="240">
        <v>81</v>
      </c>
      <c r="V34" s="242">
        <v>81</v>
      </c>
      <c r="W34" s="222">
        <v>0</v>
      </c>
      <c r="X34" s="219">
        <v>0</v>
      </c>
      <c r="Y34" s="240">
        <v>0</v>
      </c>
      <c r="Z34" s="222">
        <v>0</v>
      </c>
      <c r="AA34" s="218">
        <v>0</v>
      </c>
      <c r="AB34" s="218">
        <v>0</v>
      </c>
      <c r="AC34" s="218">
        <v>0</v>
      </c>
      <c r="AD34" s="219">
        <v>0</v>
      </c>
      <c r="AE34" s="240">
        <v>0</v>
      </c>
      <c r="AF34" s="221">
        <v>0</v>
      </c>
      <c r="AG34" s="222">
        <v>0</v>
      </c>
      <c r="AH34" s="219">
        <v>0</v>
      </c>
      <c r="AI34" s="240">
        <v>0</v>
      </c>
      <c r="AJ34" s="222">
        <v>2</v>
      </c>
      <c r="AK34" s="218">
        <v>9</v>
      </c>
      <c r="AL34" s="218">
        <v>13</v>
      </c>
      <c r="AM34" s="218">
        <v>9</v>
      </c>
      <c r="AN34" s="219">
        <v>5</v>
      </c>
      <c r="AO34" s="240">
        <v>38</v>
      </c>
      <c r="AP34" s="221">
        <v>38</v>
      </c>
      <c r="AQ34" s="222">
        <v>0</v>
      </c>
      <c r="AR34" s="219">
        <v>0</v>
      </c>
      <c r="AS34" s="240">
        <v>0</v>
      </c>
      <c r="AT34" s="220">
        <v>2</v>
      </c>
      <c r="AU34" s="218">
        <v>9</v>
      </c>
      <c r="AV34" s="218">
        <v>13</v>
      </c>
      <c r="AW34" s="218">
        <v>9</v>
      </c>
      <c r="AX34" s="219">
        <v>3</v>
      </c>
      <c r="AY34" s="240">
        <v>36</v>
      </c>
      <c r="AZ34" s="241">
        <v>36</v>
      </c>
      <c r="BA34" s="217">
        <v>0</v>
      </c>
      <c r="BB34" s="219">
        <v>0</v>
      </c>
      <c r="BC34" s="219">
        <v>0</v>
      </c>
      <c r="BD34" s="220">
        <v>0</v>
      </c>
      <c r="BE34" s="218">
        <v>0</v>
      </c>
      <c r="BF34" s="218">
        <v>0</v>
      </c>
      <c r="BG34" s="218">
        <v>0</v>
      </c>
      <c r="BH34" s="219">
        <v>2</v>
      </c>
      <c r="BI34" s="240">
        <v>2</v>
      </c>
      <c r="BJ34" s="242">
        <v>2</v>
      </c>
      <c r="BK34" s="222">
        <v>0</v>
      </c>
      <c r="BL34" s="219">
        <v>0</v>
      </c>
      <c r="BM34" s="219">
        <v>0</v>
      </c>
      <c r="BN34" s="220">
        <v>0</v>
      </c>
      <c r="BO34" s="218">
        <v>0</v>
      </c>
      <c r="BP34" s="218">
        <v>0</v>
      </c>
      <c r="BQ34" s="218">
        <v>0</v>
      </c>
      <c r="BR34" s="219">
        <v>0</v>
      </c>
      <c r="BS34" s="240">
        <v>0</v>
      </c>
      <c r="BT34" s="241">
        <v>0</v>
      </c>
      <c r="BU34" s="217">
        <v>0</v>
      </c>
      <c r="BV34" s="219">
        <v>0</v>
      </c>
      <c r="BW34" s="219">
        <v>0</v>
      </c>
      <c r="BX34" s="220">
        <v>0</v>
      </c>
      <c r="BY34" s="218">
        <v>0</v>
      </c>
      <c r="BZ34" s="218">
        <v>0</v>
      </c>
      <c r="CA34" s="218">
        <v>0</v>
      </c>
      <c r="CB34" s="219">
        <v>0</v>
      </c>
      <c r="CC34" s="240">
        <v>0</v>
      </c>
      <c r="CD34" s="242">
        <v>0</v>
      </c>
      <c r="CE34" s="222">
        <v>0</v>
      </c>
      <c r="CF34" s="219">
        <v>0</v>
      </c>
      <c r="CG34" s="219">
        <v>0</v>
      </c>
      <c r="CH34" s="220">
        <v>0</v>
      </c>
      <c r="CI34" s="218">
        <v>0</v>
      </c>
      <c r="CJ34" s="218">
        <v>0</v>
      </c>
      <c r="CK34" s="218">
        <v>0</v>
      </c>
      <c r="CL34" s="219">
        <v>0</v>
      </c>
      <c r="CM34" s="240">
        <v>0</v>
      </c>
      <c r="CN34" s="242">
        <v>0</v>
      </c>
      <c r="CO34" s="222">
        <v>0</v>
      </c>
      <c r="CP34" s="219">
        <v>0</v>
      </c>
      <c r="CQ34" s="219">
        <v>0</v>
      </c>
      <c r="CR34" s="220">
        <v>1</v>
      </c>
      <c r="CS34" s="218">
        <v>0</v>
      </c>
      <c r="CT34" s="218">
        <v>0</v>
      </c>
      <c r="CU34" s="218">
        <v>2</v>
      </c>
      <c r="CV34" s="219">
        <v>2</v>
      </c>
      <c r="CW34" s="240">
        <v>5</v>
      </c>
      <c r="CX34" s="241">
        <v>5</v>
      </c>
      <c r="CY34" s="217">
        <v>0</v>
      </c>
      <c r="CZ34" s="219">
        <v>0</v>
      </c>
      <c r="DA34" s="219">
        <v>0</v>
      </c>
      <c r="DB34" s="220">
        <v>1</v>
      </c>
      <c r="DC34" s="218">
        <v>0</v>
      </c>
      <c r="DD34" s="218">
        <v>0</v>
      </c>
      <c r="DE34" s="218">
        <v>2</v>
      </c>
      <c r="DF34" s="219">
        <v>2</v>
      </c>
      <c r="DG34" s="240">
        <v>5</v>
      </c>
      <c r="DH34" s="242">
        <v>5</v>
      </c>
      <c r="DI34" s="222">
        <v>0</v>
      </c>
      <c r="DJ34" s="219">
        <v>0</v>
      </c>
      <c r="DK34" s="219">
        <v>0</v>
      </c>
      <c r="DL34" s="220">
        <v>0</v>
      </c>
      <c r="DM34" s="218">
        <v>0</v>
      </c>
      <c r="DN34" s="218">
        <v>0</v>
      </c>
      <c r="DO34" s="218">
        <v>0</v>
      </c>
      <c r="DP34" s="219">
        <v>0</v>
      </c>
      <c r="DQ34" s="240">
        <v>0</v>
      </c>
      <c r="DR34" s="242">
        <v>0</v>
      </c>
      <c r="DS34" s="222">
        <v>0</v>
      </c>
      <c r="DT34" s="219">
        <v>0</v>
      </c>
      <c r="DU34" s="219">
        <v>0</v>
      </c>
      <c r="DV34" s="220">
        <v>4</v>
      </c>
      <c r="DW34" s="218">
        <v>12</v>
      </c>
      <c r="DX34" s="218">
        <v>44</v>
      </c>
      <c r="DY34" s="218">
        <v>34</v>
      </c>
      <c r="DZ34" s="219">
        <v>30</v>
      </c>
      <c r="EA34" s="240">
        <v>124</v>
      </c>
      <c r="EB34" s="242">
        <v>124</v>
      </c>
      <c r="EC34" s="239"/>
    </row>
    <row r="35" spans="2:133" ht="21" customHeight="1" x14ac:dyDescent="0.2">
      <c r="B35" s="106" t="s">
        <v>32</v>
      </c>
      <c r="C35" s="217">
        <v>0</v>
      </c>
      <c r="D35" s="219">
        <v>0</v>
      </c>
      <c r="E35" s="219">
        <v>0</v>
      </c>
      <c r="F35" s="220">
        <v>2</v>
      </c>
      <c r="G35" s="218">
        <v>0</v>
      </c>
      <c r="H35" s="218">
        <v>12</v>
      </c>
      <c r="I35" s="218">
        <v>29</v>
      </c>
      <c r="J35" s="219">
        <v>20</v>
      </c>
      <c r="K35" s="240">
        <v>63</v>
      </c>
      <c r="L35" s="241">
        <v>63</v>
      </c>
      <c r="M35" s="217">
        <v>0</v>
      </c>
      <c r="N35" s="219">
        <v>0</v>
      </c>
      <c r="O35" s="240">
        <v>0</v>
      </c>
      <c r="P35" s="220">
        <v>2</v>
      </c>
      <c r="Q35" s="218">
        <v>0</v>
      </c>
      <c r="R35" s="218">
        <v>12</v>
      </c>
      <c r="S35" s="218">
        <v>29</v>
      </c>
      <c r="T35" s="219">
        <v>20</v>
      </c>
      <c r="U35" s="240">
        <v>63</v>
      </c>
      <c r="V35" s="242">
        <v>63</v>
      </c>
      <c r="W35" s="222">
        <v>0</v>
      </c>
      <c r="X35" s="219">
        <v>0</v>
      </c>
      <c r="Y35" s="240">
        <v>0</v>
      </c>
      <c r="Z35" s="222">
        <v>0</v>
      </c>
      <c r="AA35" s="218">
        <v>0</v>
      </c>
      <c r="AB35" s="218">
        <v>0</v>
      </c>
      <c r="AC35" s="218">
        <v>0</v>
      </c>
      <c r="AD35" s="219">
        <v>0</v>
      </c>
      <c r="AE35" s="240">
        <v>0</v>
      </c>
      <c r="AF35" s="221">
        <v>0</v>
      </c>
      <c r="AG35" s="222">
        <v>0</v>
      </c>
      <c r="AH35" s="219">
        <v>0</v>
      </c>
      <c r="AI35" s="240">
        <v>0</v>
      </c>
      <c r="AJ35" s="222">
        <v>7</v>
      </c>
      <c r="AK35" s="218">
        <v>6</v>
      </c>
      <c r="AL35" s="218">
        <v>8</v>
      </c>
      <c r="AM35" s="218">
        <v>16</v>
      </c>
      <c r="AN35" s="219">
        <v>2</v>
      </c>
      <c r="AO35" s="240">
        <v>39</v>
      </c>
      <c r="AP35" s="221">
        <v>39</v>
      </c>
      <c r="AQ35" s="222">
        <v>0</v>
      </c>
      <c r="AR35" s="219">
        <v>0</v>
      </c>
      <c r="AS35" s="240">
        <v>0</v>
      </c>
      <c r="AT35" s="220">
        <v>7</v>
      </c>
      <c r="AU35" s="218">
        <v>6</v>
      </c>
      <c r="AV35" s="218">
        <v>8</v>
      </c>
      <c r="AW35" s="218">
        <v>16</v>
      </c>
      <c r="AX35" s="219">
        <v>2</v>
      </c>
      <c r="AY35" s="240">
        <v>39</v>
      </c>
      <c r="AZ35" s="241">
        <v>39</v>
      </c>
      <c r="BA35" s="217">
        <v>0</v>
      </c>
      <c r="BB35" s="219">
        <v>0</v>
      </c>
      <c r="BC35" s="219">
        <v>0</v>
      </c>
      <c r="BD35" s="220">
        <v>0</v>
      </c>
      <c r="BE35" s="218">
        <v>0</v>
      </c>
      <c r="BF35" s="218">
        <v>0</v>
      </c>
      <c r="BG35" s="218">
        <v>0</v>
      </c>
      <c r="BH35" s="219">
        <v>0</v>
      </c>
      <c r="BI35" s="240">
        <v>0</v>
      </c>
      <c r="BJ35" s="242">
        <v>0</v>
      </c>
      <c r="BK35" s="222">
        <v>0</v>
      </c>
      <c r="BL35" s="219">
        <v>0</v>
      </c>
      <c r="BM35" s="219">
        <v>0</v>
      </c>
      <c r="BN35" s="220">
        <v>0</v>
      </c>
      <c r="BO35" s="218">
        <v>0</v>
      </c>
      <c r="BP35" s="218">
        <v>0</v>
      </c>
      <c r="BQ35" s="218">
        <v>0</v>
      </c>
      <c r="BR35" s="219">
        <v>0</v>
      </c>
      <c r="BS35" s="240">
        <v>0</v>
      </c>
      <c r="BT35" s="241">
        <v>0</v>
      </c>
      <c r="BU35" s="217">
        <v>0</v>
      </c>
      <c r="BV35" s="219">
        <v>0</v>
      </c>
      <c r="BW35" s="219">
        <v>0</v>
      </c>
      <c r="BX35" s="220">
        <v>0</v>
      </c>
      <c r="BY35" s="218">
        <v>0</v>
      </c>
      <c r="BZ35" s="218">
        <v>0</v>
      </c>
      <c r="CA35" s="218">
        <v>0</v>
      </c>
      <c r="CB35" s="219">
        <v>0</v>
      </c>
      <c r="CC35" s="240">
        <v>0</v>
      </c>
      <c r="CD35" s="242">
        <v>0</v>
      </c>
      <c r="CE35" s="222">
        <v>0</v>
      </c>
      <c r="CF35" s="219">
        <v>0</v>
      </c>
      <c r="CG35" s="219">
        <v>0</v>
      </c>
      <c r="CH35" s="220">
        <v>0</v>
      </c>
      <c r="CI35" s="218">
        <v>0</v>
      </c>
      <c r="CJ35" s="218">
        <v>0</v>
      </c>
      <c r="CK35" s="218">
        <v>0</v>
      </c>
      <c r="CL35" s="219">
        <v>0</v>
      </c>
      <c r="CM35" s="240">
        <v>0</v>
      </c>
      <c r="CN35" s="242">
        <v>0</v>
      </c>
      <c r="CO35" s="222">
        <v>0</v>
      </c>
      <c r="CP35" s="219">
        <v>0</v>
      </c>
      <c r="CQ35" s="219">
        <v>0</v>
      </c>
      <c r="CR35" s="220">
        <v>2</v>
      </c>
      <c r="CS35" s="218">
        <v>0</v>
      </c>
      <c r="CT35" s="218">
        <v>0</v>
      </c>
      <c r="CU35" s="218">
        <v>0</v>
      </c>
      <c r="CV35" s="219">
        <v>4</v>
      </c>
      <c r="CW35" s="240">
        <v>6</v>
      </c>
      <c r="CX35" s="241">
        <v>6</v>
      </c>
      <c r="CY35" s="217">
        <v>0</v>
      </c>
      <c r="CZ35" s="219">
        <v>0</v>
      </c>
      <c r="DA35" s="219">
        <v>0</v>
      </c>
      <c r="DB35" s="220">
        <v>2</v>
      </c>
      <c r="DC35" s="218">
        <v>0</v>
      </c>
      <c r="DD35" s="218">
        <v>0</v>
      </c>
      <c r="DE35" s="218">
        <v>0</v>
      </c>
      <c r="DF35" s="219">
        <v>4</v>
      </c>
      <c r="DG35" s="240">
        <v>6</v>
      </c>
      <c r="DH35" s="242">
        <v>6</v>
      </c>
      <c r="DI35" s="222">
        <v>0</v>
      </c>
      <c r="DJ35" s="219">
        <v>0</v>
      </c>
      <c r="DK35" s="219">
        <v>0</v>
      </c>
      <c r="DL35" s="220">
        <v>0</v>
      </c>
      <c r="DM35" s="218">
        <v>0</v>
      </c>
      <c r="DN35" s="218">
        <v>0</v>
      </c>
      <c r="DO35" s="218">
        <v>0</v>
      </c>
      <c r="DP35" s="219">
        <v>0</v>
      </c>
      <c r="DQ35" s="240">
        <v>0</v>
      </c>
      <c r="DR35" s="242">
        <v>0</v>
      </c>
      <c r="DS35" s="222">
        <v>0</v>
      </c>
      <c r="DT35" s="219">
        <v>0</v>
      </c>
      <c r="DU35" s="219">
        <v>0</v>
      </c>
      <c r="DV35" s="220">
        <v>11</v>
      </c>
      <c r="DW35" s="218">
        <v>6</v>
      </c>
      <c r="DX35" s="218">
        <v>20</v>
      </c>
      <c r="DY35" s="218">
        <v>45</v>
      </c>
      <c r="DZ35" s="219">
        <v>26</v>
      </c>
      <c r="EA35" s="240">
        <v>108</v>
      </c>
      <c r="EB35" s="242">
        <v>108</v>
      </c>
      <c r="EC35" s="239"/>
    </row>
    <row r="36" spans="2:133" ht="21" customHeight="1" x14ac:dyDescent="0.2">
      <c r="B36" s="106" t="s">
        <v>33</v>
      </c>
      <c r="C36" s="217">
        <v>0</v>
      </c>
      <c r="D36" s="219">
        <v>0</v>
      </c>
      <c r="E36" s="219">
        <v>0</v>
      </c>
      <c r="F36" s="220">
        <v>1</v>
      </c>
      <c r="G36" s="218">
        <v>5</v>
      </c>
      <c r="H36" s="218">
        <v>31</v>
      </c>
      <c r="I36" s="218">
        <v>31</v>
      </c>
      <c r="J36" s="219">
        <v>18</v>
      </c>
      <c r="K36" s="240">
        <v>86</v>
      </c>
      <c r="L36" s="241">
        <v>86</v>
      </c>
      <c r="M36" s="217">
        <v>0</v>
      </c>
      <c r="N36" s="219">
        <v>0</v>
      </c>
      <c r="O36" s="240">
        <v>0</v>
      </c>
      <c r="P36" s="220">
        <v>1</v>
      </c>
      <c r="Q36" s="218">
        <v>5</v>
      </c>
      <c r="R36" s="218">
        <v>31</v>
      </c>
      <c r="S36" s="218">
        <v>31</v>
      </c>
      <c r="T36" s="219">
        <v>18</v>
      </c>
      <c r="U36" s="240">
        <v>86</v>
      </c>
      <c r="V36" s="242">
        <v>86</v>
      </c>
      <c r="W36" s="222">
        <v>0</v>
      </c>
      <c r="X36" s="219">
        <v>0</v>
      </c>
      <c r="Y36" s="240">
        <v>0</v>
      </c>
      <c r="Z36" s="222">
        <v>0</v>
      </c>
      <c r="AA36" s="218">
        <v>0</v>
      </c>
      <c r="AB36" s="218">
        <v>0</v>
      </c>
      <c r="AC36" s="218">
        <v>0</v>
      </c>
      <c r="AD36" s="219">
        <v>0</v>
      </c>
      <c r="AE36" s="240">
        <v>0</v>
      </c>
      <c r="AF36" s="221">
        <v>0</v>
      </c>
      <c r="AG36" s="222">
        <v>0</v>
      </c>
      <c r="AH36" s="219">
        <v>0</v>
      </c>
      <c r="AI36" s="240">
        <v>0</v>
      </c>
      <c r="AJ36" s="222">
        <v>8</v>
      </c>
      <c r="AK36" s="218">
        <v>12</v>
      </c>
      <c r="AL36" s="218">
        <v>14</v>
      </c>
      <c r="AM36" s="218">
        <v>13</v>
      </c>
      <c r="AN36" s="219">
        <v>8</v>
      </c>
      <c r="AO36" s="240">
        <v>55</v>
      </c>
      <c r="AP36" s="221">
        <v>55</v>
      </c>
      <c r="AQ36" s="222">
        <v>0</v>
      </c>
      <c r="AR36" s="219">
        <v>0</v>
      </c>
      <c r="AS36" s="240">
        <v>0</v>
      </c>
      <c r="AT36" s="220">
        <v>8</v>
      </c>
      <c r="AU36" s="218">
        <v>12</v>
      </c>
      <c r="AV36" s="218">
        <v>14</v>
      </c>
      <c r="AW36" s="218">
        <v>13</v>
      </c>
      <c r="AX36" s="219">
        <v>8</v>
      </c>
      <c r="AY36" s="240">
        <v>55</v>
      </c>
      <c r="AZ36" s="241">
        <v>55</v>
      </c>
      <c r="BA36" s="217">
        <v>0</v>
      </c>
      <c r="BB36" s="219">
        <v>0</v>
      </c>
      <c r="BC36" s="219">
        <v>0</v>
      </c>
      <c r="BD36" s="220">
        <v>0</v>
      </c>
      <c r="BE36" s="218">
        <v>0</v>
      </c>
      <c r="BF36" s="218">
        <v>0</v>
      </c>
      <c r="BG36" s="218">
        <v>0</v>
      </c>
      <c r="BH36" s="219">
        <v>0</v>
      </c>
      <c r="BI36" s="240">
        <v>0</v>
      </c>
      <c r="BJ36" s="242">
        <v>0</v>
      </c>
      <c r="BK36" s="222">
        <v>0</v>
      </c>
      <c r="BL36" s="219">
        <v>0</v>
      </c>
      <c r="BM36" s="219">
        <v>0</v>
      </c>
      <c r="BN36" s="220">
        <v>0</v>
      </c>
      <c r="BO36" s="218">
        <v>0</v>
      </c>
      <c r="BP36" s="218">
        <v>0</v>
      </c>
      <c r="BQ36" s="218">
        <v>0</v>
      </c>
      <c r="BR36" s="219">
        <v>0</v>
      </c>
      <c r="BS36" s="240">
        <v>0</v>
      </c>
      <c r="BT36" s="241">
        <v>0</v>
      </c>
      <c r="BU36" s="217">
        <v>0</v>
      </c>
      <c r="BV36" s="219">
        <v>0</v>
      </c>
      <c r="BW36" s="219">
        <v>0</v>
      </c>
      <c r="BX36" s="220">
        <v>0</v>
      </c>
      <c r="BY36" s="218">
        <v>0</v>
      </c>
      <c r="BZ36" s="218">
        <v>0</v>
      </c>
      <c r="CA36" s="218">
        <v>0</v>
      </c>
      <c r="CB36" s="219">
        <v>0</v>
      </c>
      <c r="CC36" s="240">
        <v>0</v>
      </c>
      <c r="CD36" s="242">
        <v>0</v>
      </c>
      <c r="CE36" s="222">
        <v>0</v>
      </c>
      <c r="CF36" s="219">
        <v>0</v>
      </c>
      <c r="CG36" s="219">
        <v>0</v>
      </c>
      <c r="CH36" s="220">
        <v>0</v>
      </c>
      <c r="CI36" s="218">
        <v>0</v>
      </c>
      <c r="CJ36" s="218">
        <v>0</v>
      </c>
      <c r="CK36" s="218">
        <v>0</v>
      </c>
      <c r="CL36" s="219">
        <v>0</v>
      </c>
      <c r="CM36" s="240">
        <v>0</v>
      </c>
      <c r="CN36" s="242">
        <v>0</v>
      </c>
      <c r="CO36" s="222">
        <v>0</v>
      </c>
      <c r="CP36" s="219">
        <v>0</v>
      </c>
      <c r="CQ36" s="219">
        <v>0</v>
      </c>
      <c r="CR36" s="220">
        <v>1</v>
      </c>
      <c r="CS36" s="218">
        <v>7</v>
      </c>
      <c r="CT36" s="218">
        <v>12</v>
      </c>
      <c r="CU36" s="218">
        <v>6</v>
      </c>
      <c r="CV36" s="219">
        <v>11</v>
      </c>
      <c r="CW36" s="240">
        <v>37</v>
      </c>
      <c r="CX36" s="241">
        <v>37</v>
      </c>
      <c r="CY36" s="217">
        <v>0</v>
      </c>
      <c r="CZ36" s="219">
        <v>0</v>
      </c>
      <c r="DA36" s="219">
        <v>0</v>
      </c>
      <c r="DB36" s="220">
        <v>1</v>
      </c>
      <c r="DC36" s="218">
        <v>7</v>
      </c>
      <c r="DD36" s="218">
        <v>12</v>
      </c>
      <c r="DE36" s="218">
        <v>6</v>
      </c>
      <c r="DF36" s="219">
        <v>11</v>
      </c>
      <c r="DG36" s="240">
        <v>37</v>
      </c>
      <c r="DH36" s="242">
        <v>37</v>
      </c>
      <c r="DI36" s="222">
        <v>0</v>
      </c>
      <c r="DJ36" s="219">
        <v>0</v>
      </c>
      <c r="DK36" s="219">
        <v>0</v>
      </c>
      <c r="DL36" s="220">
        <v>0</v>
      </c>
      <c r="DM36" s="218">
        <v>0</v>
      </c>
      <c r="DN36" s="218">
        <v>0</v>
      </c>
      <c r="DO36" s="218">
        <v>0</v>
      </c>
      <c r="DP36" s="219">
        <v>0</v>
      </c>
      <c r="DQ36" s="240">
        <v>0</v>
      </c>
      <c r="DR36" s="242">
        <v>0</v>
      </c>
      <c r="DS36" s="222">
        <v>0</v>
      </c>
      <c r="DT36" s="219">
        <v>0</v>
      </c>
      <c r="DU36" s="219">
        <v>0</v>
      </c>
      <c r="DV36" s="220">
        <v>10</v>
      </c>
      <c r="DW36" s="218">
        <v>24</v>
      </c>
      <c r="DX36" s="218">
        <v>56</v>
      </c>
      <c r="DY36" s="218">
        <v>50</v>
      </c>
      <c r="DZ36" s="219">
        <v>37</v>
      </c>
      <c r="EA36" s="240">
        <v>177</v>
      </c>
      <c r="EB36" s="242">
        <v>177</v>
      </c>
      <c r="EC36" s="239"/>
    </row>
    <row r="37" spans="2:133" ht="21" customHeight="1" x14ac:dyDescent="0.2">
      <c r="B37" s="106" t="s">
        <v>34</v>
      </c>
      <c r="C37" s="217">
        <v>0</v>
      </c>
      <c r="D37" s="219">
        <v>0</v>
      </c>
      <c r="E37" s="219">
        <v>0</v>
      </c>
      <c r="F37" s="220">
        <v>0</v>
      </c>
      <c r="G37" s="218">
        <v>0</v>
      </c>
      <c r="H37" s="218">
        <v>8</v>
      </c>
      <c r="I37" s="218">
        <v>27</v>
      </c>
      <c r="J37" s="219">
        <v>11</v>
      </c>
      <c r="K37" s="240">
        <v>46</v>
      </c>
      <c r="L37" s="241">
        <v>46</v>
      </c>
      <c r="M37" s="217">
        <v>0</v>
      </c>
      <c r="N37" s="219">
        <v>0</v>
      </c>
      <c r="O37" s="240">
        <v>0</v>
      </c>
      <c r="P37" s="220">
        <v>0</v>
      </c>
      <c r="Q37" s="218">
        <v>0</v>
      </c>
      <c r="R37" s="218">
        <v>8</v>
      </c>
      <c r="S37" s="218">
        <v>27</v>
      </c>
      <c r="T37" s="219">
        <v>11</v>
      </c>
      <c r="U37" s="240">
        <v>46</v>
      </c>
      <c r="V37" s="242">
        <v>46</v>
      </c>
      <c r="W37" s="222">
        <v>0</v>
      </c>
      <c r="X37" s="219">
        <v>0</v>
      </c>
      <c r="Y37" s="240">
        <v>0</v>
      </c>
      <c r="Z37" s="222">
        <v>0</v>
      </c>
      <c r="AA37" s="218">
        <v>0</v>
      </c>
      <c r="AB37" s="218">
        <v>0</v>
      </c>
      <c r="AC37" s="218">
        <v>0</v>
      </c>
      <c r="AD37" s="219">
        <v>0</v>
      </c>
      <c r="AE37" s="240">
        <v>0</v>
      </c>
      <c r="AF37" s="221">
        <v>0</v>
      </c>
      <c r="AG37" s="222">
        <v>0</v>
      </c>
      <c r="AH37" s="219">
        <v>0</v>
      </c>
      <c r="AI37" s="240">
        <v>0</v>
      </c>
      <c r="AJ37" s="222">
        <v>6</v>
      </c>
      <c r="AK37" s="218">
        <v>13</v>
      </c>
      <c r="AL37" s="218">
        <v>6</v>
      </c>
      <c r="AM37" s="218">
        <v>8</v>
      </c>
      <c r="AN37" s="219">
        <v>6</v>
      </c>
      <c r="AO37" s="240">
        <v>39</v>
      </c>
      <c r="AP37" s="221">
        <v>39</v>
      </c>
      <c r="AQ37" s="222">
        <v>0</v>
      </c>
      <c r="AR37" s="219">
        <v>0</v>
      </c>
      <c r="AS37" s="240">
        <v>0</v>
      </c>
      <c r="AT37" s="220">
        <v>6</v>
      </c>
      <c r="AU37" s="218">
        <v>13</v>
      </c>
      <c r="AV37" s="218">
        <v>6</v>
      </c>
      <c r="AW37" s="218">
        <v>8</v>
      </c>
      <c r="AX37" s="219">
        <v>6</v>
      </c>
      <c r="AY37" s="240">
        <v>39</v>
      </c>
      <c r="AZ37" s="241">
        <v>39</v>
      </c>
      <c r="BA37" s="217">
        <v>0</v>
      </c>
      <c r="BB37" s="219">
        <v>0</v>
      </c>
      <c r="BC37" s="219">
        <v>0</v>
      </c>
      <c r="BD37" s="220">
        <v>0</v>
      </c>
      <c r="BE37" s="218">
        <v>0</v>
      </c>
      <c r="BF37" s="218">
        <v>0</v>
      </c>
      <c r="BG37" s="218">
        <v>0</v>
      </c>
      <c r="BH37" s="219">
        <v>0</v>
      </c>
      <c r="BI37" s="240">
        <v>0</v>
      </c>
      <c r="BJ37" s="242">
        <v>0</v>
      </c>
      <c r="BK37" s="222">
        <v>0</v>
      </c>
      <c r="BL37" s="219">
        <v>0</v>
      </c>
      <c r="BM37" s="219">
        <v>0</v>
      </c>
      <c r="BN37" s="220">
        <v>0</v>
      </c>
      <c r="BO37" s="218">
        <v>0</v>
      </c>
      <c r="BP37" s="218">
        <v>0</v>
      </c>
      <c r="BQ37" s="218">
        <v>0</v>
      </c>
      <c r="BR37" s="219">
        <v>0</v>
      </c>
      <c r="BS37" s="240">
        <v>0</v>
      </c>
      <c r="BT37" s="241">
        <v>0</v>
      </c>
      <c r="BU37" s="217">
        <v>0</v>
      </c>
      <c r="BV37" s="219">
        <v>0</v>
      </c>
      <c r="BW37" s="219">
        <v>0</v>
      </c>
      <c r="BX37" s="220">
        <v>0</v>
      </c>
      <c r="BY37" s="218">
        <v>0</v>
      </c>
      <c r="BZ37" s="218">
        <v>0</v>
      </c>
      <c r="CA37" s="218">
        <v>0</v>
      </c>
      <c r="CB37" s="219">
        <v>0</v>
      </c>
      <c r="CC37" s="240">
        <v>0</v>
      </c>
      <c r="CD37" s="242">
        <v>0</v>
      </c>
      <c r="CE37" s="222">
        <v>0</v>
      </c>
      <c r="CF37" s="219">
        <v>0</v>
      </c>
      <c r="CG37" s="219">
        <v>0</v>
      </c>
      <c r="CH37" s="220">
        <v>0</v>
      </c>
      <c r="CI37" s="218">
        <v>0</v>
      </c>
      <c r="CJ37" s="218">
        <v>0</v>
      </c>
      <c r="CK37" s="218">
        <v>0</v>
      </c>
      <c r="CL37" s="219">
        <v>0</v>
      </c>
      <c r="CM37" s="240">
        <v>0</v>
      </c>
      <c r="CN37" s="242">
        <v>0</v>
      </c>
      <c r="CO37" s="222">
        <v>0</v>
      </c>
      <c r="CP37" s="219">
        <v>0</v>
      </c>
      <c r="CQ37" s="219">
        <v>0</v>
      </c>
      <c r="CR37" s="220">
        <v>0</v>
      </c>
      <c r="CS37" s="218">
        <v>0</v>
      </c>
      <c r="CT37" s="218">
        <v>0</v>
      </c>
      <c r="CU37" s="218">
        <v>1</v>
      </c>
      <c r="CV37" s="219">
        <v>2</v>
      </c>
      <c r="CW37" s="240">
        <v>3</v>
      </c>
      <c r="CX37" s="241">
        <v>3</v>
      </c>
      <c r="CY37" s="217">
        <v>0</v>
      </c>
      <c r="CZ37" s="219">
        <v>0</v>
      </c>
      <c r="DA37" s="219">
        <v>0</v>
      </c>
      <c r="DB37" s="220">
        <v>0</v>
      </c>
      <c r="DC37" s="218">
        <v>0</v>
      </c>
      <c r="DD37" s="218">
        <v>0</v>
      </c>
      <c r="DE37" s="218">
        <v>1</v>
      </c>
      <c r="DF37" s="219">
        <v>1</v>
      </c>
      <c r="DG37" s="240">
        <v>2</v>
      </c>
      <c r="DH37" s="242">
        <v>2</v>
      </c>
      <c r="DI37" s="222">
        <v>0</v>
      </c>
      <c r="DJ37" s="219">
        <v>0</v>
      </c>
      <c r="DK37" s="219">
        <v>0</v>
      </c>
      <c r="DL37" s="220">
        <v>0</v>
      </c>
      <c r="DM37" s="218">
        <v>0</v>
      </c>
      <c r="DN37" s="218">
        <v>0</v>
      </c>
      <c r="DO37" s="218">
        <v>0</v>
      </c>
      <c r="DP37" s="219">
        <v>1</v>
      </c>
      <c r="DQ37" s="240">
        <v>1</v>
      </c>
      <c r="DR37" s="242">
        <v>1</v>
      </c>
      <c r="DS37" s="222">
        <v>0</v>
      </c>
      <c r="DT37" s="219">
        <v>0</v>
      </c>
      <c r="DU37" s="219">
        <v>0</v>
      </c>
      <c r="DV37" s="220">
        <v>6</v>
      </c>
      <c r="DW37" s="218">
        <v>13</v>
      </c>
      <c r="DX37" s="218">
        <v>14</v>
      </c>
      <c r="DY37" s="218">
        <v>36</v>
      </c>
      <c r="DZ37" s="219">
        <v>19</v>
      </c>
      <c r="EA37" s="240">
        <v>88</v>
      </c>
      <c r="EB37" s="242">
        <v>88</v>
      </c>
      <c r="EC37" s="239"/>
    </row>
    <row r="38" spans="2:133" ht="21" customHeight="1" x14ac:dyDescent="0.2">
      <c r="B38" s="106" t="s">
        <v>35</v>
      </c>
      <c r="C38" s="217">
        <v>0</v>
      </c>
      <c r="D38" s="219">
        <v>0</v>
      </c>
      <c r="E38" s="219">
        <v>0</v>
      </c>
      <c r="F38" s="220">
        <v>1</v>
      </c>
      <c r="G38" s="218">
        <v>1</v>
      </c>
      <c r="H38" s="218">
        <v>24</v>
      </c>
      <c r="I38" s="218">
        <v>50</v>
      </c>
      <c r="J38" s="219">
        <v>29</v>
      </c>
      <c r="K38" s="240">
        <v>105</v>
      </c>
      <c r="L38" s="241">
        <v>105</v>
      </c>
      <c r="M38" s="217">
        <v>0</v>
      </c>
      <c r="N38" s="219">
        <v>0</v>
      </c>
      <c r="O38" s="240">
        <v>0</v>
      </c>
      <c r="P38" s="220">
        <v>1</v>
      </c>
      <c r="Q38" s="218">
        <v>1</v>
      </c>
      <c r="R38" s="218">
        <v>24</v>
      </c>
      <c r="S38" s="218">
        <v>50</v>
      </c>
      <c r="T38" s="219">
        <v>29</v>
      </c>
      <c r="U38" s="240">
        <v>105</v>
      </c>
      <c r="V38" s="242">
        <v>105</v>
      </c>
      <c r="W38" s="222">
        <v>0</v>
      </c>
      <c r="X38" s="219">
        <v>0</v>
      </c>
      <c r="Y38" s="240">
        <v>0</v>
      </c>
      <c r="Z38" s="222">
        <v>0</v>
      </c>
      <c r="AA38" s="218">
        <v>0</v>
      </c>
      <c r="AB38" s="218">
        <v>0</v>
      </c>
      <c r="AC38" s="218">
        <v>0</v>
      </c>
      <c r="AD38" s="219">
        <v>0</v>
      </c>
      <c r="AE38" s="240">
        <v>0</v>
      </c>
      <c r="AF38" s="221">
        <v>0</v>
      </c>
      <c r="AG38" s="222">
        <v>0</v>
      </c>
      <c r="AH38" s="219">
        <v>0</v>
      </c>
      <c r="AI38" s="240">
        <v>0</v>
      </c>
      <c r="AJ38" s="222">
        <v>16</v>
      </c>
      <c r="AK38" s="218">
        <v>34</v>
      </c>
      <c r="AL38" s="218">
        <v>26</v>
      </c>
      <c r="AM38" s="218">
        <v>16</v>
      </c>
      <c r="AN38" s="219">
        <v>10</v>
      </c>
      <c r="AO38" s="240">
        <v>102</v>
      </c>
      <c r="AP38" s="221">
        <v>102</v>
      </c>
      <c r="AQ38" s="222">
        <v>0</v>
      </c>
      <c r="AR38" s="219">
        <v>0</v>
      </c>
      <c r="AS38" s="240">
        <v>0</v>
      </c>
      <c r="AT38" s="220">
        <v>16</v>
      </c>
      <c r="AU38" s="218">
        <v>34</v>
      </c>
      <c r="AV38" s="218">
        <v>26</v>
      </c>
      <c r="AW38" s="218">
        <v>16</v>
      </c>
      <c r="AX38" s="219">
        <v>10</v>
      </c>
      <c r="AY38" s="240">
        <v>102</v>
      </c>
      <c r="AZ38" s="241">
        <v>102</v>
      </c>
      <c r="BA38" s="217">
        <v>0</v>
      </c>
      <c r="BB38" s="219">
        <v>0</v>
      </c>
      <c r="BC38" s="219">
        <v>0</v>
      </c>
      <c r="BD38" s="220">
        <v>0</v>
      </c>
      <c r="BE38" s="218">
        <v>0</v>
      </c>
      <c r="BF38" s="218">
        <v>0</v>
      </c>
      <c r="BG38" s="218">
        <v>0</v>
      </c>
      <c r="BH38" s="219">
        <v>0</v>
      </c>
      <c r="BI38" s="240">
        <v>0</v>
      </c>
      <c r="BJ38" s="242">
        <v>0</v>
      </c>
      <c r="BK38" s="222">
        <v>0</v>
      </c>
      <c r="BL38" s="219">
        <v>0</v>
      </c>
      <c r="BM38" s="219">
        <v>0</v>
      </c>
      <c r="BN38" s="220">
        <v>0</v>
      </c>
      <c r="BO38" s="218">
        <v>0</v>
      </c>
      <c r="BP38" s="218">
        <v>0</v>
      </c>
      <c r="BQ38" s="218">
        <v>0</v>
      </c>
      <c r="BR38" s="219">
        <v>0</v>
      </c>
      <c r="BS38" s="240">
        <v>0</v>
      </c>
      <c r="BT38" s="241">
        <v>0</v>
      </c>
      <c r="BU38" s="217">
        <v>0</v>
      </c>
      <c r="BV38" s="219">
        <v>0</v>
      </c>
      <c r="BW38" s="219">
        <v>0</v>
      </c>
      <c r="BX38" s="220">
        <v>0</v>
      </c>
      <c r="BY38" s="218">
        <v>0</v>
      </c>
      <c r="BZ38" s="218">
        <v>0</v>
      </c>
      <c r="CA38" s="218">
        <v>0</v>
      </c>
      <c r="CB38" s="219">
        <v>0</v>
      </c>
      <c r="CC38" s="240">
        <v>0</v>
      </c>
      <c r="CD38" s="242">
        <v>0</v>
      </c>
      <c r="CE38" s="222">
        <v>0</v>
      </c>
      <c r="CF38" s="219">
        <v>0</v>
      </c>
      <c r="CG38" s="219">
        <v>0</v>
      </c>
      <c r="CH38" s="220">
        <v>0</v>
      </c>
      <c r="CI38" s="218">
        <v>0</v>
      </c>
      <c r="CJ38" s="218">
        <v>0</v>
      </c>
      <c r="CK38" s="218">
        <v>0</v>
      </c>
      <c r="CL38" s="219">
        <v>0</v>
      </c>
      <c r="CM38" s="240">
        <v>0</v>
      </c>
      <c r="CN38" s="242">
        <v>0</v>
      </c>
      <c r="CO38" s="222">
        <v>0</v>
      </c>
      <c r="CP38" s="219">
        <v>0</v>
      </c>
      <c r="CQ38" s="219">
        <v>0</v>
      </c>
      <c r="CR38" s="220">
        <v>2</v>
      </c>
      <c r="CS38" s="218">
        <v>4</v>
      </c>
      <c r="CT38" s="218">
        <v>4</v>
      </c>
      <c r="CU38" s="218">
        <v>4</v>
      </c>
      <c r="CV38" s="219">
        <v>5</v>
      </c>
      <c r="CW38" s="240">
        <v>19</v>
      </c>
      <c r="CX38" s="241">
        <v>19</v>
      </c>
      <c r="CY38" s="217">
        <v>0</v>
      </c>
      <c r="CZ38" s="219">
        <v>0</v>
      </c>
      <c r="DA38" s="219">
        <v>0</v>
      </c>
      <c r="DB38" s="220">
        <v>1</v>
      </c>
      <c r="DC38" s="218">
        <v>4</v>
      </c>
      <c r="DD38" s="218">
        <v>4</v>
      </c>
      <c r="DE38" s="218">
        <v>4</v>
      </c>
      <c r="DF38" s="219">
        <v>5</v>
      </c>
      <c r="DG38" s="240">
        <v>18</v>
      </c>
      <c r="DH38" s="242">
        <v>18</v>
      </c>
      <c r="DI38" s="222">
        <v>0</v>
      </c>
      <c r="DJ38" s="219">
        <v>0</v>
      </c>
      <c r="DK38" s="219">
        <v>0</v>
      </c>
      <c r="DL38" s="220">
        <v>1</v>
      </c>
      <c r="DM38" s="218">
        <v>0</v>
      </c>
      <c r="DN38" s="218">
        <v>0</v>
      </c>
      <c r="DO38" s="218">
        <v>0</v>
      </c>
      <c r="DP38" s="219">
        <v>0</v>
      </c>
      <c r="DQ38" s="240">
        <v>1</v>
      </c>
      <c r="DR38" s="242">
        <v>1</v>
      </c>
      <c r="DS38" s="222">
        <v>0</v>
      </c>
      <c r="DT38" s="219">
        <v>0</v>
      </c>
      <c r="DU38" s="219">
        <v>0</v>
      </c>
      <c r="DV38" s="220">
        <v>19</v>
      </c>
      <c r="DW38" s="218">
        <v>39</v>
      </c>
      <c r="DX38" s="218">
        <v>54</v>
      </c>
      <c r="DY38" s="218">
        <v>70</v>
      </c>
      <c r="DZ38" s="219">
        <v>44</v>
      </c>
      <c r="EA38" s="240">
        <v>226</v>
      </c>
      <c r="EB38" s="242">
        <v>226</v>
      </c>
      <c r="EC38" s="239"/>
    </row>
    <row r="39" spans="2:133" ht="21" customHeight="1" x14ac:dyDescent="0.2">
      <c r="B39" s="106" t="s">
        <v>36</v>
      </c>
      <c r="C39" s="217">
        <v>0</v>
      </c>
      <c r="D39" s="219">
        <v>0</v>
      </c>
      <c r="E39" s="219">
        <v>0</v>
      </c>
      <c r="F39" s="220">
        <v>0</v>
      </c>
      <c r="G39" s="218">
        <v>4</v>
      </c>
      <c r="H39" s="218">
        <v>70</v>
      </c>
      <c r="I39" s="218">
        <v>79</v>
      </c>
      <c r="J39" s="219">
        <v>60</v>
      </c>
      <c r="K39" s="240">
        <v>213</v>
      </c>
      <c r="L39" s="241">
        <v>213</v>
      </c>
      <c r="M39" s="217">
        <v>0</v>
      </c>
      <c r="N39" s="219">
        <v>0</v>
      </c>
      <c r="O39" s="240">
        <v>0</v>
      </c>
      <c r="P39" s="220">
        <v>0</v>
      </c>
      <c r="Q39" s="218">
        <v>4</v>
      </c>
      <c r="R39" s="218">
        <v>69</v>
      </c>
      <c r="S39" s="218">
        <v>75</v>
      </c>
      <c r="T39" s="219">
        <v>59</v>
      </c>
      <c r="U39" s="240">
        <v>207</v>
      </c>
      <c r="V39" s="242">
        <v>207</v>
      </c>
      <c r="W39" s="222">
        <v>0</v>
      </c>
      <c r="X39" s="219">
        <v>0</v>
      </c>
      <c r="Y39" s="240">
        <v>0</v>
      </c>
      <c r="Z39" s="222">
        <v>0</v>
      </c>
      <c r="AA39" s="218">
        <v>0</v>
      </c>
      <c r="AB39" s="218">
        <v>1</v>
      </c>
      <c r="AC39" s="218">
        <v>4</v>
      </c>
      <c r="AD39" s="219">
        <v>1</v>
      </c>
      <c r="AE39" s="240">
        <v>6</v>
      </c>
      <c r="AF39" s="221">
        <v>6</v>
      </c>
      <c r="AG39" s="222">
        <v>0</v>
      </c>
      <c r="AH39" s="219">
        <v>0</v>
      </c>
      <c r="AI39" s="240">
        <v>0</v>
      </c>
      <c r="AJ39" s="222">
        <v>9</v>
      </c>
      <c r="AK39" s="218">
        <v>21</v>
      </c>
      <c r="AL39" s="218">
        <v>36</v>
      </c>
      <c r="AM39" s="218">
        <v>50</v>
      </c>
      <c r="AN39" s="219">
        <v>16</v>
      </c>
      <c r="AO39" s="240">
        <v>132</v>
      </c>
      <c r="AP39" s="221">
        <v>132</v>
      </c>
      <c r="AQ39" s="222">
        <v>0</v>
      </c>
      <c r="AR39" s="219">
        <v>0</v>
      </c>
      <c r="AS39" s="240">
        <v>0</v>
      </c>
      <c r="AT39" s="220">
        <v>9</v>
      </c>
      <c r="AU39" s="218">
        <v>21</v>
      </c>
      <c r="AV39" s="218">
        <v>36</v>
      </c>
      <c r="AW39" s="218">
        <v>47</v>
      </c>
      <c r="AX39" s="219">
        <v>16</v>
      </c>
      <c r="AY39" s="240">
        <v>129</v>
      </c>
      <c r="AZ39" s="241">
        <v>129</v>
      </c>
      <c r="BA39" s="217">
        <v>0</v>
      </c>
      <c r="BB39" s="219">
        <v>0</v>
      </c>
      <c r="BC39" s="219">
        <v>0</v>
      </c>
      <c r="BD39" s="220">
        <v>0</v>
      </c>
      <c r="BE39" s="218">
        <v>0</v>
      </c>
      <c r="BF39" s="218">
        <v>0</v>
      </c>
      <c r="BG39" s="218">
        <v>3</v>
      </c>
      <c r="BH39" s="219">
        <v>0</v>
      </c>
      <c r="BI39" s="240">
        <v>3</v>
      </c>
      <c r="BJ39" s="242">
        <v>3</v>
      </c>
      <c r="BK39" s="222">
        <v>0</v>
      </c>
      <c r="BL39" s="219">
        <v>0</v>
      </c>
      <c r="BM39" s="219">
        <v>0</v>
      </c>
      <c r="BN39" s="220">
        <v>0</v>
      </c>
      <c r="BO39" s="218">
        <v>0</v>
      </c>
      <c r="BP39" s="218">
        <v>0</v>
      </c>
      <c r="BQ39" s="218">
        <v>0</v>
      </c>
      <c r="BR39" s="219">
        <v>0</v>
      </c>
      <c r="BS39" s="240">
        <v>0</v>
      </c>
      <c r="BT39" s="241">
        <v>0</v>
      </c>
      <c r="BU39" s="217">
        <v>0</v>
      </c>
      <c r="BV39" s="219">
        <v>0</v>
      </c>
      <c r="BW39" s="219">
        <v>0</v>
      </c>
      <c r="BX39" s="220">
        <v>0</v>
      </c>
      <c r="BY39" s="218">
        <v>0</v>
      </c>
      <c r="BZ39" s="218">
        <v>0</v>
      </c>
      <c r="CA39" s="218">
        <v>0</v>
      </c>
      <c r="CB39" s="219">
        <v>0</v>
      </c>
      <c r="CC39" s="240">
        <v>0</v>
      </c>
      <c r="CD39" s="242">
        <v>0</v>
      </c>
      <c r="CE39" s="222">
        <v>0</v>
      </c>
      <c r="CF39" s="219">
        <v>0</v>
      </c>
      <c r="CG39" s="219">
        <v>0</v>
      </c>
      <c r="CH39" s="220">
        <v>0</v>
      </c>
      <c r="CI39" s="218">
        <v>0</v>
      </c>
      <c r="CJ39" s="218">
        <v>0</v>
      </c>
      <c r="CK39" s="218">
        <v>0</v>
      </c>
      <c r="CL39" s="219">
        <v>0</v>
      </c>
      <c r="CM39" s="240">
        <v>0</v>
      </c>
      <c r="CN39" s="242">
        <v>0</v>
      </c>
      <c r="CO39" s="222">
        <v>0</v>
      </c>
      <c r="CP39" s="219">
        <v>0</v>
      </c>
      <c r="CQ39" s="219">
        <v>0</v>
      </c>
      <c r="CR39" s="220">
        <v>0</v>
      </c>
      <c r="CS39" s="218">
        <v>0</v>
      </c>
      <c r="CT39" s="218">
        <v>0</v>
      </c>
      <c r="CU39" s="218">
        <v>5</v>
      </c>
      <c r="CV39" s="219">
        <v>6</v>
      </c>
      <c r="CW39" s="240">
        <v>11</v>
      </c>
      <c r="CX39" s="241">
        <v>11</v>
      </c>
      <c r="CY39" s="217">
        <v>0</v>
      </c>
      <c r="CZ39" s="219">
        <v>0</v>
      </c>
      <c r="DA39" s="219">
        <v>0</v>
      </c>
      <c r="DB39" s="220">
        <v>0</v>
      </c>
      <c r="DC39" s="218">
        <v>0</v>
      </c>
      <c r="DD39" s="218">
        <v>0</v>
      </c>
      <c r="DE39" s="218">
        <v>4</v>
      </c>
      <c r="DF39" s="219">
        <v>6</v>
      </c>
      <c r="DG39" s="240">
        <v>10</v>
      </c>
      <c r="DH39" s="242">
        <v>10</v>
      </c>
      <c r="DI39" s="222">
        <v>0</v>
      </c>
      <c r="DJ39" s="219">
        <v>0</v>
      </c>
      <c r="DK39" s="219">
        <v>0</v>
      </c>
      <c r="DL39" s="220">
        <v>0</v>
      </c>
      <c r="DM39" s="218">
        <v>0</v>
      </c>
      <c r="DN39" s="218">
        <v>0</v>
      </c>
      <c r="DO39" s="218">
        <v>1</v>
      </c>
      <c r="DP39" s="219">
        <v>0</v>
      </c>
      <c r="DQ39" s="240">
        <v>1</v>
      </c>
      <c r="DR39" s="242">
        <v>1</v>
      </c>
      <c r="DS39" s="222">
        <v>0</v>
      </c>
      <c r="DT39" s="219">
        <v>0</v>
      </c>
      <c r="DU39" s="219">
        <v>0</v>
      </c>
      <c r="DV39" s="220">
        <v>9</v>
      </c>
      <c r="DW39" s="218">
        <v>25</v>
      </c>
      <c r="DX39" s="218">
        <v>106</v>
      </c>
      <c r="DY39" s="218">
        <v>133</v>
      </c>
      <c r="DZ39" s="219">
        <v>81</v>
      </c>
      <c r="EA39" s="240">
        <v>354</v>
      </c>
      <c r="EB39" s="242">
        <v>354</v>
      </c>
      <c r="EC39" s="239"/>
    </row>
    <row r="40" spans="2:133" ht="21" customHeight="1" thickBot="1" x14ac:dyDescent="0.25">
      <c r="B40" s="108" t="s">
        <v>37</v>
      </c>
      <c r="C40" s="223">
        <v>0</v>
      </c>
      <c r="D40" s="225">
        <v>0</v>
      </c>
      <c r="E40" s="225">
        <v>0</v>
      </c>
      <c r="F40" s="226">
        <v>0</v>
      </c>
      <c r="G40" s="224">
        <v>0</v>
      </c>
      <c r="H40" s="224">
        <v>6</v>
      </c>
      <c r="I40" s="224">
        <v>8</v>
      </c>
      <c r="J40" s="225">
        <v>6</v>
      </c>
      <c r="K40" s="243">
        <v>20</v>
      </c>
      <c r="L40" s="244">
        <v>20</v>
      </c>
      <c r="M40" s="223">
        <v>0</v>
      </c>
      <c r="N40" s="225">
        <v>0</v>
      </c>
      <c r="O40" s="243">
        <v>0</v>
      </c>
      <c r="P40" s="226">
        <v>0</v>
      </c>
      <c r="Q40" s="224">
        <v>0</v>
      </c>
      <c r="R40" s="224">
        <v>6</v>
      </c>
      <c r="S40" s="224">
        <v>8</v>
      </c>
      <c r="T40" s="225">
        <v>6</v>
      </c>
      <c r="U40" s="243">
        <v>20</v>
      </c>
      <c r="V40" s="245">
        <v>20</v>
      </c>
      <c r="W40" s="228">
        <v>0</v>
      </c>
      <c r="X40" s="225">
        <v>0</v>
      </c>
      <c r="Y40" s="243">
        <v>0</v>
      </c>
      <c r="Z40" s="228">
        <v>0</v>
      </c>
      <c r="AA40" s="224">
        <v>0</v>
      </c>
      <c r="AB40" s="224">
        <v>0</v>
      </c>
      <c r="AC40" s="224">
        <v>0</v>
      </c>
      <c r="AD40" s="225">
        <v>0</v>
      </c>
      <c r="AE40" s="243">
        <v>0</v>
      </c>
      <c r="AF40" s="227">
        <v>0</v>
      </c>
      <c r="AG40" s="228">
        <v>0</v>
      </c>
      <c r="AH40" s="225">
        <v>0</v>
      </c>
      <c r="AI40" s="243">
        <v>0</v>
      </c>
      <c r="AJ40" s="228">
        <v>1</v>
      </c>
      <c r="AK40" s="224">
        <v>2</v>
      </c>
      <c r="AL40" s="224">
        <v>5</v>
      </c>
      <c r="AM40" s="224">
        <v>3</v>
      </c>
      <c r="AN40" s="225">
        <v>6</v>
      </c>
      <c r="AO40" s="243">
        <v>17</v>
      </c>
      <c r="AP40" s="227">
        <v>17</v>
      </c>
      <c r="AQ40" s="228">
        <v>0</v>
      </c>
      <c r="AR40" s="225">
        <v>0</v>
      </c>
      <c r="AS40" s="243">
        <v>0</v>
      </c>
      <c r="AT40" s="226">
        <v>1</v>
      </c>
      <c r="AU40" s="224">
        <v>2</v>
      </c>
      <c r="AV40" s="224">
        <v>5</v>
      </c>
      <c r="AW40" s="224">
        <v>3</v>
      </c>
      <c r="AX40" s="225">
        <v>6</v>
      </c>
      <c r="AY40" s="243">
        <v>17</v>
      </c>
      <c r="AZ40" s="244">
        <v>17</v>
      </c>
      <c r="BA40" s="223">
        <v>0</v>
      </c>
      <c r="BB40" s="225">
        <v>0</v>
      </c>
      <c r="BC40" s="225">
        <v>0</v>
      </c>
      <c r="BD40" s="226">
        <v>0</v>
      </c>
      <c r="BE40" s="224">
        <v>0</v>
      </c>
      <c r="BF40" s="224">
        <v>0</v>
      </c>
      <c r="BG40" s="224">
        <v>0</v>
      </c>
      <c r="BH40" s="225">
        <v>0</v>
      </c>
      <c r="BI40" s="243">
        <v>0</v>
      </c>
      <c r="BJ40" s="245">
        <v>0</v>
      </c>
      <c r="BK40" s="228">
        <v>0</v>
      </c>
      <c r="BL40" s="225">
        <v>0</v>
      </c>
      <c r="BM40" s="225">
        <v>0</v>
      </c>
      <c r="BN40" s="226">
        <v>0</v>
      </c>
      <c r="BO40" s="224">
        <v>0</v>
      </c>
      <c r="BP40" s="224">
        <v>0</v>
      </c>
      <c r="BQ40" s="224">
        <v>0</v>
      </c>
      <c r="BR40" s="225">
        <v>0</v>
      </c>
      <c r="BS40" s="243">
        <v>0</v>
      </c>
      <c r="BT40" s="244">
        <v>0</v>
      </c>
      <c r="BU40" s="223">
        <v>0</v>
      </c>
      <c r="BV40" s="225">
        <v>0</v>
      </c>
      <c r="BW40" s="225">
        <v>0</v>
      </c>
      <c r="BX40" s="226">
        <v>0</v>
      </c>
      <c r="BY40" s="224">
        <v>0</v>
      </c>
      <c r="BZ40" s="224">
        <v>0</v>
      </c>
      <c r="CA40" s="224">
        <v>0</v>
      </c>
      <c r="CB40" s="225">
        <v>0</v>
      </c>
      <c r="CC40" s="243">
        <v>0</v>
      </c>
      <c r="CD40" s="245">
        <v>0</v>
      </c>
      <c r="CE40" s="228">
        <v>0</v>
      </c>
      <c r="CF40" s="225">
        <v>0</v>
      </c>
      <c r="CG40" s="225">
        <v>0</v>
      </c>
      <c r="CH40" s="226">
        <v>0</v>
      </c>
      <c r="CI40" s="224">
        <v>0</v>
      </c>
      <c r="CJ40" s="224">
        <v>0</v>
      </c>
      <c r="CK40" s="224">
        <v>0</v>
      </c>
      <c r="CL40" s="225">
        <v>0</v>
      </c>
      <c r="CM40" s="243">
        <v>0</v>
      </c>
      <c r="CN40" s="245">
        <v>0</v>
      </c>
      <c r="CO40" s="228">
        <v>0</v>
      </c>
      <c r="CP40" s="225">
        <v>0</v>
      </c>
      <c r="CQ40" s="225">
        <v>0</v>
      </c>
      <c r="CR40" s="226">
        <v>0</v>
      </c>
      <c r="CS40" s="224">
        <v>0</v>
      </c>
      <c r="CT40" s="224">
        <v>0</v>
      </c>
      <c r="CU40" s="224">
        <v>0</v>
      </c>
      <c r="CV40" s="225">
        <v>1</v>
      </c>
      <c r="CW40" s="243">
        <v>1</v>
      </c>
      <c r="CX40" s="244">
        <v>1</v>
      </c>
      <c r="CY40" s="223">
        <v>0</v>
      </c>
      <c r="CZ40" s="225">
        <v>0</v>
      </c>
      <c r="DA40" s="225">
        <v>0</v>
      </c>
      <c r="DB40" s="226">
        <v>0</v>
      </c>
      <c r="DC40" s="224">
        <v>0</v>
      </c>
      <c r="DD40" s="224">
        <v>0</v>
      </c>
      <c r="DE40" s="224">
        <v>0</v>
      </c>
      <c r="DF40" s="225">
        <v>1</v>
      </c>
      <c r="DG40" s="243">
        <v>1</v>
      </c>
      <c r="DH40" s="245">
        <v>1</v>
      </c>
      <c r="DI40" s="228">
        <v>0</v>
      </c>
      <c r="DJ40" s="225">
        <v>0</v>
      </c>
      <c r="DK40" s="225">
        <v>0</v>
      </c>
      <c r="DL40" s="226">
        <v>0</v>
      </c>
      <c r="DM40" s="224">
        <v>0</v>
      </c>
      <c r="DN40" s="224">
        <v>0</v>
      </c>
      <c r="DO40" s="224">
        <v>0</v>
      </c>
      <c r="DP40" s="225">
        <v>0</v>
      </c>
      <c r="DQ40" s="243">
        <v>0</v>
      </c>
      <c r="DR40" s="245">
        <v>0</v>
      </c>
      <c r="DS40" s="228">
        <v>0</v>
      </c>
      <c r="DT40" s="225">
        <v>0</v>
      </c>
      <c r="DU40" s="225">
        <v>0</v>
      </c>
      <c r="DV40" s="226">
        <v>1</v>
      </c>
      <c r="DW40" s="224">
        <v>2</v>
      </c>
      <c r="DX40" s="224">
        <v>11</v>
      </c>
      <c r="DY40" s="224">
        <v>11</v>
      </c>
      <c r="DZ40" s="225">
        <v>13</v>
      </c>
      <c r="EA40" s="243">
        <v>38</v>
      </c>
      <c r="EB40" s="245">
        <v>38</v>
      </c>
      <c r="EC40" s="239"/>
    </row>
    <row r="41" spans="2:133" x14ac:dyDescent="0.2">
      <c r="C41" s="246"/>
      <c r="D41" s="246"/>
      <c r="E41" s="246"/>
      <c r="F41" s="246"/>
      <c r="G41" s="246"/>
      <c r="H41" s="246"/>
      <c r="I41" s="246"/>
      <c r="J41" s="246"/>
      <c r="K41" s="246"/>
      <c r="L41" s="246"/>
      <c r="M41" s="246"/>
      <c r="N41" s="246"/>
      <c r="O41" s="246"/>
      <c r="P41" s="246"/>
      <c r="Q41" s="246"/>
      <c r="R41" s="246"/>
      <c r="S41" s="246"/>
      <c r="T41" s="246"/>
      <c r="U41" s="246"/>
      <c r="V41" s="246"/>
      <c r="W41" s="246"/>
      <c r="X41" s="246"/>
      <c r="Y41" s="246"/>
      <c r="Z41" s="246"/>
      <c r="AA41" s="246"/>
      <c r="AB41" s="246"/>
      <c r="AC41" s="246"/>
      <c r="AD41" s="246"/>
      <c r="AE41" s="246"/>
      <c r="AF41" s="246"/>
      <c r="AG41" s="239"/>
      <c r="AH41" s="239"/>
      <c r="AI41" s="239"/>
      <c r="AJ41" s="239"/>
      <c r="AK41" s="239"/>
      <c r="AL41" s="239"/>
      <c r="AM41" s="239"/>
      <c r="AN41" s="239"/>
      <c r="AO41" s="239"/>
      <c r="AP41" s="239"/>
      <c r="AQ41" s="239"/>
      <c r="AR41" s="239"/>
      <c r="AS41" s="239"/>
      <c r="AT41" s="239"/>
      <c r="AU41" s="239"/>
      <c r="AV41" s="239"/>
      <c r="AW41" s="239"/>
      <c r="AX41" s="239"/>
      <c r="AY41" s="239"/>
      <c r="AZ41" s="239"/>
      <c r="BA41" s="239"/>
      <c r="BB41" s="239"/>
      <c r="BC41" s="239"/>
      <c r="BD41" s="239"/>
      <c r="BE41" s="239"/>
      <c r="BF41" s="239"/>
      <c r="BG41" s="239"/>
      <c r="BH41" s="239"/>
      <c r="BI41" s="239"/>
      <c r="BJ41" s="239"/>
      <c r="BK41" s="239"/>
      <c r="BL41" s="239"/>
      <c r="BM41" s="239"/>
      <c r="BN41" s="239"/>
      <c r="BO41" s="239"/>
      <c r="BP41" s="239"/>
      <c r="BQ41" s="239"/>
      <c r="BR41" s="239"/>
      <c r="BS41" s="239"/>
      <c r="BT41" s="239"/>
      <c r="BU41" s="239"/>
      <c r="BV41" s="239"/>
      <c r="BW41" s="239"/>
      <c r="BX41" s="239"/>
      <c r="BY41" s="239"/>
      <c r="BZ41" s="239"/>
      <c r="CA41" s="239"/>
      <c r="CB41" s="239"/>
      <c r="CC41" s="239"/>
      <c r="CD41" s="239"/>
      <c r="CE41" s="239"/>
      <c r="CF41" s="239"/>
      <c r="CG41" s="239"/>
      <c r="CH41" s="239"/>
      <c r="CI41" s="239"/>
      <c r="CJ41" s="239"/>
      <c r="CK41" s="239"/>
      <c r="CL41" s="239"/>
      <c r="CM41" s="239"/>
      <c r="CN41" s="239"/>
      <c r="CO41" s="239"/>
      <c r="CP41" s="239"/>
      <c r="CQ41" s="239"/>
      <c r="CR41" s="239"/>
      <c r="CS41" s="239"/>
      <c r="CT41" s="239"/>
      <c r="CU41" s="239"/>
      <c r="CV41" s="239"/>
      <c r="CW41" s="239"/>
      <c r="CX41" s="239"/>
      <c r="CY41" s="239"/>
      <c r="CZ41" s="239"/>
      <c r="DA41" s="239"/>
      <c r="DB41" s="239"/>
      <c r="DC41" s="239"/>
      <c r="DD41" s="239"/>
      <c r="DE41" s="239"/>
      <c r="DF41" s="239"/>
      <c r="DG41" s="239"/>
      <c r="DH41" s="239"/>
      <c r="DI41" s="239"/>
      <c r="DJ41" s="239"/>
      <c r="DK41" s="239"/>
      <c r="DL41" s="239"/>
      <c r="DM41" s="239"/>
      <c r="DN41" s="239"/>
      <c r="DO41" s="239"/>
      <c r="DP41" s="239"/>
      <c r="DQ41" s="239"/>
      <c r="DR41" s="239"/>
      <c r="DS41" s="239"/>
      <c r="DT41" s="239"/>
      <c r="DU41" s="239"/>
      <c r="DV41" s="239"/>
      <c r="DW41" s="239"/>
      <c r="DX41" s="239"/>
      <c r="DY41" s="239"/>
      <c r="DZ41" s="239"/>
      <c r="EA41" s="239"/>
      <c r="EB41" s="239"/>
      <c r="EC41" s="239"/>
    </row>
    <row r="42" spans="2:133" x14ac:dyDescent="0.2">
      <c r="C42" s="246"/>
      <c r="D42" s="246"/>
      <c r="E42" s="246"/>
      <c r="F42" s="246"/>
      <c r="G42" s="246"/>
      <c r="H42" s="246"/>
      <c r="I42" s="246"/>
      <c r="J42" s="246"/>
      <c r="K42" s="246"/>
      <c r="L42" s="246"/>
      <c r="M42" s="246"/>
      <c r="N42" s="246"/>
      <c r="O42" s="246"/>
      <c r="P42" s="246"/>
      <c r="Q42" s="246"/>
      <c r="R42" s="246"/>
      <c r="S42" s="246"/>
      <c r="T42" s="246"/>
      <c r="U42" s="246"/>
      <c r="V42" s="246"/>
      <c r="W42" s="246"/>
      <c r="X42" s="246"/>
      <c r="Y42" s="246"/>
      <c r="Z42" s="246"/>
      <c r="AA42" s="246"/>
      <c r="AB42" s="246"/>
      <c r="AC42" s="246"/>
      <c r="AD42" s="246"/>
      <c r="AE42" s="246"/>
      <c r="AF42" s="246"/>
      <c r="AG42" s="239"/>
      <c r="AH42" s="239"/>
      <c r="AI42" s="239"/>
      <c r="AJ42" s="239"/>
      <c r="AK42" s="239"/>
      <c r="AL42" s="239"/>
      <c r="AM42" s="239"/>
      <c r="AN42" s="239"/>
      <c r="AO42" s="239"/>
      <c r="AP42" s="239"/>
      <c r="AQ42" s="239"/>
      <c r="AR42" s="239"/>
      <c r="AS42" s="239"/>
      <c r="AT42" s="239"/>
      <c r="AU42" s="239"/>
      <c r="AV42" s="239"/>
      <c r="AW42" s="239"/>
      <c r="AX42" s="239"/>
      <c r="AY42" s="239"/>
      <c r="AZ42" s="239"/>
      <c r="BA42" s="239"/>
      <c r="BB42" s="239"/>
      <c r="BC42" s="239"/>
      <c r="BD42" s="239"/>
      <c r="BE42" s="239"/>
      <c r="BF42" s="239"/>
      <c r="BG42" s="239"/>
      <c r="BH42" s="239"/>
      <c r="BI42" s="239"/>
      <c r="BJ42" s="239"/>
      <c r="BK42" s="239"/>
      <c r="BL42" s="239"/>
      <c r="BM42" s="239"/>
      <c r="BN42" s="239"/>
      <c r="BO42" s="239"/>
      <c r="BP42" s="239"/>
      <c r="BQ42" s="239"/>
      <c r="BR42" s="239"/>
      <c r="BS42" s="239"/>
      <c r="BT42" s="239"/>
      <c r="BU42" s="239"/>
      <c r="BV42" s="239"/>
      <c r="BW42" s="239"/>
      <c r="BX42" s="239"/>
      <c r="BY42" s="239"/>
      <c r="BZ42" s="239"/>
      <c r="CA42" s="239"/>
      <c r="CB42" s="239"/>
      <c r="CC42" s="239"/>
      <c r="CD42" s="239"/>
      <c r="CE42" s="239"/>
      <c r="CF42" s="239"/>
      <c r="CG42" s="239"/>
      <c r="CH42" s="239"/>
      <c r="CI42" s="239"/>
      <c r="CJ42" s="239"/>
      <c r="CK42" s="239"/>
      <c r="CL42" s="239"/>
      <c r="CM42" s="239"/>
      <c r="CN42" s="239"/>
      <c r="CO42" s="239"/>
      <c r="CP42" s="239"/>
      <c r="CQ42" s="239"/>
      <c r="CR42" s="239"/>
      <c r="CS42" s="239"/>
      <c r="CT42" s="239"/>
      <c r="CU42" s="239"/>
      <c r="CV42" s="239"/>
      <c r="CW42" s="239"/>
      <c r="CX42" s="239"/>
      <c r="CY42" s="239"/>
      <c r="CZ42" s="239"/>
      <c r="DA42" s="239"/>
      <c r="DB42" s="239"/>
      <c r="DC42" s="239"/>
      <c r="DD42" s="239"/>
      <c r="DE42" s="239"/>
      <c r="DF42" s="239"/>
      <c r="DG42" s="239"/>
      <c r="DH42" s="239"/>
      <c r="DI42" s="239"/>
      <c r="DJ42" s="239"/>
      <c r="DK42" s="239"/>
      <c r="DL42" s="239"/>
      <c r="DM42" s="239"/>
      <c r="DN42" s="239"/>
      <c r="DO42" s="239"/>
      <c r="DP42" s="239"/>
      <c r="DQ42" s="239"/>
      <c r="DR42" s="239"/>
      <c r="DS42" s="239"/>
      <c r="DT42" s="239"/>
      <c r="DU42" s="239"/>
      <c r="DV42" s="239"/>
      <c r="DW42" s="239"/>
      <c r="DX42" s="239"/>
      <c r="DY42" s="239"/>
      <c r="DZ42" s="239"/>
      <c r="EA42" s="239"/>
      <c r="EB42" s="239"/>
      <c r="EC42" s="239"/>
    </row>
    <row r="43" spans="2:133" x14ac:dyDescent="0.2">
      <c r="C43" s="246"/>
      <c r="D43" s="246"/>
      <c r="E43" s="246"/>
      <c r="F43" s="246"/>
      <c r="G43" s="246"/>
      <c r="H43" s="246"/>
      <c r="I43" s="246"/>
      <c r="J43" s="246"/>
      <c r="K43" s="246"/>
      <c r="L43" s="246"/>
      <c r="M43" s="246"/>
      <c r="N43" s="246"/>
      <c r="O43" s="246"/>
      <c r="P43" s="246"/>
      <c r="Q43" s="246"/>
      <c r="R43" s="246"/>
      <c r="S43" s="246"/>
      <c r="T43" s="246"/>
      <c r="U43" s="246"/>
      <c r="V43" s="246"/>
      <c r="W43" s="246"/>
      <c r="X43" s="246"/>
      <c r="Y43" s="246"/>
      <c r="Z43" s="246"/>
      <c r="AA43" s="246"/>
      <c r="AB43" s="246"/>
      <c r="AC43" s="246"/>
      <c r="AD43" s="246"/>
      <c r="AE43" s="246"/>
      <c r="AF43" s="246"/>
      <c r="AG43" s="239"/>
      <c r="AH43" s="239"/>
      <c r="AI43" s="239"/>
      <c r="AJ43" s="239"/>
      <c r="AK43" s="239"/>
      <c r="AL43" s="239"/>
      <c r="AM43" s="239"/>
      <c r="AN43" s="239"/>
      <c r="AO43" s="239"/>
      <c r="AP43" s="239"/>
      <c r="AQ43" s="239"/>
      <c r="AR43" s="239"/>
      <c r="AS43" s="239"/>
      <c r="AT43" s="239"/>
      <c r="AU43" s="239"/>
      <c r="AV43" s="239"/>
      <c r="AW43" s="239"/>
      <c r="AX43" s="239"/>
      <c r="AY43" s="239"/>
      <c r="AZ43" s="239"/>
      <c r="BA43" s="239"/>
      <c r="BB43" s="239"/>
      <c r="BC43" s="239"/>
      <c r="BD43" s="239"/>
      <c r="BE43" s="239"/>
      <c r="BF43" s="239"/>
      <c r="BG43" s="239"/>
      <c r="BH43" s="239"/>
      <c r="BI43" s="239"/>
      <c r="BJ43" s="239"/>
      <c r="BK43" s="239"/>
      <c r="BL43" s="239"/>
      <c r="BM43" s="239"/>
      <c r="BN43" s="239"/>
      <c r="BO43" s="239"/>
      <c r="BP43" s="239"/>
      <c r="BQ43" s="239"/>
      <c r="BR43" s="239"/>
      <c r="BS43" s="239"/>
      <c r="BT43" s="239"/>
      <c r="BU43" s="239"/>
      <c r="BV43" s="239"/>
      <c r="BW43" s="239"/>
      <c r="BX43" s="239"/>
      <c r="BY43" s="239"/>
      <c r="BZ43" s="239"/>
      <c r="CA43" s="239"/>
      <c r="CB43" s="239"/>
      <c r="CC43" s="239"/>
      <c r="CD43" s="239"/>
      <c r="CE43" s="239"/>
      <c r="CF43" s="239"/>
      <c r="CG43" s="239"/>
      <c r="CH43" s="239"/>
      <c r="CI43" s="239"/>
      <c r="CJ43" s="239"/>
      <c r="CK43" s="239"/>
      <c r="CL43" s="239"/>
      <c r="CM43" s="239"/>
      <c r="CN43" s="239"/>
      <c r="CO43" s="239"/>
      <c r="CP43" s="239"/>
      <c r="CQ43" s="239"/>
      <c r="CR43" s="239"/>
      <c r="CS43" s="239"/>
      <c r="CT43" s="239"/>
      <c r="CU43" s="239"/>
      <c r="CV43" s="239"/>
      <c r="CW43" s="239"/>
      <c r="CX43" s="239"/>
      <c r="CY43" s="239"/>
      <c r="CZ43" s="239"/>
      <c r="DA43" s="239"/>
      <c r="DB43" s="239"/>
      <c r="DC43" s="239"/>
      <c r="DD43" s="239"/>
      <c r="DE43" s="239"/>
      <c r="DF43" s="239"/>
      <c r="DG43" s="239"/>
      <c r="DH43" s="239"/>
      <c r="DI43" s="239"/>
      <c r="DJ43" s="239"/>
      <c r="DK43" s="239"/>
      <c r="DL43" s="239"/>
      <c r="DM43" s="239"/>
      <c r="DN43" s="239"/>
      <c r="DO43" s="239"/>
      <c r="DP43" s="239"/>
      <c r="DQ43" s="239"/>
      <c r="DR43" s="239"/>
      <c r="DS43" s="239"/>
      <c r="DT43" s="239"/>
      <c r="DU43" s="239"/>
      <c r="DV43" s="239"/>
      <c r="DW43" s="239"/>
      <c r="DX43" s="239"/>
      <c r="DY43" s="239"/>
      <c r="DZ43" s="239"/>
      <c r="EA43" s="239"/>
      <c r="EB43" s="239"/>
      <c r="EC43" s="239"/>
    </row>
    <row r="44" spans="2:133" x14ac:dyDescent="0.2">
      <c r="C44" s="246"/>
      <c r="D44" s="246"/>
      <c r="E44" s="246"/>
      <c r="F44" s="246"/>
      <c r="G44" s="246"/>
      <c r="H44" s="246"/>
      <c r="I44" s="246"/>
      <c r="J44" s="246"/>
      <c r="K44" s="246"/>
      <c r="L44" s="246"/>
      <c r="M44" s="246"/>
      <c r="N44" s="246"/>
      <c r="O44" s="246"/>
      <c r="P44" s="246"/>
      <c r="Q44" s="246"/>
      <c r="R44" s="246"/>
      <c r="S44" s="246"/>
      <c r="T44" s="246"/>
      <c r="U44" s="246"/>
      <c r="V44" s="246"/>
      <c r="W44" s="246"/>
      <c r="X44" s="246"/>
      <c r="Y44" s="246"/>
      <c r="Z44" s="246"/>
      <c r="AA44" s="246"/>
      <c r="AB44" s="246"/>
      <c r="AC44" s="246"/>
      <c r="AD44" s="246"/>
      <c r="AE44" s="246"/>
      <c r="AF44" s="246"/>
      <c r="AG44" s="239"/>
      <c r="AH44" s="239"/>
      <c r="AI44" s="239"/>
      <c r="AJ44" s="239"/>
      <c r="AK44" s="239"/>
      <c r="AL44" s="239"/>
      <c r="AM44" s="239"/>
      <c r="AN44" s="239"/>
      <c r="AO44" s="239"/>
      <c r="AP44" s="239"/>
      <c r="AQ44" s="239"/>
      <c r="AR44" s="239"/>
      <c r="AS44" s="239"/>
      <c r="AT44" s="239"/>
      <c r="AU44" s="239"/>
      <c r="AV44" s="239"/>
      <c r="AW44" s="239"/>
      <c r="AX44" s="239"/>
      <c r="AY44" s="239"/>
      <c r="AZ44" s="239"/>
      <c r="BA44" s="239"/>
      <c r="BB44" s="239"/>
      <c r="BC44" s="239"/>
      <c r="BD44" s="239"/>
      <c r="BE44" s="239"/>
      <c r="BF44" s="239"/>
      <c r="BG44" s="239"/>
      <c r="BH44" s="239"/>
      <c r="BI44" s="239"/>
      <c r="BJ44" s="239"/>
      <c r="BK44" s="239"/>
      <c r="BL44" s="239"/>
      <c r="BM44" s="239"/>
      <c r="BN44" s="239"/>
      <c r="BO44" s="239"/>
      <c r="BP44" s="239"/>
      <c r="BQ44" s="239"/>
      <c r="BR44" s="239"/>
      <c r="BS44" s="239"/>
      <c r="BT44" s="239"/>
      <c r="BU44" s="239"/>
      <c r="BV44" s="239"/>
      <c r="BW44" s="239"/>
      <c r="BX44" s="239"/>
      <c r="BY44" s="239"/>
      <c r="BZ44" s="239"/>
      <c r="CA44" s="239"/>
      <c r="CB44" s="239"/>
      <c r="CC44" s="239"/>
      <c r="CD44" s="239"/>
      <c r="CE44" s="239"/>
      <c r="CF44" s="239"/>
      <c r="CG44" s="239"/>
      <c r="CH44" s="239"/>
      <c r="CI44" s="239"/>
      <c r="CJ44" s="239"/>
      <c r="CK44" s="239"/>
      <c r="CL44" s="239"/>
      <c r="CM44" s="239"/>
      <c r="CN44" s="239"/>
      <c r="CO44" s="239"/>
      <c r="CP44" s="239"/>
      <c r="CQ44" s="239"/>
      <c r="CR44" s="239"/>
      <c r="CS44" s="239"/>
      <c r="CT44" s="239"/>
      <c r="CU44" s="239"/>
      <c r="CV44" s="239"/>
      <c r="CW44" s="239"/>
      <c r="CX44" s="239"/>
      <c r="CY44" s="239"/>
      <c r="CZ44" s="239"/>
      <c r="DA44" s="239"/>
      <c r="DB44" s="239"/>
      <c r="DC44" s="239"/>
      <c r="DD44" s="239"/>
      <c r="DE44" s="239"/>
      <c r="DF44" s="239"/>
      <c r="DG44" s="239"/>
      <c r="DH44" s="239"/>
      <c r="DI44" s="239"/>
      <c r="DJ44" s="239"/>
      <c r="DK44" s="239"/>
      <c r="DL44" s="239"/>
      <c r="DM44" s="239"/>
      <c r="DN44" s="239"/>
      <c r="DO44" s="239"/>
      <c r="DP44" s="239"/>
      <c r="DQ44" s="239"/>
      <c r="DR44" s="239"/>
      <c r="DS44" s="239"/>
      <c r="DT44" s="239"/>
      <c r="DU44" s="239"/>
      <c r="DV44" s="239"/>
      <c r="DW44" s="239"/>
      <c r="DX44" s="239"/>
      <c r="DY44" s="239"/>
      <c r="DZ44" s="239"/>
      <c r="EA44" s="239"/>
      <c r="EB44" s="239"/>
      <c r="EC44" s="239"/>
    </row>
    <row r="45" spans="2:133" x14ac:dyDescent="0.2">
      <c r="C45" s="246"/>
      <c r="D45" s="246"/>
      <c r="E45" s="246"/>
      <c r="F45" s="246"/>
      <c r="G45" s="246"/>
      <c r="H45" s="246"/>
      <c r="I45" s="246"/>
      <c r="J45" s="246"/>
      <c r="K45" s="246"/>
      <c r="L45" s="246"/>
      <c r="M45" s="246"/>
      <c r="N45" s="246"/>
      <c r="O45" s="246"/>
      <c r="P45" s="246"/>
      <c r="Q45" s="246"/>
      <c r="R45" s="246"/>
      <c r="S45" s="246"/>
      <c r="T45" s="246"/>
      <c r="U45" s="246"/>
      <c r="V45" s="246"/>
      <c r="W45" s="246"/>
      <c r="X45" s="246"/>
      <c r="Y45" s="246"/>
      <c r="Z45" s="246"/>
      <c r="AA45" s="246"/>
      <c r="AB45" s="246"/>
      <c r="AC45" s="246"/>
      <c r="AD45" s="246"/>
      <c r="AE45" s="246"/>
      <c r="AF45" s="246"/>
      <c r="AG45" s="239"/>
      <c r="AH45" s="239"/>
      <c r="AI45" s="239"/>
      <c r="AJ45" s="239"/>
      <c r="AK45" s="239"/>
      <c r="AL45" s="239"/>
      <c r="AM45" s="239"/>
      <c r="AN45" s="239"/>
      <c r="AO45" s="239"/>
      <c r="AP45" s="239"/>
      <c r="AQ45" s="239"/>
      <c r="AR45" s="239"/>
      <c r="AS45" s="239"/>
      <c r="AT45" s="239"/>
      <c r="AU45" s="239"/>
      <c r="AV45" s="239"/>
      <c r="AW45" s="239"/>
      <c r="AX45" s="239"/>
      <c r="AY45" s="239"/>
      <c r="AZ45" s="239"/>
      <c r="BA45" s="239"/>
      <c r="BB45" s="239"/>
      <c r="BC45" s="239"/>
      <c r="BD45" s="239"/>
      <c r="BE45" s="239"/>
      <c r="BF45" s="239"/>
      <c r="BG45" s="239"/>
      <c r="BH45" s="239"/>
      <c r="BI45" s="239"/>
      <c r="BJ45" s="239"/>
      <c r="BK45" s="239"/>
      <c r="BL45" s="239"/>
      <c r="BM45" s="239"/>
      <c r="BN45" s="239"/>
      <c r="BO45" s="239"/>
      <c r="BP45" s="239"/>
      <c r="BQ45" s="239"/>
      <c r="BR45" s="239"/>
      <c r="BS45" s="239"/>
      <c r="BT45" s="239"/>
      <c r="BU45" s="239"/>
      <c r="BV45" s="239"/>
      <c r="BW45" s="239"/>
      <c r="BX45" s="239"/>
      <c r="BY45" s="239"/>
      <c r="BZ45" s="239"/>
      <c r="CA45" s="239"/>
      <c r="CB45" s="239"/>
      <c r="CC45" s="239"/>
      <c r="CD45" s="239"/>
      <c r="CE45" s="239"/>
      <c r="CF45" s="239"/>
      <c r="CG45" s="239"/>
      <c r="CH45" s="239"/>
      <c r="CI45" s="239"/>
      <c r="CJ45" s="239"/>
      <c r="CK45" s="239"/>
      <c r="CL45" s="239"/>
      <c r="CM45" s="239"/>
      <c r="CN45" s="239"/>
      <c r="CO45" s="239"/>
      <c r="CP45" s="239"/>
      <c r="CQ45" s="239"/>
      <c r="CR45" s="239"/>
      <c r="CS45" s="239"/>
      <c r="CT45" s="239"/>
      <c r="CU45" s="239"/>
      <c r="CV45" s="239"/>
      <c r="CW45" s="239"/>
      <c r="CX45" s="239"/>
      <c r="CY45" s="239"/>
      <c r="CZ45" s="239"/>
      <c r="DA45" s="239"/>
      <c r="DB45" s="239"/>
      <c r="DC45" s="239"/>
      <c r="DD45" s="239"/>
      <c r="DE45" s="239"/>
      <c r="DF45" s="239"/>
      <c r="DG45" s="239"/>
      <c r="DH45" s="239"/>
      <c r="DI45" s="239"/>
      <c r="DJ45" s="239"/>
      <c r="DK45" s="239"/>
      <c r="DL45" s="239"/>
      <c r="DM45" s="239"/>
      <c r="DN45" s="239"/>
      <c r="DO45" s="239"/>
      <c r="DP45" s="239"/>
      <c r="DQ45" s="239"/>
      <c r="DR45" s="239"/>
      <c r="DS45" s="239"/>
      <c r="DT45" s="239"/>
      <c r="DU45" s="239"/>
      <c r="DV45" s="239"/>
      <c r="DW45" s="239"/>
      <c r="DX45" s="239"/>
      <c r="DY45" s="239"/>
      <c r="DZ45" s="239"/>
      <c r="EA45" s="239"/>
      <c r="EB45" s="239"/>
      <c r="EC45" s="239"/>
    </row>
    <row r="46" spans="2:133" x14ac:dyDescent="0.2">
      <c r="C46" s="70"/>
      <c r="D46" s="70"/>
      <c r="E46" s="70"/>
      <c r="F46" s="70"/>
      <c r="G46" s="70"/>
      <c r="H46" s="70"/>
      <c r="I46" s="70"/>
      <c r="J46" s="70"/>
      <c r="K46" s="70"/>
      <c r="L46" s="70"/>
      <c r="M46" s="70"/>
      <c r="N46" s="70"/>
      <c r="O46" s="70"/>
      <c r="P46" s="70"/>
      <c r="Q46" s="70"/>
      <c r="R46" s="70"/>
      <c r="S46" s="70"/>
      <c r="T46" s="70"/>
      <c r="U46" s="70"/>
      <c r="V46" s="70"/>
      <c r="W46" s="70"/>
      <c r="X46" s="70"/>
      <c r="Y46" s="70"/>
      <c r="Z46" s="70"/>
      <c r="AA46" s="70"/>
      <c r="AB46" s="70"/>
      <c r="AC46" s="70"/>
      <c r="AD46" s="70"/>
      <c r="AE46" s="70"/>
      <c r="AF46" s="70"/>
    </row>
    <row r="47" spans="2:133" x14ac:dyDescent="0.2">
      <c r="C47" s="70"/>
      <c r="D47" s="70"/>
      <c r="E47" s="70"/>
      <c r="F47" s="70"/>
      <c r="G47" s="70"/>
      <c r="H47" s="70"/>
      <c r="I47" s="70"/>
      <c r="J47" s="70"/>
      <c r="K47" s="70"/>
      <c r="L47" s="70"/>
      <c r="M47" s="70"/>
      <c r="N47" s="70"/>
      <c r="O47" s="70"/>
      <c r="P47" s="70"/>
      <c r="Q47" s="70"/>
      <c r="R47" s="70"/>
      <c r="S47" s="70"/>
      <c r="T47" s="70"/>
      <c r="U47" s="70"/>
      <c r="V47" s="70"/>
      <c r="W47" s="70"/>
      <c r="X47" s="70"/>
      <c r="Y47" s="70"/>
      <c r="Z47" s="70"/>
      <c r="AA47" s="70"/>
      <c r="AB47" s="70"/>
      <c r="AC47" s="70"/>
      <c r="AD47" s="70"/>
      <c r="AE47" s="70"/>
      <c r="AF47" s="70"/>
    </row>
    <row r="48" spans="2:133" x14ac:dyDescent="0.2">
      <c r="C48" s="70"/>
      <c r="D48" s="70"/>
      <c r="E48" s="70"/>
      <c r="F48" s="70"/>
      <c r="G48" s="70"/>
      <c r="H48" s="70"/>
      <c r="I48" s="70"/>
      <c r="J48" s="70"/>
      <c r="K48" s="70"/>
      <c r="L48" s="70"/>
      <c r="M48" s="70"/>
      <c r="N48" s="70"/>
      <c r="O48" s="70"/>
      <c r="P48" s="70"/>
      <c r="Q48" s="70"/>
      <c r="R48" s="70"/>
      <c r="S48" s="70"/>
      <c r="T48" s="70"/>
      <c r="U48" s="70"/>
      <c r="V48" s="70"/>
      <c r="W48" s="70"/>
      <c r="X48" s="70"/>
      <c r="Y48" s="70"/>
      <c r="Z48" s="70"/>
      <c r="AA48" s="70"/>
      <c r="AB48" s="70"/>
      <c r="AC48" s="70"/>
      <c r="AD48" s="70"/>
      <c r="AE48" s="70"/>
      <c r="AF48" s="70"/>
    </row>
    <row r="49" spans="3:32" x14ac:dyDescent="0.2">
      <c r="C49" s="70"/>
      <c r="D49" s="70"/>
      <c r="E49" s="70"/>
      <c r="F49" s="70"/>
      <c r="G49" s="70"/>
      <c r="H49" s="70"/>
      <c r="I49" s="70"/>
      <c r="J49" s="70"/>
      <c r="K49" s="70"/>
      <c r="L49" s="70"/>
      <c r="M49" s="70"/>
      <c r="N49" s="70"/>
      <c r="O49" s="70"/>
      <c r="P49" s="70"/>
      <c r="Q49" s="70"/>
      <c r="R49" s="70"/>
      <c r="S49" s="70"/>
      <c r="T49" s="70"/>
      <c r="U49" s="70"/>
      <c r="V49" s="70"/>
      <c r="W49" s="70"/>
      <c r="X49" s="70"/>
      <c r="Y49" s="70"/>
      <c r="Z49" s="70"/>
      <c r="AA49" s="70"/>
      <c r="AB49" s="70"/>
      <c r="AC49" s="70"/>
      <c r="AD49" s="70"/>
      <c r="AE49" s="70"/>
      <c r="AF49" s="70"/>
    </row>
    <row r="50" spans="3:32" x14ac:dyDescent="0.2">
      <c r="C50" s="70"/>
      <c r="D50" s="70"/>
      <c r="E50" s="70"/>
      <c r="F50" s="70"/>
      <c r="G50" s="70"/>
      <c r="H50" s="70"/>
      <c r="I50" s="70"/>
      <c r="J50" s="70"/>
      <c r="K50" s="70"/>
      <c r="L50" s="70"/>
      <c r="M50" s="70"/>
      <c r="N50" s="70"/>
      <c r="O50" s="70"/>
      <c r="P50" s="70"/>
      <c r="Q50" s="70"/>
      <c r="R50" s="70"/>
      <c r="S50" s="70"/>
      <c r="T50" s="70"/>
      <c r="U50" s="70"/>
      <c r="V50" s="70"/>
      <c r="W50" s="70"/>
      <c r="X50" s="70"/>
      <c r="Y50" s="70"/>
      <c r="Z50" s="70"/>
      <c r="AA50" s="70"/>
      <c r="AB50" s="70"/>
      <c r="AC50" s="70"/>
      <c r="AD50" s="70"/>
      <c r="AE50" s="70"/>
      <c r="AF50" s="70"/>
    </row>
    <row r="51" spans="3:32" x14ac:dyDescent="0.2">
      <c r="C51" s="70"/>
      <c r="D51" s="70"/>
      <c r="E51" s="70"/>
      <c r="F51" s="70"/>
      <c r="G51" s="70"/>
      <c r="H51" s="70"/>
      <c r="I51" s="70"/>
      <c r="J51" s="70"/>
      <c r="K51" s="70"/>
      <c r="L51" s="70"/>
      <c r="M51" s="70"/>
      <c r="N51" s="70"/>
      <c r="O51" s="70"/>
      <c r="P51" s="70"/>
      <c r="Q51" s="70"/>
      <c r="R51" s="70"/>
      <c r="S51" s="70"/>
      <c r="T51" s="70"/>
      <c r="U51" s="70"/>
      <c r="V51" s="70"/>
      <c r="W51" s="70"/>
      <c r="X51" s="70"/>
      <c r="Y51" s="70"/>
      <c r="Z51" s="70"/>
      <c r="AA51" s="70"/>
      <c r="AB51" s="70"/>
      <c r="AC51" s="70"/>
      <c r="AD51" s="70"/>
      <c r="AE51" s="70"/>
      <c r="AF51" s="70"/>
    </row>
    <row r="52" spans="3:32" x14ac:dyDescent="0.2">
      <c r="C52" s="70"/>
      <c r="D52" s="70"/>
      <c r="E52" s="70"/>
      <c r="F52" s="70"/>
      <c r="G52" s="70"/>
      <c r="H52" s="70"/>
      <c r="I52" s="70"/>
      <c r="J52" s="70"/>
      <c r="K52" s="70"/>
      <c r="L52" s="70"/>
      <c r="M52" s="70"/>
      <c r="N52" s="70"/>
      <c r="O52" s="70"/>
      <c r="P52" s="70"/>
      <c r="Q52" s="70"/>
      <c r="R52" s="70"/>
      <c r="S52" s="70"/>
      <c r="T52" s="70"/>
      <c r="U52" s="70"/>
      <c r="V52" s="70"/>
      <c r="W52" s="70"/>
      <c r="X52" s="70"/>
      <c r="Y52" s="70"/>
      <c r="Z52" s="70"/>
      <c r="AA52" s="70"/>
      <c r="AB52" s="70"/>
      <c r="AC52" s="70"/>
      <c r="AD52" s="70"/>
      <c r="AE52" s="70"/>
      <c r="AF52" s="70"/>
    </row>
    <row r="53" spans="3:32" x14ac:dyDescent="0.2">
      <c r="C53" s="70"/>
      <c r="D53" s="70"/>
      <c r="E53" s="70"/>
      <c r="F53" s="70"/>
      <c r="G53" s="70"/>
      <c r="H53" s="70"/>
      <c r="I53" s="70"/>
      <c r="J53" s="70"/>
      <c r="K53" s="70"/>
      <c r="L53" s="70"/>
      <c r="M53" s="70"/>
      <c r="N53" s="70"/>
      <c r="O53" s="70"/>
      <c r="P53" s="70"/>
      <c r="Q53" s="70"/>
      <c r="R53" s="70"/>
      <c r="S53" s="70"/>
      <c r="T53" s="70"/>
      <c r="U53" s="70"/>
      <c r="V53" s="70"/>
      <c r="W53" s="70"/>
      <c r="X53" s="70"/>
      <c r="Y53" s="70"/>
      <c r="Z53" s="70"/>
      <c r="AA53" s="70"/>
      <c r="AB53" s="70"/>
      <c r="AC53" s="70"/>
      <c r="AD53" s="70"/>
      <c r="AE53" s="70"/>
      <c r="AF53" s="70"/>
    </row>
    <row r="54" spans="3:32" x14ac:dyDescent="0.2">
      <c r="C54" s="70"/>
      <c r="D54" s="70"/>
      <c r="E54" s="70"/>
      <c r="F54" s="70"/>
      <c r="G54" s="70"/>
      <c r="H54" s="70"/>
      <c r="I54" s="70"/>
      <c r="J54" s="70"/>
      <c r="K54" s="70"/>
      <c r="L54" s="70"/>
      <c r="M54" s="70"/>
      <c r="N54" s="70"/>
      <c r="O54" s="70"/>
      <c r="P54" s="70"/>
      <c r="Q54" s="70"/>
      <c r="R54" s="70"/>
      <c r="S54" s="70"/>
      <c r="T54" s="70"/>
      <c r="U54" s="70"/>
      <c r="V54" s="70"/>
      <c r="W54" s="70"/>
      <c r="X54" s="70"/>
      <c r="Y54" s="70"/>
      <c r="Z54" s="70"/>
      <c r="AA54" s="70"/>
      <c r="AB54" s="70"/>
      <c r="AC54" s="70"/>
      <c r="AD54" s="70"/>
      <c r="AE54" s="70"/>
      <c r="AF54" s="70"/>
    </row>
    <row r="55" spans="3:32" x14ac:dyDescent="0.2">
      <c r="C55" s="70"/>
      <c r="D55" s="70"/>
      <c r="E55" s="70"/>
      <c r="F55" s="70"/>
      <c r="G55" s="70"/>
      <c r="H55" s="70"/>
      <c r="I55" s="70"/>
      <c r="J55" s="70"/>
      <c r="K55" s="70"/>
      <c r="L55" s="70"/>
      <c r="M55" s="70"/>
      <c r="N55" s="70"/>
      <c r="O55" s="70"/>
      <c r="P55" s="70"/>
      <c r="Q55" s="70"/>
      <c r="R55" s="70"/>
      <c r="S55" s="70"/>
      <c r="T55" s="70"/>
      <c r="U55" s="70"/>
      <c r="V55" s="70"/>
      <c r="W55" s="70"/>
      <c r="X55" s="70"/>
      <c r="Y55" s="70"/>
      <c r="Z55" s="70"/>
      <c r="AA55" s="70"/>
      <c r="AB55" s="70"/>
      <c r="AC55" s="70"/>
      <c r="AD55" s="70"/>
      <c r="AE55" s="70"/>
      <c r="AF55" s="70"/>
    </row>
    <row r="56" spans="3:32" x14ac:dyDescent="0.2">
      <c r="C56" s="70"/>
      <c r="D56" s="70"/>
      <c r="E56" s="70"/>
      <c r="F56" s="70"/>
      <c r="G56" s="70"/>
      <c r="H56" s="70"/>
      <c r="I56" s="70"/>
      <c r="J56" s="70"/>
      <c r="K56" s="70"/>
      <c r="L56" s="70"/>
      <c r="M56" s="70"/>
      <c r="N56" s="70"/>
      <c r="O56" s="70"/>
      <c r="P56" s="70"/>
      <c r="Q56" s="70"/>
      <c r="R56" s="70"/>
      <c r="S56" s="70"/>
      <c r="T56" s="70"/>
      <c r="U56" s="70"/>
      <c r="V56" s="70"/>
      <c r="W56" s="70"/>
      <c r="X56" s="70"/>
      <c r="Y56" s="70"/>
      <c r="Z56" s="70"/>
      <c r="AA56" s="70"/>
      <c r="AB56" s="70"/>
      <c r="AC56" s="70"/>
      <c r="AD56" s="70"/>
      <c r="AE56" s="70"/>
      <c r="AF56" s="70"/>
    </row>
    <row r="57" spans="3:32" x14ac:dyDescent="0.2">
      <c r="C57" s="70"/>
      <c r="D57" s="70"/>
      <c r="E57" s="70"/>
      <c r="F57" s="70"/>
      <c r="G57" s="70"/>
      <c r="H57" s="70"/>
      <c r="I57" s="70"/>
      <c r="J57" s="70"/>
      <c r="K57" s="70"/>
      <c r="L57" s="70"/>
      <c r="M57" s="70"/>
      <c r="N57" s="70"/>
      <c r="O57" s="70"/>
      <c r="P57" s="70"/>
      <c r="Q57" s="70"/>
      <c r="R57" s="70"/>
      <c r="S57" s="70"/>
      <c r="T57" s="70"/>
      <c r="U57" s="70"/>
      <c r="V57" s="70"/>
      <c r="W57" s="70"/>
      <c r="X57" s="70"/>
      <c r="Y57" s="70"/>
      <c r="Z57" s="70"/>
      <c r="AA57" s="70"/>
      <c r="AB57" s="70"/>
      <c r="AC57" s="70"/>
      <c r="AD57" s="70"/>
      <c r="AE57" s="70"/>
      <c r="AF57" s="70"/>
    </row>
    <row r="58" spans="3:32" x14ac:dyDescent="0.2">
      <c r="C58" s="70"/>
      <c r="D58" s="70"/>
      <c r="E58" s="70"/>
      <c r="F58" s="70"/>
      <c r="G58" s="70"/>
      <c r="H58" s="70"/>
      <c r="I58" s="70"/>
      <c r="J58" s="70"/>
      <c r="K58" s="70"/>
      <c r="L58" s="70"/>
      <c r="M58" s="70"/>
      <c r="N58" s="70"/>
      <c r="O58" s="70"/>
      <c r="P58" s="70"/>
      <c r="Q58" s="70"/>
      <c r="R58" s="70"/>
      <c r="S58" s="70"/>
      <c r="T58" s="70"/>
      <c r="U58" s="70"/>
      <c r="V58" s="70"/>
      <c r="W58" s="70"/>
      <c r="X58" s="70"/>
      <c r="Y58" s="70"/>
      <c r="Z58" s="70"/>
      <c r="AA58" s="70"/>
      <c r="AB58" s="70"/>
      <c r="AC58" s="70"/>
      <c r="AD58" s="70"/>
      <c r="AE58" s="70"/>
      <c r="AF58" s="70"/>
    </row>
    <row r="59" spans="3:32" x14ac:dyDescent="0.2">
      <c r="C59" s="70"/>
      <c r="D59" s="70"/>
      <c r="E59" s="70"/>
      <c r="F59" s="70"/>
      <c r="G59" s="70"/>
      <c r="H59" s="70"/>
      <c r="I59" s="70"/>
      <c r="J59" s="70"/>
      <c r="K59" s="70"/>
      <c r="L59" s="70"/>
      <c r="M59" s="70"/>
      <c r="N59" s="70"/>
      <c r="O59" s="70"/>
      <c r="P59" s="70"/>
      <c r="Q59" s="70"/>
      <c r="R59" s="70"/>
      <c r="S59" s="70"/>
      <c r="T59" s="70"/>
      <c r="U59" s="70"/>
      <c r="V59" s="70"/>
      <c r="W59" s="70"/>
      <c r="X59" s="70"/>
      <c r="Y59" s="70"/>
      <c r="Z59" s="70"/>
      <c r="AA59" s="70"/>
      <c r="AB59" s="70"/>
      <c r="AC59" s="70"/>
      <c r="AD59" s="70"/>
      <c r="AE59" s="70"/>
      <c r="AF59" s="70"/>
    </row>
    <row r="60" spans="3:32" x14ac:dyDescent="0.2">
      <c r="C60" s="70"/>
      <c r="D60" s="70"/>
      <c r="E60" s="70"/>
      <c r="F60" s="70"/>
      <c r="G60" s="70"/>
      <c r="H60" s="70"/>
      <c r="I60" s="70"/>
      <c r="J60" s="70"/>
      <c r="K60" s="70"/>
      <c r="L60" s="70"/>
      <c r="M60" s="70"/>
      <c r="N60" s="70"/>
      <c r="O60" s="70"/>
      <c r="P60" s="70"/>
      <c r="Q60" s="70"/>
      <c r="R60" s="70"/>
      <c r="S60" s="70"/>
      <c r="T60" s="70"/>
      <c r="U60" s="70"/>
      <c r="V60" s="70"/>
      <c r="W60" s="70"/>
      <c r="X60" s="70"/>
      <c r="Y60" s="70"/>
      <c r="Z60" s="70"/>
      <c r="AA60" s="70"/>
      <c r="AB60" s="70"/>
      <c r="AC60" s="70"/>
      <c r="AD60" s="70"/>
      <c r="AE60" s="70"/>
      <c r="AF60" s="70"/>
    </row>
    <row r="61" spans="3:32" x14ac:dyDescent="0.2">
      <c r="C61" s="70"/>
      <c r="D61" s="70"/>
      <c r="E61" s="70"/>
      <c r="F61" s="70"/>
      <c r="G61" s="70"/>
      <c r="H61" s="70"/>
      <c r="I61" s="70"/>
      <c r="J61" s="70"/>
      <c r="K61" s="70"/>
      <c r="L61" s="70"/>
      <c r="M61" s="70"/>
      <c r="N61" s="70"/>
      <c r="O61" s="70"/>
      <c r="P61" s="70"/>
      <c r="Q61" s="70"/>
      <c r="R61" s="70"/>
      <c r="S61" s="70"/>
      <c r="T61" s="70"/>
      <c r="U61" s="70"/>
      <c r="V61" s="70"/>
      <c r="W61" s="70"/>
      <c r="X61" s="70"/>
      <c r="Y61" s="70"/>
      <c r="Z61" s="70"/>
      <c r="AA61" s="70"/>
      <c r="AB61" s="70"/>
      <c r="AC61" s="70"/>
      <c r="AD61" s="70"/>
      <c r="AE61" s="70"/>
      <c r="AF61" s="70"/>
    </row>
    <row r="62" spans="3:32" x14ac:dyDescent="0.2">
      <c r="C62" s="70"/>
      <c r="D62" s="70"/>
      <c r="E62" s="70"/>
      <c r="F62" s="70"/>
      <c r="G62" s="70"/>
      <c r="H62" s="70"/>
      <c r="I62" s="70"/>
      <c r="J62" s="70"/>
      <c r="K62" s="70"/>
      <c r="L62" s="70"/>
      <c r="M62" s="70"/>
      <c r="N62" s="70"/>
      <c r="O62" s="70"/>
      <c r="P62" s="70"/>
      <c r="Q62" s="70"/>
      <c r="R62" s="70"/>
      <c r="S62" s="70"/>
      <c r="T62" s="70"/>
      <c r="U62" s="70"/>
      <c r="V62" s="70"/>
      <c r="W62" s="70"/>
      <c r="X62" s="70"/>
      <c r="Y62" s="70"/>
      <c r="Z62" s="70"/>
      <c r="AA62" s="70"/>
      <c r="AB62" s="70"/>
      <c r="AC62" s="70"/>
      <c r="AD62" s="70"/>
      <c r="AE62" s="70"/>
      <c r="AF62" s="70"/>
    </row>
    <row r="63" spans="3:32" x14ac:dyDescent="0.2">
      <c r="C63" s="70"/>
      <c r="D63" s="70"/>
      <c r="E63" s="70"/>
      <c r="F63" s="70"/>
      <c r="G63" s="70"/>
      <c r="H63" s="70"/>
      <c r="I63" s="70"/>
      <c r="J63" s="70"/>
      <c r="K63" s="70"/>
      <c r="L63" s="70"/>
      <c r="M63" s="70"/>
      <c r="N63" s="70"/>
      <c r="O63" s="70"/>
      <c r="P63" s="70"/>
      <c r="Q63" s="70"/>
      <c r="R63" s="70"/>
      <c r="S63" s="70"/>
      <c r="T63" s="70"/>
      <c r="U63" s="70"/>
      <c r="V63" s="70"/>
      <c r="W63" s="70"/>
      <c r="X63" s="70"/>
      <c r="Y63" s="70"/>
      <c r="Z63" s="70"/>
      <c r="AA63" s="70"/>
      <c r="AB63" s="70"/>
      <c r="AC63" s="70"/>
      <c r="AD63" s="70"/>
      <c r="AE63" s="70"/>
      <c r="AF63" s="70"/>
    </row>
    <row r="64" spans="3:32" x14ac:dyDescent="0.2">
      <c r="C64" s="70"/>
      <c r="D64" s="70"/>
      <c r="E64" s="70"/>
      <c r="F64" s="70"/>
      <c r="G64" s="70"/>
      <c r="H64" s="70"/>
      <c r="I64" s="70"/>
      <c r="J64" s="70"/>
      <c r="K64" s="70"/>
      <c r="L64" s="70"/>
      <c r="M64" s="70"/>
      <c r="N64" s="70"/>
      <c r="O64" s="70"/>
      <c r="P64" s="70"/>
      <c r="Q64" s="70"/>
      <c r="R64" s="70"/>
      <c r="S64" s="70"/>
      <c r="T64" s="70"/>
      <c r="U64" s="70"/>
      <c r="V64" s="70"/>
      <c r="W64" s="70"/>
      <c r="X64" s="70"/>
      <c r="Y64" s="70"/>
      <c r="Z64" s="70"/>
      <c r="AA64" s="70"/>
      <c r="AB64" s="70"/>
      <c r="AC64" s="70"/>
      <c r="AD64" s="70"/>
      <c r="AE64" s="70"/>
      <c r="AF64" s="70"/>
    </row>
    <row r="65" spans="3:32" x14ac:dyDescent="0.2">
      <c r="C65" s="70"/>
      <c r="D65" s="70"/>
      <c r="E65" s="70"/>
      <c r="F65" s="70"/>
      <c r="G65" s="70"/>
      <c r="H65" s="70"/>
      <c r="I65" s="70"/>
      <c r="J65" s="70"/>
      <c r="K65" s="70"/>
      <c r="L65" s="70"/>
      <c r="M65" s="70"/>
      <c r="N65" s="70"/>
      <c r="O65" s="70"/>
      <c r="P65" s="70"/>
      <c r="Q65" s="70"/>
      <c r="R65" s="70"/>
      <c r="S65" s="70"/>
      <c r="T65" s="70"/>
      <c r="U65" s="70"/>
      <c r="V65" s="70"/>
      <c r="W65" s="70"/>
      <c r="X65" s="70"/>
      <c r="Y65" s="70"/>
      <c r="Z65" s="70"/>
      <c r="AA65" s="70"/>
      <c r="AB65" s="70"/>
      <c r="AC65" s="70"/>
      <c r="AD65" s="70"/>
      <c r="AE65" s="70"/>
      <c r="AF65" s="70"/>
    </row>
    <row r="66" spans="3:32" x14ac:dyDescent="0.2">
      <c r="C66" s="70"/>
      <c r="D66" s="70"/>
      <c r="E66" s="70"/>
      <c r="F66" s="70"/>
      <c r="G66" s="70"/>
      <c r="H66" s="70"/>
      <c r="I66" s="70"/>
      <c r="J66" s="70"/>
      <c r="K66" s="70"/>
      <c r="L66" s="70"/>
      <c r="M66" s="70"/>
      <c r="N66" s="70"/>
      <c r="O66" s="70"/>
      <c r="P66" s="70"/>
      <c r="Q66" s="70"/>
      <c r="R66" s="70"/>
      <c r="S66" s="70"/>
      <c r="T66" s="70"/>
      <c r="U66" s="70"/>
      <c r="V66" s="70"/>
      <c r="W66" s="70"/>
      <c r="X66" s="70"/>
      <c r="Y66" s="70"/>
      <c r="Z66" s="70"/>
      <c r="AA66" s="70"/>
      <c r="AB66" s="70"/>
      <c r="AC66" s="70"/>
      <c r="AD66" s="70"/>
      <c r="AE66" s="70"/>
      <c r="AF66" s="70"/>
    </row>
    <row r="67" spans="3:32" x14ac:dyDescent="0.2">
      <c r="C67" s="70"/>
      <c r="D67" s="70"/>
      <c r="E67" s="70"/>
      <c r="F67" s="70"/>
      <c r="G67" s="70"/>
      <c r="H67" s="70"/>
      <c r="I67" s="70"/>
      <c r="J67" s="70"/>
      <c r="K67" s="70"/>
      <c r="L67" s="70"/>
      <c r="M67" s="70"/>
      <c r="N67" s="70"/>
      <c r="O67" s="70"/>
      <c r="P67" s="70"/>
      <c r="Q67" s="70"/>
      <c r="R67" s="70"/>
      <c r="S67" s="70"/>
      <c r="T67" s="70"/>
      <c r="U67" s="70"/>
      <c r="V67" s="70"/>
      <c r="W67" s="70"/>
      <c r="X67" s="70"/>
      <c r="Y67" s="70"/>
      <c r="Z67" s="70"/>
      <c r="AA67" s="70"/>
      <c r="AB67" s="70"/>
      <c r="AC67" s="70"/>
      <c r="AD67" s="70"/>
      <c r="AE67" s="70"/>
      <c r="AF67" s="70"/>
    </row>
    <row r="68" spans="3:32" x14ac:dyDescent="0.2">
      <c r="C68" s="70"/>
      <c r="D68" s="70"/>
      <c r="E68" s="70"/>
      <c r="F68" s="70"/>
      <c r="G68" s="70"/>
      <c r="H68" s="70"/>
      <c r="I68" s="70"/>
      <c r="J68" s="70"/>
      <c r="K68" s="70"/>
      <c r="L68" s="70"/>
      <c r="M68" s="70"/>
      <c r="N68" s="70"/>
      <c r="O68" s="70"/>
      <c r="P68" s="70"/>
      <c r="Q68" s="70"/>
      <c r="R68" s="70"/>
      <c r="S68" s="70"/>
      <c r="T68" s="70"/>
      <c r="U68" s="70"/>
      <c r="V68" s="70"/>
      <c r="W68" s="70"/>
      <c r="X68" s="70"/>
      <c r="Y68" s="70"/>
      <c r="Z68" s="70"/>
      <c r="AA68" s="70"/>
      <c r="AB68" s="70"/>
      <c r="AC68" s="70"/>
      <c r="AD68" s="70"/>
      <c r="AE68" s="70"/>
      <c r="AF68" s="70"/>
    </row>
    <row r="69" spans="3:32" x14ac:dyDescent="0.2">
      <c r="C69" s="70"/>
      <c r="D69" s="70"/>
      <c r="E69" s="70"/>
      <c r="F69" s="70"/>
      <c r="G69" s="70"/>
      <c r="H69" s="70"/>
      <c r="I69" s="70"/>
      <c r="J69" s="70"/>
      <c r="K69" s="70"/>
      <c r="L69" s="70"/>
      <c r="M69" s="70"/>
      <c r="N69" s="70"/>
      <c r="O69" s="70"/>
      <c r="P69" s="70"/>
      <c r="Q69" s="70"/>
      <c r="R69" s="70"/>
      <c r="S69" s="70"/>
      <c r="T69" s="70"/>
      <c r="U69" s="70"/>
      <c r="V69" s="70"/>
      <c r="W69" s="70"/>
      <c r="X69" s="70"/>
      <c r="Y69" s="70"/>
      <c r="Z69" s="70"/>
      <c r="AA69" s="70"/>
      <c r="AB69" s="70"/>
      <c r="AC69" s="70"/>
      <c r="AD69" s="70"/>
      <c r="AE69" s="70"/>
      <c r="AF69" s="70"/>
    </row>
    <row r="70" spans="3:32" x14ac:dyDescent="0.2">
      <c r="C70" s="70"/>
      <c r="D70" s="70"/>
      <c r="E70" s="70"/>
      <c r="F70" s="70"/>
      <c r="G70" s="70"/>
      <c r="H70" s="70"/>
      <c r="I70" s="70"/>
      <c r="J70" s="70"/>
      <c r="K70" s="70"/>
      <c r="L70" s="70"/>
      <c r="M70" s="70"/>
      <c r="N70" s="70"/>
      <c r="O70" s="70"/>
      <c r="P70" s="70"/>
      <c r="Q70" s="70"/>
      <c r="R70" s="70"/>
      <c r="S70" s="70"/>
      <c r="T70" s="70"/>
      <c r="U70" s="70"/>
      <c r="V70" s="70"/>
      <c r="W70" s="70"/>
      <c r="X70" s="70"/>
      <c r="Y70" s="70"/>
      <c r="Z70" s="70"/>
      <c r="AA70" s="70"/>
      <c r="AB70" s="70"/>
      <c r="AC70" s="70"/>
      <c r="AD70" s="70"/>
      <c r="AE70" s="70"/>
      <c r="AF70" s="70"/>
    </row>
    <row r="71" spans="3:32" x14ac:dyDescent="0.2">
      <c r="C71" s="70"/>
      <c r="D71" s="70"/>
      <c r="E71" s="70"/>
      <c r="F71" s="70"/>
      <c r="G71" s="70"/>
      <c r="H71" s="70"/>
      <c r="I71" s="70"/>
      <c r="J71" s="70"/>
      <c r="K71" s="70"/>
      <c r="L71" s="70"/>
      <c r="M71" s="70"/>
      <c r="N71" s="70"/>
      <c r="O71" s="70"/>
      <c r="P71" s="70"/>
      <c r="Q71" s="70"/>
      <c r="R71" s="70"/>
      <c r="S71" s="70"/>
      <c r="T71" s="70"/>
      <c r="U71" s="70"/>
      <c r="V71" s="70"/>
      <c r="W71" s="70"/>
      <c r="X71" s="70"/>
      <c r="Y71" s="70"/>
      <c r="Z71" s="70"/>
      <c r="AA71" s="70"/>
      <c r="AB71" s="70"/>
      <c r="AC71" s="70"/>
      <c r="AD71" s="70"/>
      <c r="AE71" s="70"/>
      <c r="AF71" s="70"/>
    </row>
    <row r="72" spans="3:32" x14ac:dyDescent="0.2">
      <c r="C72" s="70"/>
      <c r="D72" s="70"/>
      <c r="E72" s="70"/>
      <c r="F72" s="70"/>
      <c r="G72" s="70"/>
      <c r="H72" s="70"/>
      <c r="I72" s="70"/>
      <c r="J72" s="70"/>
      <c r="K72" s="70"/>
      <c r="L72" s="70"/>
      <c r="M72" s="70"/>
      <c r="N72" s="70"/>
      <c r="O72" s="70"/>
      <c r="P72" s="70"/>
      <c r="Q72" s="70"/>
      <c r="R72" s="70"/>
      <c r="S72" s="70"/>
      <c r="T72" s="70"/>
      <c r="U72" s="70"/>
      <c r="V72" s="70"/>
      <c r="W72" s="70"/>
      <c r="X72" s="70"/>
      <c r="Y72" s="70"/>
      <c r="Z72" s="70"/>
      <c r="AA72" s="70"/>
      <c r="AB72" s="70"/>
      <c r="AC72" s="70"/>
      <c r="AD72" s="70"/>
      <c r="AE72" s="70"/>
      <c r="AF72" s="70"/>
    </row>
    <row r="73" spans="3:32" x14ac:dyDescent="0.2">
      <c r="C73" s="70"/>
      <c r="D73" s="70"/>
      <c r="E73" s="70"/>
      <c r="F73" s="70"/>
      <c r="G73" s="70"/>
      <c r="H73" s="70"/>
      <c r="I73" s="70"/>
      <c r="J73" s="70"/>
      <c r="K73" s="70"/>
      <c r="L73" s="70"/>
      <c r="M73" s="70"/>
      <c r="N73" s="70"/>
      <c r="O73" s="70"/>
      <c r="P73" s="70"/>
      <c r="Q73" s="70"/>
      <c r="R73" s="70"/>
      <c r="S73" s="70"/>
      <c r="T73" s="70"/>
      <c r="U73" s="70"/>
      <c r="V73" s="70"/>
      <c r="W73" s="70"/>
      <c r="X73" s="70"/>
      <c r="Y73" s="70"/>
      <c r="Z73" s="70"/>
      <c r="AA73" s="70"/>
      <c r="AB73" s="70"/>
      <c r="AC73" s="70"/>
      <c r="AD73" s="70"/>
      <c r="AE73" s="70"/>
      <c r="AF73" s="70"/>
    </row>
    <row r="74" spans="3:32" x14ac:dyDescent="0.2">
      <c r="C74" s="70"/>
      <c r="D74" s="70"/>
      <c r="E74" s="70"/>
      <c r="F74" s="70"/>
      <c r="G74" s="70"/>
      <c r="H74" s="70"/>
      <c r="I74" s="70"/>
      <c r="J74" s="70"/>
      <c r="K74" s="70"/>
      <c r="L74" s="70"/>
      <c r="M74" s="70"/>
      <c r="N74" s="70"/>
      <c r="O74" s="70"/>
      <c r="P74" s="70"/>
      <c r="Q74" s="70"/>
      <c r="R74" s="70"/>
      <c r="S74" s="70"/>
      <c r="T74" s="70"/>
      <c r="U74" s="70"/>
      <c r="V74" s="70"/>
      <c r="W74" s="70"/>
      <c r="X74" s="70"/>
      <c r="Y74" s="70"/>
      <c r="Z74" s="70"/>
      <c r="AA74" s="70"/>
      <c r="AB74" s="70"/>
      <c r="AC74" s="70"/>
      <c r="AD74" s="70"/>
      <c r="AE74" s="70"/>
      <c r="AF74" s="70"/>
    </row>
    <row r="75" spans="3:32" x14ac:dyDescent="0.2">
      <c r="C75" s="70"/>
      <c r="D75" s="70"/>
      <c r="E75" s="70"/>
      <c r="F75" s="70"/>
      <c r="G75" s="70"/>
      <c r="H75" s="70"/>
      <c r="I75" s="70"/>
      <c r="J75" s="70"/>
      <c r="K75" s="70"/>
      <c r="L75" s="70"/>
      <c r="M75" s="70"/>
      <c r="N75" s="70"/>
      <c r="O75" s="70"/>
      <c r="P75" s="70"/>
      <c r="Q75" s="70"/>
      <c r="R75" s="70"/>
      <c r="S75" s="70"/>
      <c r="T75" s="70"/>
      <c r="U75" s="70"/>
      <c r="V75" s="70"/>
      <c r="W75" s="70"/>
      <c r="X75" s="70"/>
      <c r="Y75" s="70"/>
      <c r="Z75" s="70"/>
      <c r="AA75" s="70"/>
      <c r="AB75" s="70"/>
      <c r="AC75" s="70"/>
      <c r="AD75" s="70"/>
      <c r="AE75" s="70"/>
      <c r="AF75" s="70"/>
    </row>
    <row r="76" spans="3:32" x14ac:dyDescent="0.2">
      <c r="C76" s="70"/>
      <c r="D76" s="70"/>
      <c r="E76" s="70"/>
      <c r="F76" s="70"/>
      <c r="G76" s="70"/>
      <c r="H76" s="70"/>
      <c r="I76" s="70"/>
      <c r="J76" s="70"/>
      <c r="K76" s="70"/>
      <c r="L76" s="70"/>
      <c r="M76" s="70"/>
      <c r="N76" s="70"/>
      <c r="O76" s="70"/>
      <c r="P76" s="70"/>
      <c r="Q76" s="70"/>
      <c r="R76" s="70"/>
      <c r="S76" s="70"/>
      <c r="T76" s="70"/>
      <c r="U76" s="70"/>
      <c r="V76" s="70"/>
      <c r="W76" s="70"/>
      <c r="X76" s="70"/>
      <c r="Y76" s="70"/>
      <c r="Z76" s="70"/>
      <c r="AA76" s="70"/>
      <c r="AB76" s="70"/>
      <c r="AC76" s="70"/>
      <c r="AD76" s="70"/>
      <c r="AE76" s="70"/>
      <c r="AF76" s="70"/>
    </row>
    <row r="77" spans="3:32" x14ac:dyDescent="0.2">
      <c r="C77" s="70"/>
      <c r="D77" s="70"/>
      <c r="E77" s="70"/>
      <c r="F77" s="70"/>
      <c r="G77" s="70"/>
      <c r="H77" s="70"/>
      <c r="I77" s="70"/>
      <c r="J77" s="70"/>
      <c r="K77" s="70"/>
      <c r="L77" s="70"/>
      <c r="M77" s="70"/>
      <c r="N77" s="70"/>
      <c r="O77" s="70"/>
      <c r="P77" s="70"/>
      <c r="Q77" s="70"/>
      <c r="R77" s="70"/>
      <c r="S77" s="70"/>
      <c r="T77" s="70"/>
      <c r="U77" s="70"/>
      <c r="V77" s="70"/>
      <c r="W77" s="70"/>
      <c r="X77" s="70"/>
      <c r="Y77" s="70"/>
      <c r="Z77" s="70"/>
      <c r="AA77" s="70"/>
      <c r="AB77" s="70"/>
      <c r="AC77" s="70"/>
      <c r="AD77" s="70"/>
      <c r="AE77" s="70"/>
      <c r="AF77" s="70"/>
    </row>
    <row r="78" spans="3:32" x14ac:dyDescent="0.2">
      <c r="C78" s="70"/>
      <c r="D78" s="70"/>
      <c r="E78" s="70"/>
      <c r="F78" s="70"/>
      <c r="G78" s="70"/>
      <c r="H78" s="70"/>
      <c r="I78" s="70"/>
      <c r="J78" s="70"/>
      <c r="K78" s="70"/>
      <c r="L78" s="70"/>
      <c r="M78" s="70"/>
      <c r="N78" s="70"/>
      <c r="O78" s="70"/>
      <c r="P78" s="70"/>
      <c r="Q78" s="70"/>
      <c r="R78" s="70"/>
      <c r="S78" s="70"/>
      <c r="T78" s="70"/>
      <c r="U78" s="70"/>
      <c r="V78" s="70"/>
      <c r="W78" s="70"/>
      <c r="X78" s="70"/>
      <c r="Y78" s="70"/>
      <c r="Z78" s="70"/>
      <c r="AA78" s="70"/>
      <c r="AB78" s="70"/>
      <c r="AC78" s="70"/>
      <c r="AD78" s="70"/>
      <c r="AE78" s="70"/>
      <c r="AF78" s="70"/>
    </row>
    <row r="79" spans="3:32" x14ac:dyDescent="0.2">
      <c r="C79" s="70"/>
      <c r="D79" s="70"/>
      <c r="E79" s="70"/>
      <c r="F79" s="70"/>
      <c r="G79" s="70"/>
      <c r="H79" s="70"/>
      <c r="I79" s="70"/>
      <c r="J79" s="70"/>
      <c r="K79" s="70"/>
      <c r="L79" s="70"/>
      <c r="M79" s="70"/>
      <c r="N79" s="70"/>
      <c r="O79" s="70"/>
      <c r="P79" s="70"/>
      <c r="Q79" s="70"/>
      <c r="R79" s="70"/>
      <c r="S79" s="70"/>
      <c r="T79" s="70"/>
      <c r="U79" s="70"/>
      <c r="V79" s="70"/>
      <c r="W79" s="70"/>
      <c r="X79" s="70"/>
      <c r="Y79" s="70"/>
      <c r="Z79" s="70"/>
      <c r="AA79" s="70"/>
      <c r="AB79" s="70"/>
      <c r="AC79" s="70"/>
      <c r="AD79" s="70"/>
      <c r="AE79" s="70"/>
      <c r="AF79" s="70"/>
    </row>
    <row r="80" spans="3:32" x14ac:dyDescent="0.2">
      <c r="C80" s="70"/>
      <c r="D80" s="70"/>
      <c r="E80" s="70"/>
      <c r="F80" s="70"/>
      <c r="G80" s="70"/>
      <c r="H80" s="70"/>
      <c r="I80" s="70"/>
      <c r="J80" s="70"/>
      <c r="K80" s="70"/>
      <c r="L80" s="70"/>
      <c r="M80" s="70"/>
      <c r="N80" s="70"/>
      <c r="O80" s="70"/>
      <c r="P80" s="70"/>
      <c r="Q80" s="70"/>
      <c r="R80" s="70"/>
      <c r="S80" s="70"/>
      <c r="T80" s="70"/>
      <c r="U80" s="70"/>
      <c r="V80" s="70"/>
      <c r="W80" s="70"/>
      <c r="X80" s="70"/>
      <c r="Y80" s="70"/>
      <c r="Z80" s="70"/>
      <c r="AA80" s="70"/>
      <c r="AB80" s="70"/>
      <c r="AC80" s="70"/>
      <c r="AD80" s="70"/>
      <c r="AE80" s="70"/>
      <c r="AF80" s="70"/>
    </row>
    <row r="81" spans="3:32" x14ac:dyDescent="0.2">
      <c r="C81" s="70"/>
      <c r="D81" s="70"/>
      <c r="E81" s="70"/>
      <c r="F81" s="70"/>
      <c r="G81" s="70"/>
      <c r="H81" s="70"/>
      <c r="I81" s="70"/>
      <c r="J81" s="70"/>
      <c r="K81" s="70"/>
      <c r="L81" s="70"/>
      <c r="M81" s="70"/>
      <c r="N81" s="70"/>
      <c r="O81" s="70"/>
      <c r="P81" s="70"/>
      <c r="Q81" s="70"/>
      <c r="R81" s="70"/>
      <c r="S81" s="70"/>
      <c r="T81" s="70"/>
      <c r="U81" s="70"/>
      <c r="V81" s="70"/>
      <c r="W81" s="70"/>
      <c r="X81" s="70"/>
      <c r="Y81" s="70"/>
      <c r="Z81" s="70"/>
      <c r="AA81" s="70"/>
      <c r="AB81" s="70"/>
      <c r="AC81" s="70"/>
      <c r="AD81" s="70"/>
      <c r="AE81" s="70"/>
      <c r="AF81" s="70"/>
    </row>
    <row r="82" spans="3:32" x14ac:dyDescent="0.2">
      <c r="C82" s="70"/>
      <c r="D82" s="70"/>
      <c r="E82" s="70"/>
      <c r="F82" s="70"/>
      <c r="G82" s="70"/>
      <c r="H82" s="70"/>
      <c r="I82" s="70"/>
      <c r="J82" s="70"/>
      <c r="K82" s="70"/>
      <c r="L82" s="70"/>
      <c r="M82" s="70"/>
      <c r="N82" s="70"/>
      <c r="O82" s="70"/>
      <c r="P82" s="70"/>
      <c r="Q82" s="70"/>
      <c r="R82" s="70"/>
      <c r="S82" s="70"/>
      <c r="T82" s="70"/>
      <c r="U82" s="70"/>
      <c r="V82" s="70"/>
      <c r="W82" s="70"/>
      <c r="X82" s="70"/>
      <c r="Y82" s="70"/>
      <c r="Z82" s="70"/>
      <c r="AA82" s="70"/>
      <c r="AB82" s="70"/>
      <c r="AC82" s="70"/>
      <c r="AD82" s="70"/>
      <c r="AE82" s="70"/>
      <c r="AF82" s="70"/>
    </row>
    <row r="83" spans="3:32" x14ac:dyDescent="0.2">
      <c r="C83" s="70"/>
      <c r="D83" s="70"/>
      <c r="E83" s="70"/>
      <c r="F83" s="70"/>
      <c r="G83" s="70"/>
      <c r="H83" s="70"/>
      <c r="I83" s="70"/>
      <c r="J83" s="70"/>
      <c r="K83" s="70"/>
      <c r="L83" s="70"/>
      <c r="M83" s="70"/>
      <c r="N83" s="70"/>
      <c r="O83" s="70"/>
      <c r="P83" s="70"/>
      <c r="Q83" s="70"/>
      <c r="R83" s="70"/>
      <c r="S83" s="70"/>
      <c r="T83" s="70"/>
      <c r="U83" s="70"/>
      <c r="V83" s="70"/>
      <c r="W83" s="70"/>
      <c r="X83" s="70"/>
      <c r="Y83" s="70"/>
      <c r="Z83" s="70"/>
      <c r="AA83" s="70"/>
      <c r="AB83" s="70"/>
      <c r="AC83" s="70"/>
      <c r="AD83" s="70"/>
      <c r="AE83" s="70"/>
      <c r="AF83" s="70"/>
    </row>
    <row r="84" spans="3:32" x14ac:dyDescent="0.2">
      <c r="C84" s="70"/>
      <c r="D84" s="70"/>
      <c r="E84" s="70"/>
      <c r="F84" s="70"/>
      <c r="G84" s="70"/>
      <c r="H84" s="70"/>
      <c r="I84" s="70"/>
      <c r="J84" s="70"/>
      <c r="K84" s="70"/>
      <c r="L84" s="70"/>
      <c r="M84" s="70"/>
      <c r="N84" s="70"/>
      <c r="O84" s="70"/>
      <c r="P84" s="70"/>
      <c r="Q84" s="70"/>
      <c r="R84" s="70"/>
      <c r="S84" s="70"/>
      <c r="T84" s="70"/>
      <c r="U84" s="70"/>
      <c r="V84" s="70"/>
      <c r="W84" s="70"/>
      <c r="X84" s="70"/>
      <c r="Y84" s="70"/>
      <c r="Z84" s="70"/>
      <c r="AA84" s="70"/>
      <c r="AB84" s="70"/>
      <c r="AC84" s="70"/>
      <c r="AD84" s="70"/>
      <c r="AE84" s="70"/>
      <c r="AF84" s="70"/>
    </row>
    <row r="85" spans="3:32" x14ac:dyDescent="0.2">
      <c r="C85" s="70"/>
      <c r="D85" s="70"/>
      <c r="E85" s="70"/>
      <c r="F85" s="70"/>
      <c r="G85" s="70"/>
      <c r="H85" s="70"/>
      <c r="I85" s="70"/>
      <c r="J85" s="70"/>
      <c r="K85" s="70"/>
      <c r="L85" s="70"/>
      <c r="M85" s="70"/>
      <c r="N85" s="70"/>
      <c r="O85" s="70"/>
      <c r="P85" s="70"/>
      <c r="Q85" s="70"/>
      <c r="R85" s="70"/>
      <c r="S85" s="70"/>
      <c r="T85" s="70"/>
      <c r="U85" s="70"/>
      <c r="V85" s="70"/>
      <c r="W85" s="70"/>
      <c r="X85" s="70"/>
      <c r="Y85" s="70"/>
      <c r="Z85" s="70"/>
      <c r="AA85" s="70"/>
      <c r="AB85" s="70"/>
      <c r="AC85" s="70"/>
      <c r="AD85" s="70"/>
      <c r="AE85" s="70"/>
      <c r="AF85" s="70"/>
    </row>
    <row r="86" spans="3:32" x14ac:dyDescent="0.2">
      <c r="C86" s="70"/>
      <c r="D86" s="70"/>
      <c r="E86" s="70"/>
      <c r="F86" s="70"/>
      <c r="G86" s="70"/>
      <c r="H86" s="70"/>
      <c r="I86" s="70"/>
      <c r="J86" s="70"/>
      <c r="K86" s="70"/>
      <c r="L86" s="70"/>
      <c r="M86" s="70"/>
      <c r="N86" s="70"/>
      <c r="O86" s="70"/>
      <c r="P86" s="70"/>
      <c r="Q86" s="70"/>
      <c r="R86" s="70"/>
      <c r="S86" s="70"/>
      <c r="T86" s="70"/>
      <c r="U86" s="70"/>
      <c r="V86" s="70"/>
      <c r="W86" s="70"/>
      <c r="X86" s="70"/>
      <c r="Y86" s="70"/>
      <c r="Z86" s="70"/>
      <c r="AA86" s="70"/>
      <c r="AB86" s="70"/>
      <c r="AC86" s="70"/>
      <c r="AD86" s="70"/>
      <c r="AE86" s="70"/>
      <c r="AF86" s="70"/>
    </row>
    <row r="87" spans="3:32" x14ac:dyDescent="0.2">
      <c r="C87" s="70"/>
      <c r="D87" s="70"/>
      <c r="E87" s="70"/>
      <c r="F87" s="70"/>
      <c r="G87" s="70"/>
      <c r="H87" s="70"/>
      <c r="I87" s="70"/>
      <c r="J87" s="70"/>
      <c r="K87" s="70"/>
      <c r="L87" s="70"/>
      <c r="M87" s="70"/>
      <c r="N87" s="70"/>
      <c r="O87" s="70"/>
      <c r="P87" s="70"/>
      <c r="Q87" s="70"/>
      <c r="R87" s="70"/>
      <c r="S87" s="70"/>
      <c r="T87" s="70"/>
      <c r="U87" s="70"/>
      <c r="V87" s="70"/>
      <c r="W87" s="70"/>
      <c r="X87" s="70"/>
      <c r="Y87" s="70"/>
      <c r="Z87" s="70"/>
      <c r="AA87" s="70"/>
      <c r="AB87" s="70"/>
      <c r="AC87" s="70"/>
      <c r="AD87" s="70"/>
      <c r="AE87" s="70"/>
      <c r="AF87" s="70"/>
    </row>
    <row r="88" spans="3:32" x14ac:dyDescent="0.2">
      <c r="C88" s="70"/>
      <c r="D88" s="70"/>
      <c r="E88" s="70"/>
      <c r="F88" s="70"/>
      <c r="G88" s="70"/>
      <c r="H88" s="70"/>
      <c r="I88" s="70"/>
      <c r="J88" s="70"/>
      <c r="K88" s="70"/>
      <c r="L88" s="70"/>
      <c r="M88" s="70"/>
      <c r="N88" s="70"/>
      <c r="O88" s="70"/>
      <c r="P88" s="70"/>
      <c r="Q88" s="70"/>
      <c r="R88" s="70"/>
      <c r="S88" s="70"/>
      <c r="T88" s="70"/>
      <c r="U88" s="70"/>
      <c r="V88" s="70"/>
      <c r="W88" s="70"/>
      <c r="X88" s="70"/>
      <c r="Y88" s="70"/>
      <c r="Z88" s="70"/>
      <c r="AA88" s="70"/>
      <c r="AB88" s="70"/>
      <c r="AC88" s="70"/>
      <c r="AD88" s="70"/>
      <c r="AE88" s="70"/>
      <c r="AF88" s="70"/>
    </row>
    <row r="89" spans="3:32" x14ac:dyDescent="0.2">
      <c r="C89" s="70"/>
      <c r="D89" s="70"/>
      <c r="E89" s="70"/>
      <c r="F89" s="70"/>
      <c r="G89" s="70"/>
      <c r="H89" s="70"/>
      <c r="I89" s="70"/>
      <c r="J89" s="70"/>
      <c r="K89" s="70"/>
      <c r="L89" s="70"/>
      <c r="M89" s="70"/>
      <c r="N89" s="70"/>
      <c r="O89" s="70"/>
      <c r="P89" s="70"/>
      <c r="Q89" s="70"/>
      <c r="R89" s="70"/>
      <c r="S89" s="70"/>
      <c r="T89" s="70"/>
      <c r="U89" s="70"/>
      <c r="V89" s="70"/>
      <c r="W89" s="70"/>
      <c r="X89" s="70"/>
      <c r="Y89" s="70"/>
      <c r="Z89" s="70"/>
      <c r="AA89" s="70"/>
      <c r="AB89" s="70"/>
      <c r="AC89" s="70"/>
      <c r="AD89" s="70"/>
      <c r="AE89" s="70"/>
      <c r="AF89" s="70"/>
    </row>
    <row r="90" spans="3:32" x14ac:dyDescent="0.2">
      <c r="C90" s="70"/>
      <c r="D90" s="70"/>
      <c r="E90" s="70"/>
      <c r="F90" s="70"/>
      <c r="G90" s="70"/>
      <c r="H90" s="70"/>
      <c r="I90" s="70"/>
      <c r="J90" s="70"/>
      <c r="K90" s="70"/>
      <c r="L90" s="70"/>
      <c r="M90" s="70"/>
      <c r="N90" s="70"/>
      <c r="O90" s="70"/>
      <c r="P90" s="70"/>
      <c r="Q90" s="70"/>
      <c r="R90" s="70"/>
      <c r="S90" s="70"/>
      <c r="T90" s="70"/>
      <c r="U90" s="70"/>
      <c r="V90" s="70"/>
      <c r="W90" s="70"/>
      <c r="X90" s="70"/>
      <c r="Y90" s="70"/>
      <c r="Z90" s="70"/>
      <c r="AA90" s="70"/>
      <c r="AB90" s="70"/>
      <c r="AC90" s="70"/>
      <c r="AD90" s="70"/>
      <c r="AE90" s="70"/>
      <c r="AF90" s="70"/>
    </row>
    <row r="91" spans="3:32" x14ac:dyDescent="0.2">
      <c r="C91" s="70"/>
      <c r="D91" s="70"/>
      <c r="E91" s="70"/>
      <c r="F91" s="70"/>
      <c r="G91" s="70"/>
      <c r="H91" s="70"/>
      <c r="I91" s="70"/>
      <c r="J91" s="70"/>
      <c r="K91" s="70"/>
      <c r="L91" s="70"/>
      <c r="M91" s="70"/>
      <c r="N91" s="70"/>
      <c r="O91" s="70"/>
      <c r="P91" s="70"/>
      <c r="Q91" s="70"/>
      <c r="R91" s="70"/>
      <c r="S91" s="70"/>
      <c r="T91" s="70"/>
      <c r="U91" s="70"/>
      <c r="V91" s="70"/>
      <c r="W91" s="70"/>
      <c r="X91" s="70"/>
      <c r="Y91" s="70"/>
      <c r="Z91" s="70"/>
      <c r="AA91" s="70"/>
      <c r="AB91" s="70"/>
      <c r="AC91" s="70"/>
      <c r="AD91" s="70"/>
      <c r="AE91" s="70"/>
      <c r="AF91" s="70"/>
    </row>
    <row r="92" spans="3:32" x14ac:dyDescent="0.2">
      <c r="C92" s="70"/>
      <c r="D92" s="70"/>
      <c r="E92" s="70"/>
      <c r="F92" s="70"/>
      <c r="G92" s="70"/>
      <c r="H92" s="70"/>
      <c r="I92" s="70"/>
      <c r="J92" s="70"/>
      <c r="K92" s="70"/>
      <c r="L92" s="70"/>
      <c r="M92" s="70"/>
      <c r="N92" s="70"/>
      <c r="O92" s="70"/>
      <c r="P92" s="70"/>
      <c r="Q92" s="70"/>
      <c r="R92" s="70"/>
      <c r="S92" s="70"/>
      <c r="T92" s="70"/>
      <c r="U92" s="70"/>
      <c r="V92" s="70"/>
      <c r="W92" s="70"/>
      <c r="X92" s="70"/>
      <c r="Y92" s="70"/>
      <c r="Z92" s="70"/>
      <c r="AA92" s="70"/>
      <c r="AB92" s="70"/>
      <c r="AC92" s="70"/>
      <c r="AD92" s="70"/>
      <c r="AE92" s="70"/>
      <c r="AF92" s="70"/>
    </row>
    <row r="93" spans="3:32" x14ac:dyDescent="0.2">
      <c r="C93" s="70"/>
      <c r="D93" s="70"/>
      <c r="E93" s="70"/>
      <c r="F93" s="70"/>
      <c r="G93" s="70"/>
      <c r="H93" s="70"/>
      <c r="I93" s="70"/>
      <c r="J93" s="70"/>
      <c r="K93" s="70"/>
      <c r="L93" s="70"/>
      <c r="M93" s="70"/>
      <c r="N93" s="70"/>
      <c r="O93" s="70"/>
      <c r="P93" s="70"/>
      <c r="Q93" s="70"/>
      <c r="R93" s="70"/>
      <c r="S93" s="70"/>
      <c r="T93" s="70"/>
      <c r="U93" s="70"/>
      <c r="V93" s="70"/>
      <c r="W93" s="70"/>
      <c r="X93" s="70"/>
      <c r="Y93" s="70"/>
      <c r="Z93" s="70"/>
      <c r="AA93" s="70"/>
      <c r="AB93" s="70"/>
      <c r="AC93" s="70"/>
      <c r="AD93" s="70"/>
      <c r="AE93" s="70"/>
      <c r="AF93" s="70"/>
    </row>
    <row r="94" spans="3:32" x14ac:dyDescent="0.2">
      <c r="C94" s="70"/>
      <c r="D94" s="70"/>
      <c r="E94" s="70"/>
      <c r="F94" s="70"/>
      <c r="G94" s="70"/>
      <c r="H94" s="70"/>
      <c r="I94" s="70"/>
      <c r="J94" s="70"/>
      <c r="K94" s="70"/>
      <c r="L94" s="70"/>
      <c r="M94" s="70"/>
      <c r="N94" s="70"/>
      <c r="O94" s="70"/>
      <c r="P94" s="70"/>
      <c r="Q94" s="70"/>
      <c r="R94" s="70"/>
      <c r="S94" s="70"/>
      <c r="T94" s="70"/>
      <c r="U94" s="70"/>
      <c r="V94" s="70"/>
      <c r="W94" s="70"/>
      <c r="X94" s="70"/>
      <c r="Y94" s="70"/>
      <c r="Z94" s="70"/>
      <c r="AA94" s="70"/>
      <c r="AB94" s="70"/>
      <c r="AC94" s="70"/>
      <c r="AD94" s="70"/>
      <c r="AE94" s="70"/>
      <c r="AF94" s="70"/>
    </row>
    <row r="95" spans="3:32" x14ac:dyDescent="0.2">
      <c r="C95" s="70"/>
      <c r="D95" s="70"/>
      <c r="E95" s="70"/>
      <c r="F95" s="70"/>
      <c r="G95" s="70"/>
      <c r="H95" s="70"/>
      <c r="I95" s="70"/>
      <c r="J95" s="70"/>
      <c r="K95" s="70"/>
      <c r="L95" s="70"/>
      <c r="M95" s="70"/>
      <c r="N95" s="70"/>
      <c r="O95" s="70"/>
      <c r="P95" s="70"/>
      <c r="Q95" s="70"/>
      <c r="R95" s="70"/>
      <c r="S95" s="70"/>
      <c r="T95" s="70"/>
      <c r="U95" s="70"/>
      <c r="V95" s="70"/>
      <c r="W95" s="70"/>
      <c r="X95" s="70"/>
      <c r="Y95" s="70"/>
      <c r="Z95" s="70"/>
      <c r="AA95" s="70"/>
      <c r="AB95" s="70"/>
      <c r="AC95" s="70"/>
      <c r="AD95" s="70"/>
      <c r="AE95" s="70"/>
      <c r="AF95" s="70"/>
    </row>
    <row r="96" spans="3:32" x14ac:dyDescent="0.2">
      <c r="C96" s="70"/>
      <c r="D96" s="70"/>
      <c r="E96" s="70"/>
      <c r="F96" s="70"/>
      <c r="G96" s="70"/>
      <c r="H96" s="70"/>
      <c r="I96" s="70"/>
      <c r="J96" s="70"/>
      <c r="K96" s="70"/>
      <c r="L96" s="70"/>
      <c r="M96" s="70"/>
      <c r="N96" s="70"/>
      <c r="O96" s="70"/>
      <c r="P96" s="70"/>
      <c r="Q96" s="70"/>
      <c r="R96" s="70"/>
      <c r="S96" s="70"/>
      <c r="T96" s="70"/>
      <c r="U96" s="70"/>
      <c r="V96" s="70"/>
      <c r="W96" s="70"/>
      <c r="X96" s="70"/>
      <c r="Y96" s="70"/>
      <c r="Z96" s="70"/>
      <c r="AA96" s="70"/>
      <c r="AB96" s="70"/>
      <c r="AC96" s="70"/>
      <c r="AD96" s="70"/>
      <c r="AE96" s="70"/>
      <c r="AF96" s="70"/>
    </row>
    <row r="97" spans="3:32" x14ac:dyDescent="0.2">
      <c r="C97" s="70"/>
      <c r="D97" s="70"/>
      <c r="E97" s="70"/>
      <c r="F97" s="70"/>
      <c r="G97" s="70"/>
      <c r="H97" s="70"/>
      <c r="I97" s="70"/>
      <c r="J97" s="70"/>
      <c r="K97" s="70"/>
      <c r="L97" s="70"/>
      <c r="M97" s="70"/>
      <c r="N97" s="70"/>
      <c r="O97" s="70"/>
      <c r="P97" s="70"/>
      <c r="Q97" s="70"/>
      <c r="R97" s="70"/>
      <c r="S97" s="70"/>
      <c r="T97" s="70"/>
      <c r="U97" s="70"/>
      <c r="V97" s="70"/>
      <c r="W97" s="70"/>
      <c r="X97" s="70"/>
      <c r="Y97" s="70"/>
      <c r="Z97" s="70"/>
      <c r="AA97" s="70"/>
      <c r="AB97" s="70"/>
      <c r="AC97" s="70"/>
      <c r="AD97" s="70"/>
      <c r="AE97" s="70"/>
      <c r="AF97" s="70"/>
    </row>
    <row r="98" spans="3:32" x14ac:dyDescent="0.2">
      <c r="C98" s="70"/>
      <c r="D98" s="70"/>
      <c r="E98" s="70"/>
      <c r="F98" s="70"/>
      <c r="G98" s="70"/>
      <c r="H98" s="70"/>
      <c r="I98" s="70"/>
      <c r="J98" s="70"/>
      <c r="K98" s="70"/>
      <c r="L98" s="70"/>
      <c r="M98" s="70"/>
      <c r="N98" s="70"/>
      <c r="O98" s="70"/>
      <c r="P98" s="70"/>
      <c r="Q98" s="70"/>
      <c r="R98" s="70"/>
      <c r="S98" s="70"/>
      <c r="T98" s="70"/>
      <c r="U98" s="70"/>
      <c r="V98" s="70"/>
      <c r="W98" s="70"/>
      <c r="X98" s="70"/>
      <c r="Y98" s="70"/>
      <c r="Z98" s="70"/>
      <c r="AA98" s="70"/>
      <c r="AB98" s="70"/>
      <c r="AC98" s="70"/>
      <c r="AD98" s="70"/>
      <c r="AE98" s="70"/>
      <c r="AF98" s="70"/>
    </row>
    <row r="99" spans="3:32" x14ac:dyDescent="0.2">
      <c r="C99" s="70"/>
      <c r="D99" s="70"/>
      <c r="E99" s="70"/>
      <c r="F99" s="70"/>
      <c r="G99" s="70"/>
      <c r="H99" s="70"/>
      <c r="I99" s="70"/>
      <c r="J99" s="70"/>
      <c r="K99" s="70"/>
      <c r="L99" s="70"/>
      <c r="M99" s="70"/>
      <c r="N99" s="70"/>
      <c r="O99" s="70"/>
      <c r="P99" s="70"/>
      <c r="Q99" s="70"/>
      <c r="R99" s="70"/>
      <c r="S99" s="70"/>
      <c r="T99" s="70"/>
      <c r="U99" s="70"/>
      <c r="V99" s="70"/>
      <c r="W99" s="70"/>
      <c r="X99" s="70"/>
      <c r="Y99" s="70"/>
      <c r="Z99" s="70"/>
      <c r="AA99" s="70"/>
      <c r="AB99" s="70"/>
      <c r="AC99" s="70"/>
      <c r="AD99" s="70"/>
      <c r="AE99" s="70"/>
      <c r="AF99" s="70"/>
    </row>
    <row r="100" spans="3:32" x14ac:dyDescent="0.2">
      <c r="C100" s="70"/>
      <c r="D100" s="70"/>
      <c r="E100" s="70"/>
      <c r="F100" s="70"/>
      <c r="G100" s="70"/>
      <c r="H100" s="70"/>
      <c r="I100" s="70"/>
      <c r="J100" s="70"/>
      <c r="K100" s="70"/>
      <c r="L100" s="70"/>
      <c r="M100" s="70"/>
      <c r="N100" s="70"/>
      <c r="O100" s="70"/>
      <c r="P100" s="70"/>
      <c r="Q100" s="70"/>
      <c r="R100" s="70"/>
      <c r="S100" s="70"/>
      <c r="T100" s="70"/>
      <c r="U100" s="70"/>
      <c r="V100" s="70"/>
      <c r="W100" s="70"/>
      <c r="X100" s="70"/>
      <c r="Y100" s="70"/>
      <c r="Z100" s="70"/>
      <c r="AA100" s="70"/>
      <c r="AB100" s="70"/>
      <c r="AC100" s="70"/>
      <c r="AD100" s="70"/>
      <c r="AE100" s="70"/>
      <c r="AF100" s="70"/>
    </row>
    <row r="101" spans="3:32" x14ac:dyDescent="0.2">
      <c r="C101" s="70"/>
      <c r="D101" s="70"/>
      <c r="E101" s="70"/>
      <c r="F101" s="70"/>
      <c r="G101" s="70"/>
      <c r="H101" s="70"/>
      <c r="I101" s="70"/>
      <c r="J101" s="70"/>
      <c r="K101" s="70"/>
      <c r="L101" s="70"/>
      <c r="M101" s="70"/>
      <c r="N101" s="70"/>
      <c r="O101" s="70"/>
      <c r="P101" s="70"/>
      <c r="Q101" s="70"/>
      <c r="R101" s="70"/>
      <c r="S101" s="70"/>
      <c r="T101" s="70"/>
      <c r="U101" s="70"/>
      <c r="V101" s="70"/>
      <c r="W101" s="70"/>
      <c r="X101" s="70"/>
      <c r="Y101" s="70"/>
      <c r="Z101" s="70"/>
      <c r="AA101" s="70"/>
      <c r="AB101" s="70"/>
      <c r="AC101" s="70"/>
      <c r="AD101" s="70"/>
      <c r="AE101" s="70"/>
      <c r="AF101" s="70"/>
    </row>
    <row r="102" spans="3:32" x14ac:dyDescent="0.2">
      <c r="C102" s="70"/>
      <c r="D102" s="70"/>
      <c r="E102" s="70"/>
      <c r="F102" s="70"/>
      <c r="G102" s="70"/>
      <c r="H102" s="70"/>
      <c r="I102" s="70"/>
      <c r="J102" s="70"/>
      <c r="K102" s="70"/>
      <c r="L102" s="70"/>
      <c r="M102" s="70"/>
      <c r="N102" s="70"/>
      <c r="O102" s="70"/>
      <c r="P102" s="70"/>
      <c r="Q102" s="70"/>
      <c r="R102" s="70"/>
      <c r="S102" s="70"/>
      <c r="T102" s="70"/>
      <c r="U102" s="70"/>
      <c r="V102" s="70"/>
      <c r="W102" s="70"/>
      <c r="X102" s="70"/>
      <c r="Y102" s="70"/>
      <c r="Z102" s="70"/>
      <c r="AA102" s="70"/>
      <c r="AB102" s="70"/>
      <c r="AC102" s="70"/>
      <c r="AD102" s="70"/>
      <c r="AE102" s="70"/>
      <c r="AF102" s="70"/>
    </row>
    <row r="103" spans="3:32" x14ac:dyDescent="0.2">
      <c r="C103" s="70"/>
      <c r="D103" s="70"/>
      <c r="E103" s="70"/>
      <c r="F103" s="70"/>
      <c r="G103" s="70"/>
      <c r="H103" s="70"/>
      <c r="I103" s="70"/>
      <c r="J103" s="70"/>
      <c r="K103" s="70"/>
      <c r="L103" s="70"/>
      <c r="M103" s="70"/>
      <c r="N103" s="70"/>
      <c r="O103" s="70"/>
      <c r="P103" s="70"/>
      <c r="Q103" s="70"/>
      <c r="R103" s="70"/>
      <c r="S103" s="70"/>
      <c r="T103" s="70"/>
      <c r="U103" s="70"/>
      <c r="V103" s="70"/>
      <c r="W103" s="70"/>
      <c r="X103" s="70"/>
      <c r="Y103" s="70"/>
      <c r="Z103" s="70"/>
      <c r="AA103" s="70"/>
      <c r="AB103" s="70"/>
      <c r="AC103" s="70"/>
      <c r="AD103" s="70"/>
      <c r="AE103" s="70"/>
      <c r="AF103" s="70"/>
    </row>
    <row r="104" spans="3:32" x14ac:dyDescent="0.2">
      <c r="C104" s="70"/>
      <c r="D104" s="70"/>
      <c r="E104" s="70"/>
      <c r="F104" s="70"/>
      <c r="G104" s="70"/>
      <c r="H104" s="70"/>
      <c r="I104" s="70"/>
      <c r="J104" s="70"/>
      <c r="K104" s="70"/>
      <c r="L104" s="70"/>
      <c r="M104" s="70"/>
      <c r="N104" s="70"/>
      <c r="O104" s="70"/>
      <c r="P104" s="70"/>
      <c r="Q104" s="70"/>
      <c r="R104" s="70"/>
      <c r="S104" s="70"/>
      <c r="T104" s="70"/>
      <c r="U104" s="70"/>
      <c r="V104" s="70"/>
      <c r="W104" s="70"/>
      <c r="X104" s="70"/>
      <c r="Y104" s="70"/>
      <c r="Z104" s="70"/>
      <c r="AA104" s="70"/>
      <c r="AB104" s="70"/>
      <c r="AC104" s="70"/>
      <c r="AD104" s="70"/>
      <c r="AE104" s="70"/>
      <c r="AF104" s="70"/>
    </row>
    <row r="105" spans="3:32" x14ac:dyDescent="0.2">
      <c r="C105" s="70"/>
      <c r="D105" s="70"/>
      <c r="E105" s="70"/>
      <c r="F105" s="70"/>
      <c r="G105" s="70"/>
      <c r="H105" s="70"/>
      <c r="I105" s="70"/>
      <c r="J105" s="70"/>
      <c r="K105" s="70"/>
      <c r="L105" s="70"/>
      <c r="M105" s="70"/>
      <c r="N105" s="70"/>
      <c r="O105" s="70"/>
      <c r="P105" s="70"/>
      <c r="Q105" s="70"/>
      <c r="R105" s="70"/>
      <c r="S105" s="70"/>
      <c r="T105" s="70"/>
      <c r="U105" s="70"/>
      <c r="V105" s="70"/>
      <c r="W105" s="70"/>
      <c r="X105" s="70"/>
      <c r="Y105" s="70"/>
      <c r="Z105" s="70"/>
      <c r="AA105" s="70"/>
      <c r="AB105" s="70"/>
      <c r="AC105" s="70"/>
      <c r="AD105" s="70"/>
      <c r="AE105" s="70"/>
      <c r="AF105" s="70"/>
    </row>
    <row r="106" spans="3:32" x14ac:dyDescent="0.2">
      <c r="C106" s="70"/>
      <c r="D106" s="70"/>
      <c r="E106" s="70"/>
      <c r="F106" s="70"/>
      <c r="G106" s="70"/>
      <c r="H106" s="70"/>
      <c r="I106" s="70"/>
      <c r="J106" s="70"/>
      <c r="K106" s="70"/>
      <c r="L106" s="70"/>
      <c r="M106" s="70"/>
      <c r="N106" s="70"/>
      <c r="O106" s="70"/>
      <c r="P106" s="70"/>
      <c r="Q106" s="70"/>
      <c r="R106" s="70"/>
      <c r="S106" s="70"/>
      <c r="T106" s="70"/>
      <c r="U106" s="70"/>
      <c r="V106" s="70"/>
      <c r="W106" s="70"/>
      <c r="X106" s="70"/>
      <c r="Y106" s="70"/>
      <c r="Z106" s="70"/>
      <c r="AA106" s="70"/>
      <c r="AB106" s="70"/>
      <c r="AC106" s="70"/>
      <c r="AD106" s="70"/>
      <c r="AE106" s="70"/>
      <c r="AF106" s="70"/>
    </row>
    <row r="107" spans="3:32" x14ac:dyDescent="0.2">
      <c r="C107" s="70"/>
      <c r="D107" s="70"/>
      <c r="E107" s="70"/>
      <c r="F107" s="70"/>
      <c r="G107" s="70"/>
      <c r="H107" s="70"/>
      <c r="I107" s="70"/>
      <c r="J107" s="70"/>
      <c r="K107" s="70"/>
      <c r="L107" s="70"/>
      <c r="M107" s="70"/>
      <c r="N107" s="70"/>
      <c r="O107" s="70"/>
      <c r="P107" s="70"/>
      <c r="Q107" s="70"/>
      <c r="R107" s="70"/>
      <c r="S107" s="70"/>
      <c r="T107" s="70"/>
      <c r="U107" s="70"/>
      <c r="V107" s="70"/>
      <c r="W107" s="70"/>
      <c r="X107" s="70"/>
      <c r="Y107" s="70"/>
      <c r="Z107" s="70"/>
      <c r="AA107" s="70"/>
      <c r="AB107" s="70"/>
      <c r="AC107" s="70"/>
      <c r="AD107" s="70"/>
      <c r="AE107" s="70"/>
      <c r="AF107" s="70"/>
    </row>
    <row r="108" spans="3:32" x14ac:dyDescent="0.2">
      <c r="C108" s="70"/>
      <c r="D108" s="70"/>
      <c r="E108" s="70"/>
      <c r="F108" s="70"/>
      <c r="G108" s="70"/>
      <c r="H108" s="70"/>
      <c r="I108" s="70"/>
      <c r="J108" s="70"/>
      <c r="K108" s="70"/>
      <c r="L108" s="70"/>
      <c r="M108" s="70"/>
      <c r="N108" s="70"/>
      <c r="O108" s="70"/>
      <c r="P108" s="70"/>
      <c r="Q108" s="70"/>
      <c r="R108" s="70"/>
      <c r="S108" s="70"/>
      <c r="T108" s="70"/>
      <c r="U108" s="70"/>
      <c r="V108" s="70"/>
      <c r="W108" s="70"/>
      <c r="X108" s="70"/>
      <c r="Y108" s="70"/>
      <c r="Z108" s="70"/>
      <c r="AA108" s="70"/>
      <c r="AB108" s="70"/>
      <c r="AC108" s="70"/>
      <c r="AD108" s="70"/>
      <c r="AE108" s="70"/>
      <c r="AF108" s="70"/>
    </row>
    <row r="109" spans="3:32" x14ac:dyDescent="0.2">
      <c r="C109" s="70"/>
      <c r="D109" s="70"/>
      <c r="E109" s="70"/>
      <c r="F109" s="70"/>
      <c r="G109" s="70"/>
      <c r="H109" s="70"/>
      <c r="I109" s="70"/>
      <c r="J109" s="70"/>
      <c r="K109" s="70"/>
      <c r="L109" s="70"/>
      <c r="M109" s="70"/>
      <c r="N109" s="70"/>
      <c r="O109" s="70"/>
      <c r="P109" s="70"/>
      <c r="Q109" s="70"/>
      <c r="R109" s="70"/>
      <c r="S109" s="70"/>
      <c r="T109" s="70"/>
      <c r="U109" s="70"/>
      <c r="V109" s="70"/>
      <c r="W109" s="70"/>
      <c r="X109" s="70"/>
      <c r="Y109" s="70"/>
      <c r="Z109" s="70"/>
      <c r="AA109" s="70"/>
      <c r="AB109" s="70"/>
      <c r="AC109" s="70"/>
      <c r="AD109" s="70"/>
      <c r="AE109" s="70"/>
      <c r="AF109" s="70"/>
    </row>
    <row r="110" spans="3:32" x14ac:dyDescent="0.2">
      <c r="C110" s="70"/>
      <c r="D110" s="70"/>
      <c r="E110" s="70"/>
      <c r="F110" s="70"/>
      <c r="G110" s="70"/>
      <c r="H110" s="70"/>
      <c r="I110" s="70"/>
      <c r="J110" s="70"/>
      <c r="K110" s="70"/>
      <c r="L110" s="70"/>
      <c r="M110" s="70"/>
      <c r="N110" s="70"/>
      <c r="O110" s="70"/>
      <c r="P110" s="70"/>
      <c r="Q110" s="70"/>
      <c r="R110" s="70"/>
      <c r="S110" s="70"/>
      <c r="T110" s="70"/>
      <c r="U110" s="70"/>
      <c r="V110" s="70"/>
      <c r="W110" s="70"/>
      <c r="X110" s="70"/>
      <c r="Y110" s="70"/>
      <c r="Z110" s="70"/>
      <c r="AA110" s="70"/>
      <c r="AB110" s="70"/>
      <c r="AC110" s="70"/>
      <c r="AD110" s="70"/>
      <c r="AE110" s="70"/>
      <c r="AF110" s="70"/>
    </row>
    <row r="111" spans="3:32" x14ac:dyDescent="0.2">
      <c r="C111" s="70"/>
      <c r="D111" s="70"/>
      <c r="E111" s="70"/>
      <c r="F111" s="70"/>
      <c r="G111" s="70"/>
      <c r="H111" s="70"/>
      <c r="I111" s="70"/>
      <c r="J111" s="70"/>
      <c r="K111" s="70"/>
      <c r="L111" s="70"/>
      <c r="M111" s="70"/>
      <c r="N111" s="70"/>
      <c r="O111" s="70"/>
      <c r="P111" s="70"/>
      <c r="Q111" s="70"/>
      <c r="R111" s="70"/>
      <c r="S111" s="70"/>
      <c r="T111" s="70"/>
      <c r="U111" s="70"/>
      <c r="V111" s="70"/>
      <c r="W111" s="70"/>
      <c r="X111" s="70"/>
      <c r="Y111" s="70"/>
      <c r="Z111" s="70"/>
      <c r="AA111" s="70"/>
      <c r="AB111" s="70"/>
      <c r="AC111" s="70"/>
      <c r="AD111" s="70"/>
      <c r="AE111" s="70"/>
      <c r="AF111" s="70"/>
    </row>
    <row r="112" spans="3:32" x14ac:dyDescent="0.2">
      <c r="C112" s="70"/>
      <c r="D112" s="70"/>
      <c r="E112" s="70"/>
      <c r="F112" s="70"/>
      <c r="G112" s="70"/>
      <c r="H112" s="70"/>
      <c r="I112" s="70"/>
      <c r="J112" s="70"/>
      <c r="K112" s="70"/>
      <c r="L112" s="70"/>
      <c r="M112" s="70"/>
      <c r="N112" s="70"/>
      <c r="O112" s="70"/>
      <c r="P112" s="70"/>
      <c r="Q112" s="70"/>
      <c r="R112" s="70"/>
      <c r="S112" s="70"/>
      <c r="T112" s="70"/>
      <c r="U112" s="70"/>
      <c r="V112" s="70"/>
      <c r="W112" s="70"/>
      <c r="X112" s="70"/>
      <c r="Y112" s="70"/>
      <c r="Z112" s="70"/>
      <c r="AA112" s="70"/>
      <c r="AB112" s="70"/>
      <c r="AC112" s="70"/>
      <c r="AD112" s="70"/>
      <c r="AE112" s="70"/>
      <c r="AF112" s="70"/>
    </row>
    <row r="113" spans="3:32" x14ac:dyDescent="0.2">
      <c r="C113" s="70"/>
      <c r="D113" s="70"/>
      <c r="E113" s="70"/>
      <c r="F113" s="70"/>
      <c r="G113" s="70"/>
      <c r="H113" s="70"/>
      <c r="I113" s="70"/>
      <c r="J113" s="70"/>
      <c r="K113" s="70"/>
      <c r="L113" s="70"/>
      <c r="M113" s="70"/>
      <c r="N113" s="70"/>
      <c r="O113" s="70"/>
      <c r="P113" s="70"/>
      <c r="Q113" s="70"/>
      <c r="R113" s="70"/>
      <c r="S113" s="70"/>
      <c r="T113" s="70"/>
      <c r="U113" s="70"/>
      <c r="V113" s="70"/>
      <c r="W113" s="70"/>
      <c r="X113" s="70"/>
      <c r="Y113" s="70"/>
      <c r="Z113" s="70"/>
      <c r="AA113" s="70"/>
      <c r="AB113" s="70"/>
      <c r="AC113" s="70"/>
      <c r="AD113" s="70"/>
      <c r="AE113" s="70"/>
      <c r="AF113" s="70"/>
    </row>
    <row r="114" spans="3:32" x14ac:dyDescent="0.2">
      <c r="C114" s="70"/>
      <c r="D114" s="70"/>
      <c r="E114" s="70"/>
      <c r="F114" s="70"/>
      <c r="G114" s="70"/>
      <c r="H114" s="70"/>
      <c r="I114" s="70"/>
      <c r="J114" s="70"/>
      <c r="K114" s="70"/>
      <c r="L114" s="70"/>
      <c r="M114" s="70"/>
      <c r="N114" s="70"/>
      <c r="O114" s="70"/>
      <c r="P114" s="70"/>
      <c r="Q114" s="70"/>
      <c r="R114" s="70"/>
      <c r="S114" s="70"/>
      <c r="T114" s="70"/>
      <c r="U114" s="70"/>
      <c r="V114" s="70"/>
      <c r="W114" s="70"/>
      <c r="X114" s="70"/>
      <c r="Y114" s="70"/>
      <c r="Z114" s="70"/>
      <c r="AA114" s="70"/>
      <c r="AB114" s="70"/>
      <c r="AC114" s="70"/>
      <c r="AD114" s="70"/>
      <c r="AE114" s="70"/>
      <c r="AF114" s="70"/>
    </row>
    <row r="115" spans="3:32" x14ac:dyDescent="0.2">
      <c r="C115" s="70"/>
      <c r="D115" s="70"/>
      <c r="E115" s="70"/>
      <c r="F115" s="70"/>
      <c r="G115" s="70"/>
      <c r="H115" s="70"/>
      <c r="I115" s="70"/>
      <c r="J115" s="70"/>
      <c r="K115" s="70"/>
      <c r="L115" s="70"/>
      <c r="M115" s="70"/>
      <c r="N115" s="70"/>
      <c r="O115" s="70"/>
      <c r="P115" s="70"/>
      <c r="Q115" s="70"/>
      <c r="R115" s="70"/>
      <c r="S115" s="70"/>
      <c r="T115" s="70"/>
      <c r="U115" s="70"/>
      <c r="V115" s="70"/>
      <c r="W115" s="70"/>
      <c r="X115" s="70"/>
      <c r="Y115" s="70"/>
      <c r="Z115" s="70"/>
      <c r="AA115" s="70"/>
      <c r="AB115" s="70"/>
      <c r="AC115" s="70"/>
      <c r="AD115" s="70"/>
      <c r="AE115" s="70"/>
      <c r="AF115" s="70"/>
    </row>
    <row r="116" spans="3:32" x14ac:dyDescent="0.2">
      <c r="C116" s="70"/>
      <c r="D116" s="70"/>
      <c r="E116" s="70"/>
      <c r="F116" s="70"/>
      <c r="G116" s="70"/>
      <c r="H116" s="70"/>
      <c r="I116" s="70"/>
      <c r="J116" s="70"/>
      <c r="K116" s="70"/>
      <c r="L116" s="70"/>
      <c r="M116" s="70"/>
      <c r="N116" s="70"/>
      <c r="O116" s="70"/>
      <c r="P116" s="70"/>
      <c r="Q116" s="70"/>
      <c r="R116" s="70"/>
      <c r="S116" s="70"/>
      <c r="T116" s="70"/>
      <c r="U116" s="70"/>
      <c r="V116" s="70"/>
      <c r="W116" s="70"/>
      <c r="X116" s="70"/>
      <c r="Y116" s="70"/>
      <c r="Z116" s="70"/>
      <c r="AA116" s="70"/>
      <c r="AB116" s="70"/>
      <c r="AC116" s="70"/>
      <c r="AD116" s="70"/>
      <c r="AE116" s="70"/>
      <c r="AF116" s="70"/>
    </row>
    <row r="117" spans="3:32" x14ac:dyDescent="0.2">
      <c r="C117" s="70"/>
      <c r="D117" s="70"/>
      <c r="E117" s="70"/>
      <c r="F117" s="70"/>
      <c r="G117" s="70"/>
      <c r="H117" s="70"/>
      <c r="I117" s="70"/>
      <c r="J117" s="70"/>
      <c r="K117" s="70"/>
      <c r="L117" s="70"/>
      <c r="M117" s="70"/>
      <c r="N117" s="70"/>
      <c r="O117" s="70"/>
      <c r="P117" s="70"/>
      <c r="Q117" s="70"/>
      <c r="R117" s="70"/>
      <c r="S117" s="70"/>
      <c r="T117" s="70"/>
      <c r="U117" s="70"/>
      <c r="V117" s="70"/>
      <c r="W117" s="70"/>
      <c r="X117" s="70"/>
      <c r="Y117" s="70"/>
      <c r="Z117" s="70"/>
      <c r="AA117" s="70"/>
      <c r="AB117" s="70"/>
      <c r="AC117" s="70"/>
      <c r="AD117" s="70"/>
      <c r="AE117" s="70"/>
      <c r="AF117" s="70"/>
    </row>
    <row r="118" spans="3:32" x14ac:dyDescent="0.2">
      <c r="C118" s="70"/>
      <c r="D118" s="70"/>
      <c r="E118" s="70"/>
      <c r="F118" s="70"/>
      <c r="G118" s="70"/>
      <c r="H118" s="70"/>
      <c r="I118" s="70"/>
      <c r="J118" s="70"/>
      <c r="K118" s="70"/>
      <c r="L118" s="70"/>
      <c r="M118" s="70"/>
      <c r="N118" s="70"/>
      <c r="O118" s="70"/>
      <c r="P118" s="70"/>
      <c r="Q118" s="70"/>
      <c r="R118" s="70"/>
      <c r="S118" s="70"/>
      <c r="T118" s="70"/>
      <c r="U118" s="70"/>
      <c r="V118" s="70"/>
      <c r="W118" s="70"/>
      <c r="X118" s="70"/>
      <c r="Y118" s="70"/>
      <c r="Z118" s="70"/>
      <c r="AA118" s="70"/>
      <c r="AB118" s="70"/>
      <c r="AC118" s="70"/>
      <c r="AD118" s="70"/>
      <c r="AE118" s="70"/>
      <c r="AF118" s="70"/>
    </row>
    <row r="119" spans="3:32" x14ac:dyDescent="0.2">
      <c r="C119" s="70"/>
      <c r="D119" s="70"/>
      <c r="E119" s="70"/>
      <c r="F119" s="70"/>
      <c r="G119" s="70"/>
      <c r="H119" s="70"/>
      <c r="I119" s="70"/>
      <c r="J119" s="70"/>
      <c r="K119" s="70"/>
      <c r="L119" s="70"/>
      <c r="M119" s="70"/>
      <c r="N119" s="70"/>
      <c r="O119" s="70"/>
      <c r="P119" s="70"/>
      <c r="Q119" s="70"/>
      <c r="R119" s="70"/>
      <c r="S119" s="70"/>
      <c r="T119" s="70"/>
      <c r="U119" s="70"/>
      <c r="V119" s="70"/>
      <c r="W119" s="70"/>
      <c r="X119" s="70"/>
      <c r="Y119" s="70"/>
      <c r="Z119" s="70"/>
      <c r="AA119" s="70"/>
      <c r="AB119" s="70"/>
      <c r="AC119" s="70"/>
      <c r="AD119" s="70"/>
      <c r="AE119" s="70"/>
      <c r="AF119" s="70"/>
    </row>
    <row r="120" spans="3:32" x14ac:dyDescent="0.2">
      <c r="C120" s="70"/>
      <c r="D120" s="70"/>
      <c r="E120" s="70"/>
      <c r="F120" s="70"/>
      <c r="G120" s="70"/>
      <c r="H120" s="70"/>
      <c r="I120" s="70"/>
      <c r="J120" s="70"/>
      <c r="K120" s="70"/>
      <c r="L120" s="70"/>
      <c r="M120" s="70"/>
      <c r="N120" s="70"/>
      <c r="O120" s="70"/>
      <c r="P120" s="70"/>
      <c r="Q120" s="70"/>
      <c r="R120" s="70"/>
      <c r="S120" s="70"/>
      <c r="T120" s="70"/>
      <c r="U120" s="70"/>
      <c r="V120" s="70"/>
      <c r="W120" s="70"/>
      <c r="X120" s="70"/>
      <c r="Y120" s="70"/>
      <c r="Z120" s="70"/>
      <c r="AA120" s="70"/>
      <c r="AB120" s="70"/>
      <c r="AC120" s="70"/>
      <c r="AD120" s="70"/>
      <c r="AE120" s="70"/>
      <c r="AF120" s="70"/>
    </row>
    <row r="121" spans="3:32" x14ac:dyDescent="0.2">
      <c r="C121" s="70"/>
      <c r="D121" s="70"/>
      <c r="E121" s="70"/>
      <c r="F121" s="70"/>
      <c r="G121" s="70"/>
      <c r="H121" s="70"/>
      <c r="I121" s="70"/>
      <c r="J121" s="70"/>
      <c r="K121" s="70"/>
      <c r="L121" s="70"/>
      <c r="M121" s="70"/>
      <c r="N121" s="70"/>
      <c r="O121" s="70"/>
      <c r="P121" s="70"/>
      <c r="Q121" s="70"/>
      <c r="R121" s="70"/>
      <c r="S121" s="70"/>
      <c r="T121" s="70"/>
      <c r="U121" s="70"/>
      <c r="V121" s="70"/>
      <c r="W121" s="70"/>
      <c r="X121" s="70"/>
      <c r="Y121" s="70"/>
      <c r="Z121" s="70"/>
      <c r="AA121" s="70"/>
      <c r="AB121" s="70"/>
      <c r="AC121" s="70"/>
      <c r="AD121" s="70"/>
      <c r="AE121" s="70"/>
      <c r="AF121" s="70"/>
    </row>
    <row r="122" spans="3:32" x14ac:dyDescent="0.2">
      <c r="C122" s="70"/>
      <c r="D122" s="70"/>
      <c r="E122" s="70"/>
      <c r="F122" s="70"/>
      <c r="G122" s="70"/>
      <c r="H122" s="70"/>
      <c r="I122" s="70"/>
      <c r="J122" s="70"/>
      <c r="K122" s="70"/>
      <c r="L122" s="70"/>
      <c r="M122" s="70"/>
      <c r="N122" s="70"/>
      <c r="O122" s="70"/>
      <c r="P122" s="70"/>
      <c r="Q122" s="70"/>
      <c r="R122" s="70"/>
      <c r="S122" s="70"/>
      <c r="T122" s="70"/>
      <c r="U122" s="70"/>
      <c r="V122" s="70"/>
      <c r="W122" s="70"/>
      <c r="X122" s="70"/>
      <c r="Y122" s="70"/>
      <c r="Z122" s="70"/>
      <c r="AA122" s="70"/>
      <c r="AB122" s="70"/>
      <c r="AC122" s="70"/>
      <c r="AD122" s="70"/>
      <c r="AE122" s="70"/>
      <c r="AF122" s="70"/>
    </row>
    <row r="123" spans="3:32" x14ac:dyDescent="0.2">
      <c r="C123" s="70"/>
      <c r="D123" s="70"/>
      <c r="E123" s="70"/>
      <c r="F123" s="70"/>
      <c r="G123" s="70"/>
      <c r="H123" s="70"/>
      <c r="I123" s="70"/>
      <c r="J123" s="70"/>
      <c r="K123" s="70"/>
      <c r="L123" s="70"/>
      <c r="M123" s="70"/>
      <c r="N123" s="70"/>
      <c r="O123" s="70"/>
      <c r="P123" s="70"/>
      <c r="Q123" s="70"/>
      <c r="R123" s="70"/>
      <c r="S123" s="70"/>
      <c r="T123" s="70"/>
      <c r="U123" s="70"/>
      <c r="V123" s="70"/>
      <c r="W123" s="70"/>
      <c r="X123" s="70"/>
      <c r="Y123" s="70"/>
      <c r="Z123" s="70"/>
      <c r="AA123" s="70"/>
      <c r="AB123" s="70"/>
      <c r="AC123" s="70"/>
      <c r="AD123" s="70"/>
      <c r="AE123" s="70"/>
      <c r="AF123" s="70"/>
    </row>
    <row r="124" spans="3:32" x14ac:dyDescent="0.2">
      <c r="C124" s="70"/>
      <c r="D124" s="70"/>
      <c r="E124" s="70"/>
      <c r="F124" s="70"/>
      <c r="G124" s="70"/>
      <c r="H124" s="70"/>
      <c r="I124" s="70"/>
      <c r="J124" s="70"/>
      <c r="K124" s="70"/>
      <c r="L124" s="70"/>
      <c r="M124" s="70"/>
      <c r="N124" s="70"/>
      <c r="O124" s="70"/>
      <c r="P124" s="70"/>
      <c r="Q124" s="70"/>
      <c r="R124" s="70"/>
      <c r="S124" s="70"/>
      <c r="T124" s="70"/>
      <c r="U124" s="70"/>
      <c r="V124" s="70"/>
      <c r="W124" s="70"/>
      <c r="X124" s="70"/>
      <c r="Y124" s="70"/>
      <c r="Z124" s="70"/>
      <c r="AA124" s="70"/>
      <c r="AB124" s="70"/>
      <c r="AC124" s="70"/>
      <c r="AD124" s="70"/>
      <c r="AE124" s="70"/>
      <c r="AF124" s="70"/>
    </row>
    <row r="125" spans="3:32" x14ac:dyDescent="0.2">
      <c r="C125" s="70"/>
      <c r="D125" s="70"/>
      <c r="E125" s="70"/>
      <c r="F125" s="70"/>
      <c r="G125" s="70"/>
      <c r="H125" s="70"/>
      <c r="I125" s="70"/>
      <c r="J125" s="70"/>
      <c r="K125" s="70"/>
      <c r="L125" s="70"/>
      <c r="M125" s="70"/>
      <c r="N125" s="70"/>
      <c r="O125" s="70"/>
      <c r="P125" s="70"/>
      <c r="Q125" s="70"/>
      <c r="R125" s="70"/>
      <c r="S125" s="70"/>
      <c r="T125" s="70"/>
      <c r="U125" s="70"/>
      <c r="V125" s="70"/>
      <c r="W125" s="70"/>
      <c r="X125" s="70"/>
      <c r="Y125" s="70"/>
      <c r="Z125" s="70"/>
      <c r="AA125" s="70"/>
      <c r="AB125" s="70"/>
      <c r="AC125" s="70"/>
      <c r="AD125" s="70"/>
      <c r="AE125" s="70"/>
      <c r="AF125" s="70"/>
    </row>
    <row r="126" spans="3:32" x14ac:dyDescent="0.2">
      <c r="C126" s="70"/>
      <c r="D126" s="70"/>
      <c r="E126" s="70"/>
      <c r="F126" s="70"/>
      <c r="G126" s="70"/>
      <c r="H126" s="70"/>
      <c r="I126" s="70"/>
      <c r="J126" s="70"/>
      <c r="K126" s="70"/>
      <c r="L126" s="70"/>
      <c r="M126" s="70"/>
      <c r="N126" s="70"/>
      <c r="O126" s="70"/>
      <c r="P126" s="70"/>
      <c r="Q126" s="70"/>
      <c r="R126" s="70"/>
      <c r="S126" s="70"/>
      <c r="T126" s="70"/>
      <c r="U126" s="70"/>
      <c r="V126" s="70"/>
      <c r="W126" s="70"/>
      <c r="X126" s="70"/>
      <c r="Y126" s="70"/>
      <c r="Z126" s="70"/>
      <c r="AA126" s="70"/>
      <c r="AB126" s="70"/>
      <c r="AC126" s="70"/>
      <c r="AD126" s="70"/>
      <c r="AE126" s="70"/>
      <c r="AF126" s="70"/>
    </row>
    <row r="127" spans="3:32" x14ac:dyDescent="0.2">
      <c r="C127" s="70"/>
      <c r="D127" s="70"/>
      <c r="E127" s="70"/>
      <c r="F127" s="70"/>
      <c r="G127" s="70"/>
      <c r="H127" s="70"/>
      <c r="I127" s="70"/>
      <c r="J127" s="70"/>
      <c r="K127" s="70"/>
      <c r="L127" s="70"/>
      <c r="M127" s="70"/>
      <c r="N127" s="70"/>
      <c r="O127" s="70"/>
      <c r="P127" s="70"/>
      <c r="Q127" s="70"/>
      <c r="R127" s="70"/>
      <c r="S127" s="70"/>
      <c r="T127" s="70"/>
      <c r="U127" s="70"/>
      <c r="V127" s="70"/>
      <c r="W127" s="70"/>
      <c r="X127" s="70"/>
      <c r="Y127" s="70"/>
      <c r="Z127" s="70"/>
      <c r="AA127" s="70"/>
      <c r="AB127" s="70"/>
      <c r="AC127" s="70"/>
      <c r="AD127" s="70"/>
      <c r="AE127" s="70"/>
      <c r="AF127" s="70"/>
    </row>
    <row r="128" spans="3:32" x14ac:dyDescent="0.2">
      <c r="C128" s="70"/>
      <c r="D128" s="70"/>
      <c r="E128" s="70"/>
      <c r="F128" s="70"/>
      <c r="G128" s="70"/>
      <c r="H128" s="70"/>
      <c r="I128" s="70"/>
      <c r="J128" s="70"/>
      <c r="K128" s="70"/>
      <c r="L128" s="70"/>
      <c r="M128" s="70"/>
      <c r="N128" s="70"/>
      <c r="O128" s="70"/>
      <c r="P128" s="70"/>
      <c r="Q128" s="70"/>
      <c r="R128" s="70"/>
      <c r="S128" s="70"/>
      <c r="T128" s="70"/>
      <c r="U128" s="70"/>
      <c r="V128" s="70"/>
      <c r="W128" s="70"/>
      <c r="X128" s="70"/>
      <c r="Y128" s="70"/>
      <c r="Z128" s="70"/>
      <c r="AA128" s="70"/>
      <c r="AB128" s="70"/>
      <c r="AC128" s="70"/>
      <c r="AD128" s="70"/>
      <c r="AE128" s="70"/>
      <c r="AF128" s="70"/>
    </row>
    <row r="129" spans="3:32" x14ac:dyDescent="0.2">
      <c r="C129" s="70"/>
      <c r="D129" s="70"/>
      <c r="E129" s="70"/>
      <c r="F129" s="70"/>
      <c r="G129" s="70"/>
      <c r="H129" s="70"/>
      <c r="I129" s="70"/>
      <c r="J129" s="70"/>
      <c r="K129" s="70"/>
      <c r="L129" s="70"/>
      <c r="M129" s="70"/>
      <c r="N129" s="70"/>
      <c r="O129" s="70"/>
      <c r="P129" s="70"/>
      <c r="Q129" s="70"/>
      <c r="R129" s="70"/>
      <c r="S129" s="70"/>
      <c r="T129" s="70"/>
      <c r="U129" s="70"/>
      <c r="V129" s="70"/>
      <c r="W129" s="70"/>
      <c r="X129" s="70"/>
      <c r="Y129" s="70"/>
      <c r="Z129" s="70"/>
      <c r="AA129" s="70"/>
      <c r="AB129" s="70"/>
      <c r="AC129" s="70"/>
      <c r="AD129" s="70"/>
      <c r="AE129" s="70"/>
      <c r="AF129" s="70"/>
    </row>
    <row r="130" spans="3:32" x14ac:dyDescent="0.2">
      <c r="C130" s="70"/>
      <c r="D130" s="70"/>
      <c r="E130" s="70"/>
      <c r="F130" s="70"/>
      <c r="G130" s="70"/>
      <c r="H130" s="70"/>
      <c r="I130" s="70"/>
      <c r="J130" s="70"/>
      <c r="K130" s="70"/>
      <c r="L130" s="70"/>
      <c r="M130" s="70"/>
      <c r="N130" s="70"/>
      <c r="O130" s="70"/>
      <c r="P130" s="70"/>
      <c r="Q130" s="70"/>
      <c r="R130" s="70"/>
      <c r="S130" s="70"/>
      <c r="T130" s="70"/>
      <c r="U130" s="70"/>
      <c r="V130" s="70"/>
      <c r="W130" s="70"/>
      <c r="X130" s="70"/>
      <c r="Y130" s="70"/>
      <c r="Z130" s="70"/>
      <c r="AA130" s="70"/>
      <c r="AB130" s="70"/>
      <c r="AC130" s="70"/>
      <c r="AD130" s="70"/>
      <c r="AE130" s="70"/>
      <c r="AF130" s="70"/>
    </row>
    <row r="131" spans="3:32" x14ac:dyDescent="0.2">
      <c r="C131" s="70"/>
      <c r="D131" s="70"/>
      <c r="E131" s="70"/>
      <c r="F131" s="70"/>
      <c r="G131" s="70"/>
      <c r="H131" s="70"/>
      <c r="I131" s="70"/>
      <c r="J131" s="70"/>
      <c r="K131" s="70"/>
      <c r="L131" s="70"/>
      <c r="M131" s="70"/>
      <c r="N131" s="70"/>
      <c r="O131" s="70"/>
      <c r="P131" s="70"/>
      <c r="Q131" s="70"/>
      <c r="R131" s="70"/>
      <c r="S131" s="70"/>
      <c r="T131" s="70"/>
      <c r="U131" s="70"/>
      <c r="V131" s="70"/>
      <c r="W131" s="70"/>
      <c r="X131" s="70"/>
      <c r="Y131" s="70"/>
      <c r="Z131" s="70"/>
      <c r="AA131" s="70"/>
      <c r="AB131" s="70"/>
      <c r="AC131" s="70"/>
      <c r="AD131" s="70"/>
      <c r="AE131" s="70"/>
      <c r="AF131" s="70"/>
    </row>
    <row r="132" spans="3:32" x14ac:dyDescent="0.2">
      <c r="C132" s="70"/>
      <c r="D132" s="70"/>
      <c r="E132" s="70"/>
      <c r="F132" s="70"/>
      <c r="G132" s="70"/>
      <c r="H132" s="70"/>
      <c r="I132" s="70"/>
      <c r="J132" s="70"/>
      <c r="K132" s="70"/>
      <c r="L132" s="70"/>
      <c r="M132" s="70"/>
      <c r="N132" s="70"/>
      <c r="O132" s="70"/>
      <c r="P132" s="70"/>
      <c r="Q132" s="70"/>
      <c r="R132" s="70"/>
      <c r="S132" s="70"/>
      <c r="T132" s="70"/>
      <c r="U132" s="70"/>
      <c r="V132" s="70"/>
      <c r="W132" s="70"/>
      <c r="X132" s="70"/>
      <c r="Y132" s="70"/>
      <c r="Z132" s="70"/>
      <c r="AA132" s="70"/>
      <c r="AB132" s="70"/>
      <c r="AC132" s="70"/>
      <c r="AD132" s="70"/>
      <c r="AE132" s="70"/>
      <c r="AF132" s="70"/>
    </row>
    <row r="133" spans="3:32" x14ac:dyDescent="0.2">
      <c r="C133" s="70"/>
      <c r="D133" s="70"/>
      <c r="E133" s="70"/>
      <c r="F133" s="70"/>
      <c r="G133" s="70"/>
      <c r="H133" s="70"/>
      <c r="I133" s="70"/>
      <c r="J133" s="70"/>
      <c r="K133" s="70"/>
      <c r="L133" s="70"/>
      <c r="M133" s="70"/>
      <c r="N133" s="70"/>
      <c r="O133" s="70"/>
      <c r="P133" s="70"/>
      <c r="Q133" s="70"/>
      <c r="R133" s="70"/>
      <c r="S133" s="70"/>
      <c r="T133" s="70"/>
      <c r="U133" s="70"/>
      <c r="V133" s="70"/>
      <c r="W133" s="70"/>
      <c r="X133" s="70"/>
      <c r="Y133" s="70"/>
      <c r="Z133" s="70"/>
      <c r="AA133" s="70"/>
      <c r="AB133" s="70"/>
      <c r="AC133" s="70"/>
      <c r="AD133" s="70"/>
      <c r="AE133" s="70"/>
      <c r="AF133" s="70"/>
    </row>
    <row r="134" spans="3:32" x14ac:dyDescent="0.2">
      <c r="C134" s="70"/>
      <c r="D134" s="70"/>
      <c r="E134" s="70"/>
      <c r="F134" s="70"/>
      <c r="G134" s="70"/>
      <c r="H134" s="70"/>
      <c r="I134" s="70"/>
      <c r="J134" s="70"/>
      <c r="K134" s="70"/>
      <c r="L134" s="70"/>
      <c r="M134" s="70"/>
      <c r="N134" s="70"/>
      <c r="O134" s="70"/>
      <c r="P134" s="70"/>
      <c r="Q134" s="70"/>
      <c r="R134" s="70"/>
      <c r="S134" s="70"/>
      <c r="T134" s="70"/>
      <c r="U134" s="70"/>
      <c r="V134" s="70"/>
      <c r="W134" s="70"/>
      <c r="X134" s="70"/>
      <c r="Y134" s="70"/>
      <c r="Z134" s="70"/>
      <c r="AA134" s="70"/>
      <c r="AB134" s="70"/>
      <c r="AC134" s="70"/>
      <c r="AD134" s="70"/>
      <c r="AE134" s="70"/>
      <c r="AF134" s="70"/>
    </row>
    <row r="135" spans="3:32" x14ac:dyDescent="0.2">
      <c r="C135" s="70"/>
      <c r="D135" s="70"/>
      <c r="E135" s="70"/>
      <c r="F135" s="70"/>
      <c r="G135" s="70"/>
      <c r="H135" s="70"/>
      <c r="I135" s="70"/>
      <c r="J135" s="70"/>
      <c r="K135" s="70"/>
      <c r="L135" s="70"/>
      <c r="M135" s="70"/>
      <c r="N135" s="70"/>
      <c r="O135" s="70"/>
      <c r="P135" s="70"/>
      <c r="Q135" s="70"/>
      <c r="R135" s="70"/>
      <c r="S135" s="70"/>
      <c r="T135" s="70"/>
      <c r="U135" s="70"/>
      <c r="V135" s="70"/>
      <c r="W135" s="70"/>
      <c r="X135" s="70"/>
      <c r="Y135" s="70"/>
      <c r="Z135" s="70"/>
      <c r="AA135" s="70"/>
      <c r="AB135" s="70"/>
      <c r="AC135" s="70"/>
      <c r="AD135" s="70"/>
      <c r="AE135" s="70"/>
      <c r="AF135" s="70"/>
    </row>
    <row r="136" spans="3:32" x14ac:dyDescent="0.2">
      <c r="C136" s="70"/>
      <c r="D136" s="70"/>
      <c r="E136" s="70"/>
      <c r="F136" s="70"/>
      <c r="G136" s="70"/>
      <c r="H136" s="70"/>
      <c r="I136" s="70"/>
      <c r="J136" s="70"/>
      <c r="K136" s="70"/>
      <c r="L136" s="70"/>
      <c r="M136" s="70"/>
      <c r="N136" s="70"/>
      <c r="O136" s="70"/>
      <c r="P136" s="70"/>
      <c r="Q136" s="70"/>
      <c r="R136" s="70"/>
      <c r="S136" s="70"/>
      <c r="T136" s="70"/>
      <c r="U136" s="70"/>
      <c r="V136" s="70"/>
      <c r="W136" s="70"/>
      <c r="X136" s="70"/>
      <c r="Y136" s="70"/>
      <c r="Z136" s="70"/>
      <c r="AA136" s="70"/>
      <c r="AB136" s="70"/>
      <c r="AC136" s="70"/>
      <c r="AD136" s="70"/>
      <c r="AE136" s="70"/>
      <c r="AF136" s="70"/>
    </row>
    <row r="137" spans="3:32" x14ac:dyDescent="0.2">
      <c r="C137" s="70"/>
      <c r="D137" s="70"/>
      <c r="E137" s="70"/>
      <c r="F137" s="70"/>
      <c r="G137" s="70"/>
      <c r="H137" s="70"/>
      <c r="I137" s="70"/>
      <c r="J137" s="70"/>
      <c r="K137" s="70"/>
      <c r="L137" s="70"/>
      <c r="M137" s="70"/>
      <c r="N137" s="70"/>
      <c r="O137" s="70"/>
      <c r="P137" s="70"/>
      <c r="Q137" s="70"/>
      <c r="R137" s="70"/>
      <c r="S137" s="70"/>
      <c r="T137" s="70"/>
      <c r="U137" s="70"/>
      <c r="V137" s="70"/>
      <c r="W137" s="70"/>
      <c r="X137" s="70"/>
      <c r="Y137" s="70"/>
      <c r="Z137" s="70"/>
      <c r="AA137" s="70"/>
      <c r="AB137" s="70"/>
      <c r="AC137" s="70"/>
      <c r="AD137" s="70"/>
      <c r="AE137" s="70"/>
      <c r="AF137" s="70"/>
    </row>
    <row r="138" spans="3:32" x14ac:dyDescent="0.2">
      <c r="C138" s="70"/>
      <c r="D138" s="70"/>
      <c r="E138" s="70"/>
      <c r="F138" s="70"/>
      <c r="G138" s="70"/>
      <c r="H138" s="70"/>
      <c r="I138" s="70"/>
      <c r="J138" s="70"/>
      <c r="K138" s="70"/>
      <c r="L138" s="70"/>
      <c r="M138" s="70"/>
      <c r="N138" s="70"/>
      <c r="O138" s="70"/>
      <c r="P138" s="70"/>
      <c r="Q138" s="70"/>
      <c r="R138" s="70"/>
      <c r="S138" s="70"/>
      <c r="T138" s="70"/>
      <c r="U138" s="70"/>
      <c r="V138" s="70"/>
      <c r="W138" s="70"/>
      <c r="X138" s="70"/>
      <c r="Y138" s="70"/>
      <c r="Z138" s="70"/>
      <c r="AA138" s="70"/>
      <c r="AB138" s="70"/>
      <c r="AC138" s="70"/>
      <c r="AD138" s="70"/>
      <c r="AE138" s="70"/>
      <c r="AF138" s="70"/>
    </row>
    <row r="139" spans="3:32" x14ac:dyDescent="0.2">
      <c r="C139" s="70"/>
      <c r="D139" s="70"/>
      <c r="E139" s="70"/>
      <c r="F139" s="70"/>
      <c r="G139" s="70"/>
      <c r="H139" s="70"/>
      <c r="I139" s="70"/>
      <c r="J139" s="70"/>
      <c r="K139" s="70"/>
      <c r="L139" s="70"/>
      <c r="M139" s="70"/>
      <c r="N139" s="70"/>
      <c r="O139" s="70"/>
      <c r="P139" s="70"/>
      <c r="Q139" s="70"/>
      <c r="R139" s="70"/>
      <c r="S139" s="70"/>
      <c r="T139" s="70"/>
      <c r="U139" s="70"/>
      <c r="V139" s="70"/>
      <c r="W139" s="70"/>
      <c r="X139" s="70"/>
      <c r="Y139" s="70"/>
      <c r="Z139" s="70"/>
      <c r="AA139" s="70"/>
      <c r="AB139" s="70"/>
      <c r="AC139" s="70"/>
      <c r="AD139" s="70"/>
      <c r="AE139" s="70"/>
      <c r="AF139" s="70"/>
    </row>
    <row r="140" spans="3:32" x14ac:dyDescent="0.2">
      <c r="C140" s="70"/>
      <c r="D140" s="70"/>
      <c r="E140" s="70"/>
      <c r="F140" s="70"/>
      <c r="G140" s="70"/>
      <c r="H140" s="70"/>
      <c r="I140" s="70"/>
      <c r="J140" s="70"/>
      <c r="K140" s="70"/>
      <c r="L140" s="70"/>
      <c r="M140" s="70"/>
      <c r="N140" s="70"/>
      <c r="O140" s="70"/>
      <c r="P140" s="70"/>
      <c r="Q140" s="70"/>
      <c r="R140" s="70"/>
      <c r="S140" s="70"/>
      <c r="T140" s="70"/>
      <c r="U140" s="70"/>
      <c r="V140" s="70"/>
      <c r="W140" s="70"/>
      <c r="X140" s="70"/>
      <c r="Y140" s="70"/>
      <c r="Z140" s="70"/>
      <c r="AA140" s="70"/>
      <c r="AB140" s="70"/>
      <c r="AC140" s="70"/>
      <c r="AD140" s="70"/>
      <c r="AE140" s="70"/>
      <c r="AF140" s="70"/>
    </row>
    <row r="141" spans="3:32" x14ac:dyDescent="0.2">
      <c r="C141" s="70"/>
      <c r="D141" s="70"/>
      <c r="E141" s="70"/>
      <c r="F141" s="70"/>
      <c r="G141" s="70"/>
      <c r="H141" s="70"/>
      <c r="I141" s="70"/>
      <c r="J141" s="70"/>
      <c r="K141" s="70"/>
      <c r="L141" s="70"/>
      <c r="M141" s="70"/>
      <c r="N141" s="70"/>
      <c r="O141" s="70"/>
      <c r="P141" s="70"/>
      <c r="Q141" s="70"/>
      <c r="R141" s="70"/>
      <c r="S141" s="70"/>
      <c r="T141" s="70"/>
      <c r="U141" s="70"/>
      <c r="V141" s="70"/>
      <c r="W141" s="70"/>
      <c r="X141" s="70"/>
      <c r="Y141" s="70"/>
      <c r="Z141" s="70"/>
      <c r="AA141" s="70"/>
      <c r="AB141" s="70"/>
      <c r="AC141" s="70"/>
      <c r="AD141" s="70"/>
      <c r="AE141" s="70"/>
      <c r="AF141" s="70"/>
    </row>
    <row r="142" spans="3:32" x14ac:dyDescent="0.2">
      <c r="C142" s="70"/>
      <c r="D142" s="70"/>
      <c r="E142" s="70"/>
      <c r="F142" s="70"/>
      <c r="G142" s="70"/>
      <c r="H142" s="70"/>
      <c r="I142" s="70"/>
      <c r="J142" s="70"/>
      <c r="K142" s="70"/>
      <c r="L142" s="70"/>
      <c r="M142" s="70"/>
      <c r="N142" s="70"/>
      <c r="O142" s="70"/>
      <c r="P142" s="70"/>
      <c r="Q142" s="70"/>
      <c r="R142" s="70"/>
      <c r="S142" s="70"/>
      <c r="T142" s="70"/>
      <c r="U142" s="70"/>
      <c r="V142" s="70"/>
      <c r="W142" s="70"/>
      <c r="X142" s="70"/>
      <c r="Y142" s="70"/>
      <c r="Z142" s="70"/>
      <c r="AA142" s="70"/>
      <c r="AB142" s="70"/>
      <c r="AC142" s="70"/>
      <c r="AD142" s="70"/>
      <c r="AE142" s="70"/>
      <c r="AF142" s="70"/>
    </row>
    <row r="143" spans="3:32" x14ac:dyDescent="0.2">
      <c r="C143" s="70"/>
      <c r="D143" s="70"/>
      <c r="E143" s="70"/>
      <c r="F143" s="70"/>
      <c r="G143" s="70"/>
      <c r="H143" s="70"/>
      <c r="I143" s="70"/>
      <c r="J143" s="70"/>
      <c r="K143" s="70"/>
      <c r="L143" s="70"/>
      <c r="M143" s="70"/>
      <c r="N143" s="70"/>
      <c r="O143" s="70"/>
      <c r="P143" s="70"/>
      <c r="Q143" s="70"/>
      <c r="R143" s="70"/>
      <c r="S143" s="70"/>
      <c r="T143" s="70"/>
      <c r="U143" s="70"/>
      <c r="V143" s="70"/>
      <c r="W143" s="70"/>
      <c r="X143" s="70"/>
      <c r="Y143" s="70"/>
      <c r="Z143" s="70"/>
      <c r="AA143" s="70"/>
      <c r="AB143" s="70"/>
      <c r="AC143" s="70"/>
      <c r="AD143" s="70"/>
      <c r="AE143" s="70"/>
      <c r="AF143" s="70"/>
    </row>
    <row r="144" spans="3:32" x14ac:dyDescent="0.2">
      <c r="C144" s="70"/>
      <c r="D144" s="70"/>
      <c r="E144" s="70"/>
      <c r="F144" s="70"/>
      <c r="G144" s="70"/>
      <c r="H144" s="70"/>
      <c r="I144" s="70"/>
      <c r="J144" s="70"/>
      <c r="K144" s="70"/>
      <c r="L144" s="70"/>
      <c r="M144" s="70"/>
      <c r="N144" s="70"/>
      <c r="O144" s="70"/>
      <c r="P144" s="70"/>
      <c r="Q144" s="70"/>
      <c r="R144" s="70"/>
      <c r="S144" s="70"/>
      <c r="T144" s="70"/>
      <c r="U144" s="70"/>
      <c r="V144" s="70"/>
      <c r="W144" s="70"/>
      <c r="X144" s="70"/>
      <c r="Y144" s="70"/>
      <c r="Z144" s="70"/>
      <c r="AA144" s="70"/>
      <c r="AB144" s="70"/>
      <c r="AC144" s="70"/>
      <c r="AD144" s="70"/>
      <c r="AE144" s="70"/>
      <c r="AF144" s="70"/>
    </row>
    <row r="145" spans="3:32" x14ac:dyDescent="0.2">
      <c r="C145" s="70"/>
      <c r="D145" s="70"/>
      <c r="E145" s="70"/>
      <c r="F145" s="70"/>
      <c r="G145" s="70"/>
      <c r="H145" s="70"/>
      <c r="I145" s="70"/>
      <c r="J145" s="70"/>
      <c r="K145" s="70"/>
      <c r="L145" s="70"/>
      <c r="M145" s="70"/>
      <c r="N145" s="70"/>
      <c r="O145" s="70"/>
      <c r="P145" s="70"/>
      <c r="Q145" s="70"/>
      <c r="R145" s="70"/>
      <c r="S145" s="70"/>
      <c r="T145" s="70"/>
      <c r="U145" s="70"/>
      <c r="V145" s="70"/>
      <c r="W145" s="70"/>
      <c r="X145" s="70"/>
      <c r="Y145" s="70"/>
      <c r="Z145" s="70"/>
      <c r="AA145" s="70"/>
      <c r="AB145" s="70"/>
      <c r="AC145" s="70"/>
      <c r="AD145" s="70"/>
      <c r="AE145" s="70"/>
      <c r="AF145" s="70"/>
    </row>
    <row r="146" spans="3:32" x14ac:dyDescent="0.2">
      <c r="C146" s="70"/>
      <c r="D146" s="70"/>
      <c r="E146" s="70"/>
      <c r="F146" s="70"/>
      <c r="G146" s="70"/>
      <c r="H146" s="70"/>
      <c r="I146" s="70"/>
      <c r="J146" s="70"/>
      <c r="K146" s="70"/>
      <c r="L146" s="70"/>
      <c r="M146" s="70"/>
      <c r="N146" s="70"/>
      <c r="O146" s="70"/>
      <c r="P146" s="70"/>
      <c r="Q146" s="70"/>
      <c r="R146" s="70"/>
      <c r="S146" s="70"/>
      <c r="T146" s="70"/>
      <c r="U146" s="70"/>
      <c r="V146" s="70"/>
      <c r="W146" s="70"/>
      <c r="X146" s="70"/>
      <c r="Y146" s="70"/>
      <c r="Z146" s="70"/>
      <c r="AA146" s="70"/>
      <c r="AB146" s="70"/>
      <c r="AC146" s="70"/>
      <c r="AD146" s="70"/>
      <c r="AE146" s="70"/>
      <c r="AF146" s="70"/>
    </row>
    <row r="147" spans="3:32" x14ac:dyDescent="0.2">
      <c r="C147" s="70"/>
      <c r="D147" s="70"/>
      <c r="E147" s="70"/>
      <c r="F147" s="70"/>
      <c r="G147" s="70"/>
      <c r="H147" s="70"/>
      <c r="I147" s="70"/>
      <c r="J147" s="70"/>
      <c r="K147" s="70"/>
      <c r="L147" s="70"/>
      <c r="M147" s="70"/>
      <c r="N147" s="70"/>
      <c r="O147" s="70"/>
      <c r="P147" s="70"/>
      <c r="Q147" s="70"/>
      <c r="R147" s="70"/>
      <c r="S147" s="70"/>
      <c r="T147" s="70"/>
      <c r="U147" s="70"/>
      <c r="V147" s="70"/>
      <c r="W147" s="70"/>
      <c r="X147" s="70"/>
      <c r="Y147" s="70"/>
      <c r="Z147" s="70"/>
      <c r="AA147" s="70"/>
      <c r="AB147" s="70"/>
      <c r="AC147" s="70"/>
      <c r="AD147" s="70"/>
      <c r="AE147" s="70"/>
      <c r="AF147" s="70"/>
    </row>
    <row r="148" spans="3:32" x14ac:dyDescent="0.2">
      <c r="C148" s="70"/>
      <c r="D148" s="70"/>
      <c r="E148" s="70"/>
      <c r="F148" s="70"/>
      <c r="G148" s="70"/>
      <c r="H148" s="70"/>
      <c r="I148" s="70"/>
      <c r="J148" s="70"/>
      <c r="K148" s="70"/>
      <c r="L148" s="70"/>
      <c r="M148" s="70"/>
      <c r="N148" s="70"/>
      <c r="O148" s="70"/>
      <c r="P148" s="70"/>
      <c r="Q148" s="70"/>
      <c r="R148" s="70"/>
      <c r="S148" s="70"/>
      <c r="T148" s="70"/>
      <c r="U148" s="70"/>
      <c r="V148" s="70"/>
      <c r="W148" s="70"/>
      <c r="X148" s="70"/>
      <c r="Y148" s="70"/>
      <c r="Z148" s="70"/>
      <c r="AA148" s="70"/>
      <c r="AB148" s="70"/>
      <c r="AC148" s="70"/>
      <c r="AD148" s="70"/>
      <c r="AE148" s="70"/>
      <c r="AF148" s="70"/>
    </row>
    <row r="149" spans="3:32" x14ac:dyDescent="0.2">
      <c r="C149" s="70"/>
      <c r="D149" s="70"/>
      <c r="E149" s="70"/>
      <c r="F149" s="70"/>
      <c r="G149" s="70"/>
      <c r="H149" s="70"/>
      <c r="I149" s="70"/>
      <c r="J149" s="70"/>
      <c r="K149" s="70"/>
      <c r="L149" s="70"/>
      <c r="M149" s="70"/>
      <c r="N149" s="70"/>
      <c r="O149" s="70"/>
      <c r="P149" s="70"/>
      <c r="Q149" s="70"/>
      <c r="R149" s="70"/>
      <c r="S149" s="70"/>
      <c r="T149" s="70"/>
      <c r="U149" s="70"/>
      <c r="V149" s="70"/>
      <c r="W149" s="70"/>
      <c r="X149" s="70"/>
      <c r="Y149" s="70"/>
      <c r="Z149" s="70"/>
      <c r="AA149" s="70"/>
      <c r="AB149" s="70"/>
      <c r="AC149" s="70"/>
      <c r="AD149" s="70"/>
      <c r="AE149" s="70"/>
      <c r="AF149" s="70"/>
    </row>
    <row r="150" spans="3:32" x14ac:dyDescent="0.2">
      <c r="C150" s="70"/>
      <c r="D150" s="70"/>
      <c r="E150" s="70"/>
      <c r="F150" s="70"/>
      <c r="G150" s="70"/>
      <c r="H150" s="70"/>
      <c r="I150" s="70"/>
      <c r="J150" s="70"/>
      <c r="K150" s="70"/>
      <c r="L150" s="70"/>
      <c r="M150" s="70"/>
      <c r="N150" s="70"/>
      <c r="O150" s="70"/>
      <c r="P150" s="70"/>
      <c r="Q150" s="70"/>
      <c r="R150" s="70"/>
      <c r="S150" s="70"/>
      <c r="T150" s="70"/>
      <c r="U150" s="70"/>
      <c r="V150" s="70"/>
      <c r="W150" s="70"/>
      <c r="X150" s="70"/>
      <c r="Y150" s="70"/>
      <c r="Z150" s="70"/>
      <c r="AA150" s="70"/>
      <c r="AB150" s="70"/>
      <c r="AC150" s="70"/>
      <c r="AD150" s="70"/>
      <c r="AE150" s="70"/>
      <c r="AF150" s="70"/>
    </row>
    <row r="151" spans="3:32" x14ac:dyDescent="0.2">
      <c r="C151" s="70"/>
      <c r="D151" s="70"/>
      <c r="E151" s="70"/>
      <c r="F151" s="70"/>
      <c r="G151" s="70"/>
      <c r="H151" s="70"/>
      <c r="I151" s="70"/>
      <c r="J151" s="70"/>
      <c r="K151" s="70"/>
      <c r="L151" s="70"/>
      <c r="M151" s="70"/>
      <c r="N151" s="70"/>
      <c r="O151" s="70"/>
      <c r="P151" s="70"/>
      <c r="Q151" s="70"/>
      <c r="R151" s="70"/>
      <c r="S151" s="70"/>
      <c r="T151" s="70"/>
      <c r="U151" s="70"/>
      <c r="V151" s="70"/>
      <c r="W151" s="70"/>
      <c r="X151" s="70"/>
      <c r="Y151" s="70"/>
      <c r="Z151" s="70"/>
      <c r="AA151" s="70"/>
      <c r="AB151" s="70"/>
      <c r="AC151" s="70"/>
      <c r="AD151" s="70"/>
      <c r="AE151" s="70"/>
      <c r="AF151" s="70"/>
    </row>
    <row r="152" spans="3:32" x14ac:dyDescent="0.2">
      <c r="C152" s="70"/>
      <c r="D152" s="70"/>
      <c r="E152" s="70"/>
      <c r="F152" s="70"/>
      <c r="G152" s="70"/>
      <c r="H152" s="70"/>
      <c r="I152" s="70"/>
      <c r="J152" s="70"/>
      <c r="K152" s="70"/>
      <c r="L152" s="70"/>
      <c r="M152" s="70"/>
      <c r="N152" s="70"/>
      <c r="O152" s="70"/>
      <c r="P152" s="70"/>
      <c r="Q152" s="70"/>
      <c r="R152" s="70"/>
      <c r="S152" s="70"/>
      <c r="T152" s="70"/>
      <c r="U152" s="70"/>
      <c r="V152" s="70"/>
      <c r="W152" s="70"/>
      <c r="X152" s="70"/>
      <c r="Y152" s="70"/>
      <c r="Z152" s="70"/>
      <c r="AA152" s="70"/>
      <c r="AB152" s="70"/>
      <c r="AC152" s="70"/>
      <c r="AD152" s="70"/>
      <c r="AE152" s="70"/>
      <c r="AF152" s="70"/>
    </row>
    <row r="153" spans="3:32" x14ac:dyDescent="0.2">
      <c r="C153" s="70"/>
      <c r="D153" s="70"/>
      <c r="E153" s="70"/>
      <c r="F153" s="70"/>
      <c r="G153" s="70"/>
      <c r="H153" s="70"/>
      <c r="I153" s="70"/>
      <c r="J153" s="70"/>
      <c r="K153" s="70"/>
      <c r="L153" s="70"/>
      <c r="M153" s="70"/>
      <c r="N153" s="70"/>
      <c r="O153" s="70"/>
      <c r="P153" s="70"/>
      <c r="Q153" s="70"/>
      <c r="R153" s="70"/>
      <c r="S153" s="70"/>
      <c r="T153" s="70"/>
      <c r="U153" s="70"/>
      <c r="V153" s="70"/>
      <c r="W153" s="70"/>
      <c r="X153" s="70"/>
      <c r="Y153" s="70"/>
      <c r="Z153" s="70"/>
      <c r="AA153" s="70"/>
      <c r="AB153" s="70"/>
      <c r="AC153" s="70"/>
      <c r="AD153" s="70"/>
      <c r="AE153" s="70"/>
      <c r="AF153" s="70"/>
    </row>
    <row r="154" spans="3:32" x14ac:dyDescent="0.2">
      <c r="C154" s="70"/>
      <c r="D154" s="70"/>
      <c r="E154" s="70"/>
      <c r="F154" s="70"/>
      <c r="G154" s="70"/>
      <c r="H154" s="70"/>
      <c r="I154" s="70"/>
      <c r="J154" s="70"/>
      <c r="K154" s="70"/>
      <c r="L154" s="70"/>
      <c r="M154" s="70"/>
      <c r="N154" s="70"/>
      <c r="O154" s="70"/>
      <c r="P154" s="70"/>
      <c r="Q154" s="70"/>
      <c r="R154" s="70"/>
      <c r="S154" s="70"/>
      <c r="T154" s="70"/>
      <c r="U154" s="70"/>
      <c r="V154" s="70"/>
      <c r="W154" s="70"/>
      <c r="X154" s="70"/>
      <c r="Y154" s="70"/>
      <c r="Z154" s="70"/>
      <c r="AA154" s="70"/>
      <c r="AB154" s="70"/>
      <c r="AC154" s="70"/>
      <c r="AD154" s="70"/>
      <c r="AE154" s="70"/>
      <c r="AF154" s="70"/>
    </row>
    <row r="155" spans="3:32" x14ac:dyDescent="0.2">
      <c r="C155" s="70"/>
      <c r="D155" s="70"/>
      <c r="E155" s="70"/>
      <c r="F155" s="70"/>
      <c r="G155" s="70"/>
      <c r="H155" s="70"/>
      <c r="I155" s="70"/>
      <c r="J155" s="70"/>
      <c r="K155" s="70"/>
      <c r="L155" s="70"/>
      <c r="M155" s="70"/>
      <c r="N155" s="70"/>
      <c r="O155" s="70"/>
      <c r="P155" s="70"/>
      <c r="Q155" s="70"/>
      <c r="R155" s="70"/>
      <c r="S155" s="70"/>
      <c r="T155" s="70"/>
      <c r="U155" s="70"/>
      <c r="V155" s="70"/>
      <c r="W155" s="70"/>
      <c r="X155" s="70"/>
      <c r="Y155" s="70"/>
      <c r="Z155" s="70"/>
      <c r="AA155" s="70"/>
      <c r="AB155" s="70"/>
      <c r="AC155" s="70"/>
      <c r="AD155" s="70"/>
      <c r="AE155" s="70"/>
      <c r="AF155" s="70"/>
    </row>
    <row r="156" spans="3:32" x14ac:dyDescent="0.2">
      <c r="C156" s="70"/>
      <c r="D156" s="70"/>
      <c r="E156" s="70"/>
      <c r="F156" s="70"/>
      <c r="G156" s="70"/>
      <c r="H156" s="70"/>
      <c r="I156" s="70"/>
      <c r="J156" s="70"/>
      <c r="K156" s="70"/>
      <c r="L156" s="70"/>
      <c r="M156" s="70"/>
      <c r="N156" s="70"/>
      <c r="O156" s="70"/>
      <c r="P156" s="70"/>
      <c r="Q156" s="70"/>
      <c r="R156" s="70"/>
      <c r="S156" s="70"/>
      <c r="T156" s="70"/>
      <c r="U156" s="70"/>
      <c r="V156" s="70"/>
      <c r="W156" s="70"/>
      <c r="X156" s="70"/>
      <c r="Y156" s="70"/>
      <c r="Z156" s="70"/>
      <c r="AA156" s="70"/>
      <c r="AB156" s="70"/>
      <c r="AC156" s="70"/>
      <c r="AD156" s="70"/>
      <c r="AE156" s="70"/>
      <c r="AF156" s="70"/>
    </row>
    <row r="157" spans="3:32" x14ac:dyDescent="0.2">
      <c r="C157" s="70"/>
      <c r="D157" s="70"/>
      <c r="E157" s="70"/>
      <c r="F157" s="70"/>
      <c r="G157" s="70"/>
      <c r="H157" s="70"/>
      <c r="I157" s="70"/>
      <c r="J157" s="70"/>
      <c r="K157" s="70"/>
      <c r="L157" s="70"/>
      <c r="M157" s="70"/>
      <c r="N157" s="70"/>
      <c r="O157" s="70"/>
      <c r="P157" s="70"/>
      <c r="Q157" s="70"/>
      <c r="R157" s="70"/>
      <c r="S157" s="70"/>
      <c r="T157" s="70"/>
      <c r="U157" s="70"/>
      <c r="V157" s="70"/>
      <c r="W157" s="70"/>
      <c r="X157" s="70"/>
      <c r="Y157" s="70"/>
      <c r="Z157" s="70"/>
      <c r="AA157" s="70"/>
      <c r="AB157" s="70"/>
      <c r="AC157" s="70"/>
      <c r="AD157" s="70"/>
      <c r="AE157" s="70"/>
      <c r="AF157" s="70"/>
    </row>
    <row r="158" spans="3:32" x14ac:dyDescent="0.2">
      <c r="C158" s="70"/>
      <c r="D158" s="70"/>
      <c r="E158" s="70"/>
      <c r="F158" s="70"/>
      <c r="G158" s="70"/>
      <c r="H158" s="70"/>
      <c r="I158" s="70"/>
      <c r="J158" s="70"/>
      <c r="K158" s="70"/>
      <c r="L158" s="70"/>
      <c r="M158" s="70"/>
      <c r="N158" s="70"/>
      <c r="O158" s="70"/>
      <c r="P158" s="70"/>
      <c r="Q158" s="70"/>
      <c r="R158" s="70"/>
      <c r="S158" s="70"/>
      <c r="T158" s="70"/>
      <c r="U158" s="70"/>
      <c r="V158" s="70"/>
      <c r="W158" s="70"/>
      <c r="X158" s="70"/>
      <c r="Y158" s="70"/>
      <c r="Z158" s="70"/>
      <c r="AA158" s="70"/>
      <c r="AB158" s="70"/>
      <c r="AC158" s="70"/>
      <c r="AD158" s="70"/>
      <c r="AE158" s="70"/>
      <c r="AF158" s="70"/>
    </row>
    <row r="159" spans="3:32" x14ac:dyDescent="0.2">
      <c r="C159" s="70"/>
      <c r="D159" s="70"/>
      <c r="E159" s="70"/>
      <c r="F159" s="70"/>
      <c r="G159" s="70"/>
      <c r="H159" s="70"/>
      <c r="I159" s="70"/>
      <c r="J159" s="70"/>
      <c r="K159" s="70"/>
      <c r="L159" s="70"/>
      <c r="M159" s="70"/>
      <c r="N159" s="70"/>
      <c r="O159" s="70"/>
      <c r="P159" s="70"/>
      <c r="Q159" s="70"/>
      <c r="R159" s="70"/>
      <c r="S159" s="70"/>
      <c r="T159" s="70"/>
      <c r="U159" s="70"/>
      <c r="V159" s="70"/>
      <c r="W159" s="70"/>
      <c r="X159" s="70"/>
      <c r="Y159" s="70"/>
      <c r="Z159" s="70"/>
      <c r="AA159" s="70"/>
      <c r="AB159" s="70"/>
      <c r="AC159" s="70"/>
      <c r="AD159" s="70"/>
      <c r="AE159" s="70"/>
      <c r="AF159" s="70"/>
    </row>
    <row r="160" spans="3:32" x14ac:dyDescent="0.2">
      <c r="C160" s="70"/>
      <c r="D160" s="70"/>
      <c r="E160" s="70"/>
      <c r="F160" s="70"/>
      <c r="G160" s="70"/>
      <c r="H160" s="70"/>
      <c r="I160" s="70"/>
      <c r="J160" s="70"/>
      <c r="K160" s="70"/>
      <c r="L160" s="70"/>
      <c r="M160" s="70"/>
      <c r="N160" s="70"/>
      <c r="O160" s="70"/>
      <c r="P160" s="70"/>
      <c r="Q160" s="70"/>
      <c r="R160" s="70"/>
      <c r="S160" s="70"/>
      <c r="T160" s="70"/>
      <c r="U160" s="70"/>
      <c r="V160" s="70"/>
      <c r="W160" s="70"/>
      <c r="X160" s="70"/>
      <c r="Y160" s="70"/>
      <c r="Z160" s="70"/>
      <c r="AA160" s="70"/>
      <c r="AB160" s="70"/>
      <c r="AC160" s="70"/>
      <c r="AD160" s="70"/>
      <c r="AE160" s="70"/>
      <c r="AF160" s="70"/>
    </row>
    <row r="161" spans="3:32" x14ac:dyDescent="0.2">
      <c r="C161" s="70"/>
      <c r="D161" s="70"/>
      <c r="E161" s="70"/>
      <c r="F161" s="70"/>
      <c r="G161" s="70"/>
      <c r="H161" s="70"/>
      <c r="I161" s="70"/>
      <c r="J161" s="70"/>
      <c r="K161" s="70"/>
      <c r="L161" s="70"/>
      <c r="M161" s="70"/>
      <c r="N161" s="70"/>
      <c r="O161" s="70"/>
      <c r="P161" s="70"/>
      <c r="Q161" s="70"/>
      <c r="R161" s="70"/>
      <c r="S161" s="70"/>
      <c r="T161" s="70"/>
      <c r="U161" s="70"/>
      <c r="V161" s="70"/>
      <c r="W161" s="70"/>
      <c r="X161" s="70"/>
      <c r="Y161" s="70"/>
      <c r="Z161" s="70"/>
      <c r="AA161" s="70"/>
      <c r="AB161" s="70"/>
      <c r="AC161" s="70"/>
      <c r="AD161" s="70"/>
      <c r="AE161" s="70"/>
      <c r="AF161" s="70"/>
    </row>
    <row r="162" spans="3:32" x14ac:dyDescent="0.2">
      <c r="C162" s="70"/>
      <c r="D162" s="70"/>
      <c r="E162" s="70"/>
      <c r="F162" s="70"/>
      <c r="G162" s="70"/>
      <c r="H162" s="70"/>
      <c r="I162" s="70"/>
      <c r="J162" s="70"/>
      <c r="K162" s="70"/>
      <c r="L162" s="70"/>
      <c r="M162" s="70"/>
      <c r="N162" s="70"/>
      <c r="O162" s="70"/>
      <c r="P162" s="70"/>
      <c r="Q162" s="70"/>
      <c r="R162" s="70"/>
      <c r="S162" s="70"/>
      <c r="T162" s="70"/>
      <c r="U162" s="70"/>
      <c r="V162" s="70"/>
      <c r="W162" s="70"/>
      <c r="X162" s="70"/>
      <c r="Y162" s="70"/>
      <c r="Z162" s="70"/>
      <c r="AA162" s="70"/>
      <c r="AB162" s="70"/>
      <c r="AC162" s="70"/>
      <c r="AD162" s="70"/>
      <c r="AE162" s="70"/>
      <c r="AF162" s="70"/>
    </row>
    <row r="163" spans="3:32" x14ac:dyDescent="0.2">
      <c r="C163" s="70"/>
      <c r="D163" s="70"/>
      <c r="E163" s="70"/>
      <c r="F163" s="70"/>
      <c r="G163" s="70"/>
      <c r="H163" s="70"/>
      <c r="I163" s="70"/>
      <c r="J163" s="70"/>
      <c r="K163" s="70"/>
      <c r="L163" s="70"/>
      <c r="M163" s="70"/>
      <c r="N163" s="70"/>
      <c r="O163" s="70"/>
      <c r="P163" s="70"/>
      <c r="Q163" s="70"/>
      <c r="R163" s="70"/>
      <c r="S163" s="70"/>
      <c r="T163" s="70"/>
      <c r="U163" s="70"/>
      <c r="V163" s="70"/>
      <c r="W163" s="70"/>
      <c r="X163" s="70"/>
      <c r="Y163" s="70"/>
      <c r="Z163" s="70"/>
      <c r="AA163" s="70"/>
      <c r="AB163" s="70"/>
      <c r="AC163" s="70"/>
      <c r="AD163" s="70"/>
      <c r="AE163" s="70"/>
      <c r="AF163" s="70"/>
    </row>
    <row r="164" spans="3:32" x14ac:dyDescent="0.2">
      <c r="C164" s="70"/>
      <c r="D164" s="70"/>
      <c r="E164" s="70"/>
      <c r="F164" s="70"/>
      <c r="G164" s="70"/>
      <c r="H164" s="70"/>
      <c r="I164" s="70"/>
      <c r="J164" s="70"/>
      <c r="K164" s="70"/>
      <c r="L164" s="70"/>
      <c r="M164" s="70"/>
      <c r="N164" s="70"/>
      <c r="O164" s="70"/>
      <c r="P164" s="70"/>
      <c r="Q164" s="70"/>
      <c r="R164" s="70"/>
      <c r="S164" s="70"/>
      <c r="T164" s="70"/>
      <c r="U164" s="70"/>
      <c r="V164" s="70"/>
      <c r="W164" s="70"/>
      <c r="X164" s="70"/>
      <c r="Y164" s="70"/>
      <c r="Z164" s="70"/>
      <c r="AA164" s="70"/>
      <c r="AB164" s="70"/>
      <c r="AC164" s="70"/>
      <c r="AD164" s="70"/>
      <c r="AE164" s="70"/>
      <c r="AF164" s="70"/>
    </row>
    <row r="165" spans="3:32" x14ac:dyDescent="0.2">
      <c r="C165" s="70"/>
      <c r="D165" s="70"/>
      <c r="E165" s="70"/>
      <c r="F165" s="70"/>
      <c r="G165" s="70"/>
      <c r="H165" s="70"/>
      <c r="I165" s="70"/>
      <c r="J165" s="70"/>
      <c r="K165" s="70"/>
      <c r="L165" s="70"/>
      <c r="M165" s="70"/>
      <c r="N165" s="70"/>
      <c r="O165" s="70"/>
      <c r="P165" s="70"/>
      <c r="Q165" s="70"/>
      <c r="R165" s="70"/>
      <c r="S165" s="70"/>
      <c r="T165" s="70"/>
      <c r="U165" s="70"/>
      <c r="V165" s="70"/>
      <c r="W165" s="70"/>
      <c r="X165" s="70"/>
      <c r="Y165" s="70"/>
      <c r="Z165" s="70"/>
      <c r="AA165" s="70"/>
      <c r="AB165" s="70"/>
      <c r="AC165" s="70"/>
      <c r="AD165" s="70"/>
      <c r="AE165" s="70"/>
      <c r="AF165" s="70"/>
    </row>
    <row r="166" spans="3:32" x14ac:dyDescent="0.2">
      <c r="C166" s="70"/>
      <c r="D166" s="70"/>
      <c r="E166" s="70"/>
      <c r="F166" s="70"/>
      <c r="G166" s="70"/>
      <c r="H166" s="70"/>
      <c r="I166" s="70"/>
      <c r="J166" s="70"/>
      <c r="K166" s="70"/>
      <c r="L166" s="70"/>
      <c r="M166" s="70"/>
      <c r="N166" s="70"/>
      <c r="O166" s="70"/>
      <c r="P166" s="70"/>
      <c r="Q166" s="70"/>
      <c r="R166" s="70"/>
      <c r="S166" s="70"/>
      <c r="T166" s="70"/>
      <c r="U166" s="70"/>
      <c r="V166" s="70"/>
      <c r="W166" s="70"/>
      <c r="X166" s="70"/>
      <c r="Y166" s="70"/>
      <c r="Z166" s="70"/>
      <c r="AA166" s="70"/>
      <c r="AB166" s="70"/>
      <c r="AC166" s="70"/>
      <c r="AD166" s="70"/>
      <c r="AE166" s="70"/>
      <c r="AF166" s="70"/>
    </row>
    <row r="167" spans="3:32" x14ac:dyDescent="0.2">
      <c r="C167" s="70"/>
      <c r="D167" s="70"/>
      <c r="E167" s="70"/>
      <c r="F167" s="70"/>
      <c r="G167" s="70"/>
      <c r="H167" s="70"/>
      <c r="I167" s="70"/>
      <c r="J167" s="70"/>
      <c r="K167" s="70"/>
      <c r="L167" s="70"/>
      <c r="M167" s="70"/>
      <c r="N167" s="70"/>
      <c r="O167" s="70"/>
      <c r="P167" s="70"/>
      <c r="Q167" s="70"/>
      <c r="R167" s="70"/>
      <c r="S167" s="70"/>
      <c r="T167" s="70"/>
      <c r="U167" s="70"/>
      <c r="V167" s="70"/>
      <c r="W167" s="70"/>
      <c r="X167" s="70"/>
      <c r="Y167" s="70"/>
      <c r="Z167" s="70"/>
      <c r="AA167" s="70"/>
      <c r="AB167" s="70"/>
      <c r="AC167" s="70"/>
      <c r="AD167" s="70"/>
      <c r="AE167" s="70"/>
      <c r="AF167" s="70"/>
    </row>
    <row r="168" spans="3:32" x14ac:dyDescent="0.2">
      <c r="C168" s="70"/>
      <c r="D168" s="70"/>
      <c r="E168" s="70"/>
      <c r="F168" s="70"/>
      <c r="G168" s="70"/>
      <c r="H168" s="70"/>
      <c r="I168" s="70"/>
      <c r="J168" s="70"/>
      <c r="K168" s="70"/>
      <c r="L168" s="70"/>
      <c r="M168" s="70"/>
      <c r="N168" s="70"/>
      <c r="O168" s="70"/>
      <c r="P168" s="70"/>
      <c r="Q168" s="70"/>
      <c r="R168" s="70"/>
      <c r="S168" s="70"/>
      <c r="T168" s="70"/>
      <c r="U168" s="70"/>
      <c r="V168" s="70"/>
      <c r="W168" s="70"/>
      <c r="X168" s="70"/>
      <c r="Y168" s="70"/>
      <c r="Z168" s="70"/>
      <c r="AA168" s="70"/>
      <c r="AB168" s="70"/>
      <c r="AC168" s="70"/>
      <c r="AD168" s="70"/>
      <c r="AE168" s="70"/>
      <c r="AF168" s="70"/>
    </row>
    <row r="169" spans="3:32" x14ac:dyDescent="0.2">
      <c r="C169" s="70"/>
      <c r="D169" s="70"/>
      <c r="E169" s="70"/>
      <c r="F169" s="70"/>
      <c r="G169" s="70"/>
      <c r="H169" s="70"/>
      <c r="I169" s="70"/>
      <c r="J169" s="70"/>
      <c r="K169" s="70"/>
      <c r="L169" s="70"/>
      <c r="M169" s="70"/>
      <c r="N169" s="70"/>
      <c r="O169" s="70"/>
      <c r="P169" s="70"/>
      <c r="Q169" s="70"/>
      <c r="R169" s="70"/>
      <c r="S169" s="70"/>
      <c r="T169" s="70"/>
      <c r="U169" s="70"/>
      <c r="V169" s="70"/>
      <c r="W169" s="70"/>
      <c r="X169" s="70"/>
      <c r="Y169" s="70"/>
      <c r="Z169" s="70"/>
      <c r="AA169" s="70"/>
      <c r="AB169" s="70"/>
      <c r="AC169" s="70"/>
      <c r="AD169" s="70"/>
      <c r="AE169" s="70"/>
      <c r="AF169" s="70"/>
    </row>
    <row r="170" spans="3:32" x14ac:dyDescent="0.2">
      <c r="C170" s="70"/>
      <c r="D170" s="70"/>
      <c r="E170" s="70"/>
      <c r="F170" s="70"/>
      <c r="G170" s="70"/>
      <c r="H170" s="70"/>
      <c r="I170" s="70"/>
      <c r="J170" s="70"/>
      <c r="K170" s="70"/>
      <c r="L170" s="70"/>
      <c r="M170" s="70"/>
      <c r="N170" s="70"/>
      <c r="O170" s="70"/>
      <c r="P170" s="70"/>
      <c r="Q170" s="70"/>
      <c r="R170" s="70"/>
      <c r="S170" s="70"/>
      <c r="T170" s="70"/>
      <c r="U170" s="70"/>
      <c r="V170" s="70"/>
      <c r="W170" s="70"/>
      <c r="X170" s="70"/>
      <c r="Y170" s="70"/>
      <c r="Z170" s="70"/>
      <c r="AA170" s="70"/>
      <c r="AB170" s="70"/>
      <c r="AC170" s="70"/>
      <c r="AD170" s="70"/>
      <c r="AE170" s="70"/>
      <c r="AF170" s="70"/>
    </row>
    <row r="171" spans="3:32" x14ac:dyDescent="0.2">
      <c r="C171" s="70"/>
      <c r="D171" s="70"/>
      <c r="E171" s="70"/>
      <c r="F171" s="70"/>
      <c r="G171" s="70"/>
      <c r="H171" s="70"/>
      <c r="I171" s="70"/>
      <c r="J171" s="70"/>
      <c r="K171" s="70"/>
      <c r="L171" s="70"/>
      <c r="M171" s="70"/>
      <c r="N171" s="70"/>
      <c r="O171" s="70"/>
      <c r="P171" s="70"/>
      <c r="Q171" s="70"/>
      <c r="R171" s="70"/>
      <c r="S171" s="70"/>
      <c r="T171" s="70"/>
      <c r="U171" s="70"/>
      <c r="V171" s="70"/>
      <c r="W171" s="70"/>
      <c r="X171" s="70"/>
      <c r="Y171" s="70"/>
      <c r="Z171" s="70"/>
      <c r="AA171" s="70"/>
      <c r="AB171" s="70"/>
      <c r="AC171" s="70"/>
      <c r="AD171" s="70"/>
      <c r="AE171" s="70"/>
      <c r="AF171" s="70"/>
    </row>
    <row r="172" spans="3:32" x14ac:dyDescent="0.2">
      <c r="C172" s="70"/>
      <c r="D172" s="70"/>
      <c r="E172" s="70"/>
      <c r="F172" s="70"/>
      <c r="G172" s="70"/>
      <c r="H172" s="70"/>
      <c r="I172" s="70"/>
      <c r="J172" s="70"/>
      <c r="K172" s="70"/>
      <c r="L172" s="70"/>
      <c r="M172" s="70"/>
      <c r="N172" s="70"/>
      <c r="O172" s="70"/>
      <c r="P172" s="70"/>
      <c r="Q172" s="70"/>
      <c r="R172" s="70"/>
      <c r="S172" s="70"/>
      <c r="T172" s="70"/>
      <c r="U172" s="70"/>
      <c r="V172" s="70"/>
      <c r="W172" s="70"/>
      <c r="X172" s="70"/>
      <c r="Y172" s="70"/>
      <c r="Z172" s="70"/>
      <c r="AA172" s="70"/>
      <c r="AB172" s="70"/>
      <c r="AC172" s="70"/>
      <c r="AD172" s="70"/>
      <c r="AE172" s="70"/>
      <c r="AF172" s="70"/>
    </row>
    <row r="173" spans="3:32" x14ac:dyDescent="0.2">
      <c r="C173" s="70"/>
      <c r="D173" s="70"/>
      <c r="E173" s="70"/>
      <c r="F173" s="70"/>
      <c r="G173" s="70"/>
      <c r="H173" s="70"/>
      <c r="I173" s="70"/>
      <c r="J173" s="70"/>
      <c r="K173" s="70"/>
      <c r="L173" s="70"/>
      <c r="M173" s="70"/>
      <c r="N173" s="70"/>
      <c r="O173" s="70"/>
      <c r="P173" s="70"/>
      <c r="Q173" s="70"/>
      <c r="R173" s="70"/>
      <c r="S173" s="70"/>
      <c r="T173" s="70"/>
      <c r="U173" s="70"/>
      <c r="V173" s="70"/>
      <c r="W173" s="70"/>
      <c r="X173" s="70"/>
      <c r="Y173" s="70"/>
      <c r="Z173" s="70"/>
      <c r="AA173" s="70"/>
      <c r="AB173" s="70"/>
      <c r="AC173" s="70"/>
      <c r="AD173" s="70"/>
      <c r="AE173" s="70"/>
      <c r="AF173" s="70"/>
    </row>
    <row r="174" spans="3:32" x14ac:dyDescent="0.2">
      <c r="C174" s="70"/>
      <c r="D174" s="70"/>
      <c r="E174" s="70"/>
      <c r="F174" s="70"/>
      <c r="G174" s="70"/>
      <c r="H174" s="70"/>
      <c r="I174" s="70"/>
      <c r="J174" s="70"/>
      <c r="K174" s="70"/>
      <c r="L174" s="70"/>
      <c r="M174" s="70"/>
      <c r="N174" s="70"/>
      <c r="O174" s="70"/>
      <c r="P174" s="70"/>
      <c r="Q174" s="70"/>
      <c r="R174" s="70"/>
      <c r="S174" s="70"/>
      <c r="T174" s="70"/>
      <c r="U174" s="70"/>
      <c r="V174" s="70"/>
      <c r="W174" s="70"/>
      <c r="X174" s="70"/>
      <c r="Y174" s="70"/>
      <c r="Z174" s="70"/>
      <c r="AA174" s="70"/>
      <c r="AB174" s="70"/>
      <c r="AC174" s="70"/>
      <c r="AD174" s="70"/>
      <c r="AE174" s="70"/>
      <c r="AF174" s="70"/>
    </row>
    <row r="175" spans="3:32" x14ac:dyDescent="0.2">
      <c r="C175" s="70"/>
      <c r="D175" s="70"/>
      <c r="E175" s="70"/>
      <c r="F175" s="70"/>
      <c r="G175" s="70"/>
      <c r="H175" s="70"/>
      <c r="I175" s="70"/>
      <c r="J175" s="70"/>
      <c r="K175" s="70"/>
      <c r="L175" s="70"/>
      <c r="M175" s="70"/>
      <c r="N175" s="70"/>
      <c r="O175" s="70"/>
      <c r="P175" s="70"/>
      <c r="Q175" s="70"/>
      <c r="R175" s="70"/>
      <c r="S175" s="70"/>
      <c r="T175" s="70"/>
      <c r="U175" s="70"/>
      <c r="V175" s="70"/>
      <c r="W175" s="70"/>
      <c r="X175" s="70"/>
      <c r="Y175" s="70"/>
      <c r="Z175" s="70"/>
      <c r="AA175" s="70"/>
      <c r="AB175" s="70"/>
      <c r="AC175" s="70"/>
      <c r="AD175" s="70"/>
      <c r="AE175" s="70"/>
      <c r="AF175" s="70"/>
    </row>
    <row r="176" spans="3:32" x14ac:dyDescent="0.2">
      <c r="C176" s="70"/>
      <c r="D176" s="70"/>
      <c r="E176" s="70"/>
      <c r="F176" s="70"/>
      <c r="G176" s="70"/>
      <c r="H176" s="70"/>
      <c r="I176" s="70"/>
      <c r="J176" s="70"/>
      <c r="K176" s="70"/>
      <c r="L176" s="70"/>
      <c r="M176" s="70"/>
      <c r="N176" s="70"/>
      <c r="O176" s="70"/>
      <c r="P176" s="70"/>
      <c r="Q176" s="70"/>
      <c r="R176" s="70"/>
      <c r="S176" s="70"/>
      <c r="T176" s="70"/>
      <c r="U176" s="70"/>
      <c r="V176" s="70"/>
      <c r="W176" s="70"/>
      <c r="X176" s="70"/>
      <c r="Y176" s="70"/>
      <c r="Z176" s="70"/>
      <c r="AA176" s="70"/>
      <c r="AB176" s="70"/>
      <c r="AC176" s="70"/>
      <c r="AD176" s="70"/>
      <c r="AE176" s="70"/>
      <c r="AF176" s="70"/>
    </row>
    <row r="177" spans="3:32" x14ac:dyDescent="0.2">
      <c r="C177" s="70"/>
      <c r="D177" s="70"/>
      <c r="E177" s="70"/>
      <c r="F177" s="70"/>
      <c r="G177" s="70"/>
      <c r="H177" s="70"/>
      <c r="I177" s="70"/>
      <c r="J177" s="70"/>
      <c r="K177" s="70"/>
      <c r="L177" s="70"/>
      <c r="M177" s="70"/>
      <c r="N177" s="70"/>
      <c r="O177" s="70"/>
      <c r="P177" s="70"/>
      <c r="Q177" s="70"/>
      <c r="R177" s="70"/>
      <c r="S177" s="70"/>
      <c r="T177" s="70"/>
      <c r="U177" s="70"/>
      <c r="V177" s="70"/>
      <c r="W177" s="70"/>
      <c r="X177" s="70"/>
      <c r="Y177" s="70"/>
      <c r="Z177" s="70"/>
      <c r="AA177" s="70"/>
      <c r="AB177" s="70"/>
      <c r="AC177" s="70"/>
      <c r="AD177" s="70"/>
      <c r="AE177" s="70"/>
      <c r="AF177" s="70"/>
    </row>
    <row r="178" spans="3:32" x14ac:dyDescent="0.2">
      <c r="C178" s="70"/>
      <c r="D178" s="70"/>
      <c r="E178" s="70"/>
      <c r="F178" s="70"/>
      <c r="G178" s="70"/>
      <c r="H178" s="70"/>
      <c r="I178" s="70"/>
      <c r="J178" s="70"/>
      <c r="K178" s="70"/>
      <c r="L178" s="70"/>
      <c r="M178" s="70"/>
      <c r="N178" s="70"/>
      <c r="O178" s="70"/>
      <c r="P178" s="70"/>
      <c r="Q178" s="70"/>
      <c r="R178" s="70"/>
      <c r="S178" s="70"/>
      <c r="T178" s="70"/>
      <c r="U178" s="70"/>
      <c r="V178" s="70"/>
      <c r="W178" s="70"/>
      <c r="X178" s="70"/>
      <c r="Y178" s="70"/>
      <c r="Z178" s="70"/>
      <c r="AA178" s="70"/>
      <c r="AB178" s="70"/>
      <c r="AC178" s="70"/>
      <c r="AD178" s="70"/>
      <c r="AE178" s="70"/>
      <c r="AF178" s="70"/>
    </row>
    <row r="179" spans="3:32" x14ac:dyDescent="0.2">
      <c r="C179" s="70"/>
      <c r="D179" s="70"/>
      <c r="E179" s="70"/>
      <c r="F179" s="70"/>
      <c r="G179" s="70"/>
      <c r="H179" s="70"/>
      <c r="I179" s="70"/>
      <c r="J179" s="70"/>
      <c r="K179" s="70"/>
      <c r="L179" s="70"/>
      <c r="M179" s="70"/>
      <c r="N179" s="70"/>
      <c r="O179" s="70"/>
      <c r="P179" s="70"/>
      <c r="Q179" s="70"/>
      <c r="R179" s="70"/>
      <c r="S179" s="70"/>
      <c r="T179" s="70"/>
      <c r="U179" s="70"/>
      <c r="V179" s="70"/>
      <c r="W179" s="70"/>
      <c r="X179" s="70"/>
      <c r="Y179" s="70"/>
      <c r="Z179" s="70"/>
      <c r="AA179" s="70"/>
      <c r="AB179" s="70"/>
      <c r="AC179" s="70"/>
      <c r="AD179" s="70"/>
      <c r="AE179" s="70"/>
      <c r="AF179" s="70"/>
    </row>
    <row r="180" spans="3:32" x14ac:dyDescent="0.2">
      <c r="C180" s="70"/>
      <c r="D180" s="70"/>
      <c r="E180" s="70"/>
      <c r="F180" s="70"/>
      <c r="G180" s="70"/>
      <c r="H180" s="70"/>
      <c r="I180" s="70"/>
      <c r="J180" s="70"/>
      <c r="K180" s="70"/>
      <c r="L180" s="70"/>
      <c r="M180" s="70"/>
      <c r="N180" s="70"/>
      <c r="O180" s="70"/>
      <c r="P180" s="70"/>
      <c r="Q180" s="70"/>
      <c r="R180" s="70"/>
      <c r="S180" s="70"/>
      <c r="T180" s="70"/>
      <c r="U180" s="70"/>
      <c r="V180" s="70"/>
      <c r="W180" s="70"/>
      <c r="X180" s="70"/>
      <c r="Y180" s="70"/>
      <c r="Z180" s="70"/>
      <c r="AA180" s="70"/>
      <c r="AB180" s="70"/>
      <c r="AC180" s="70"/>
      <c r="AD180" s="70"/>
      <c r="AE180" s="70"/>
      <c r="AF180" s="70"/>
    </row>
    <row r="181" spans="3:32" x14ac:dyDescent="0.2">
      <c r="C181" s="70"/>
      <c r="D181" s="70"/>
      <c r="E181" s="70"/>
      <c r="F181" s="70"/>
      <c r="G181" s="70"/>
      <c r="H181" s="70"/>
      <c r="I181" s="70"/>
      <c r="J181" s="70"/>
      <c r="K181" s="70"/>
      <c r="L181" s="70"/>
      <c r="M181" s="70"/>
      <c r="N181" s="70"/>
      <c r="O181" s="70"/>
      <c r="P181" s="70"/>
      <c r="Q181" s="70"/>
      <c r="R181" s="70"/>
      <c r="S181" s="70"/>
      <c r="T181" s="70"/>
      <c r="U181" s="70"/>
      <c r="V181" s="70"/>
      <c r="W181" s="70"/>
      <c r="X181" s="70"/>
      <c r="Y181" s="70"/>
      <c r="Z181" s="70"/>
      <c r="AA181" s="70"/>
      <c r="AB181" s="70"/>
      <c r="AC181" s="70"/>
      <c r="AD181" s="70"/>
      <c r="AE181" s="70"/>
      <c r="AF181" s="70"/>
    </row>
    <row r="182" spans="3:32" x14ac:dyDescent="0.2">
      <c r="C182" s="70"/>
      <c r="D182" s="70"/>
      <c r="E182" s="70"/>
      <c r="F182" s="70"/>
      <c r="G182" s="70"/>
      <c r="H182" s="70"/>
      <c r="I182" s="70"/>
      <c r="J182" s="70"/>
      <c r="K182" s="70"/>
      <c r="L182" s="70"/>
      <c r="M182" s="70"/>
      <c r="N182" s="70"/>
      <c r="O182" s="70"/>
      <c r="P182" s="70"/>
      <c r="Q182" s="70"/>
      <c r="R182" s="70"/>
      <c r="S182" s="70"/>
      <c r="T182" s="70"/>
      <c r="U182" s="70"/>
      <c r="V182" s="70"/>
      <c r="W182" s="70"/>
      <c r="X182" s="70"/>
      <c r="Y182" s="70"/>
      <c r="Z182" s="70"/>
      <c r="AA182" s="70"/>
      <c r="AB182" s="70"/>
      <c r="AC182" s="70"/>
      <c r="AD182" s="70"/>
      <c r="AE182" s="70"/>
      <c r="AF182" s="70"/>
    </row>
    <row r="183" spans="3:32" x14ac:dyDescent="0.2">
      <c r="C183" s="70"/>
      <c r="D183" s="70"/>
      <c r="E183" s="70"/>
      <c r="F183" s="70"/>
      <c r="G183" s="70"/>
      <c r="H183" s="70"/>
      <c r="I183" s="70"/>
      <c r="J183" s="70"/>
      <c r="K183" s="70"/>
      <c r="L183" s="70"/>
      <c r="M183" s="70"/>
      <c r="N183" s="70"/>
      <c r="O183" s="70"/>
      <c r="P183" s="70"/>
      <c r="Q183" s="70"/>
      <c r="R183" s="70"/>
      <c r="S183" s="70"/>
      <c r="T183" s="70"/>
      <c r="U183" s="70"/>
      <c r="V183" s="70"/>
      <c r="W183" s="70"/>
      <c r="X183" s="70"/>
      <c r="Y183" s="70"/>
      <c r="Z183" s="70"/>
      <c r="AA183" s="70"/>
      <c r="AB183" s="70"/>
      <c r="AC183" s="70"/>
      <c r="AD183" s="70"/>
      <c r="AE183" s="70"/>
      <c r="AF183" s="70"/>
    </row>
    <row r="184" spans="3:32" x14ac:dyDescent="0.2">
      <c r="C184" s="70"/>
      <c r="D184" s="70"/>
      <c r="E184" s="70"/>
      <c r="F184" s="70"/>
      <c r="G184" s="70"/>
      <c r="H184" s="70"/>
      <c r="I184" s="70"/>
      <c r="J184" s="70"/>
      <c r="K184" s="70"/>
      <c r="L184" s="70"/>
      <c r="M184" s="70"/>
      <c r="N184" s="70"/>
      <c r="O184" s="70"/>
      <c r="P184" s="70"/>
      <c r="Q184" s="70"/>
      <c r="R184" s="70"/>
      <c r="S184" s="70"/>
      <c r="T184" s="70"/>
      <c r="U184" s="70"/>
      <c r="V184" s="70"/>
      <c r="W184" s="70"/>
      <c r="X184" s="70"/>
      <c r="Y184" s="70"/>
      <c r="Z184" s="70"/>
      <c r="AA184" s="70"/>
      <c r="AB184" s="70"/>
      <c r="AC184" s="70"/>
      <c r="AD184" s="70"/>
      <c r="AE184" s="70"/>
      <c r="AF184" s="70"/>
    </row>
    <row r="185" spans="3:32" x14ac:dyDescent="0.2">
      <c r="C185" s="70"/>
      <c r="D185" s="70"/>
      <c r="E185" s="70"/>
      <c r="F185" s="70"/>
      <c r="G185" s="70"/>
      <c r="H185" s="70"/>
      <c r="I185" s="70"/>
      <c r="J185" s="70"/>
      <c r="K185" s="70"/>
      <c r="L185" s="70"/>
      <c r="M185" s="70"/>
      <c r="N185" s="70"/>
      <c r="O185" s="70"/>
      <c r="P185" s="70"/>
      <c r="Q185" s="70"/>
      <c r="R185" s="70"/>
      <c r="S185" s="70"/>
      <c r="T185" s="70"/>
      <c r="U185" s="70"/>
      <c r="V185" s="70"/>
      <c r="W185" s="70"/>
      <c r="X185" s="70"/>
      <c r="Y185" s="70"/>
      <c r="Z185" s="70"/>
      <c r="AA185" s="70"/>
      <c r="AB185" s="70"/>
      <c r="AC185" s="70"/>
      <c r="AD185" s="70"/>
      <c r="AE185" s="70"/>
      <c r="AF185" s="70"/>
    </row>
    <row r="186" spans="3:32" x14ac:dyDescent="0.2">
      <c r="C186" s="70"/>
      <c r="D186" s="70"/>
      <c r="E186" s="70"/>
      <c r="F186" s="70"/>
      <c r="G186" s="70"/>
      <c r="H186" s="70"/>
      <c r="I186" s="70"/>
      <c r="J186" s="70"/>
      <c r="K186" s="70"/>
      <c r="L186" s="70"/>
      <c r="M186" s="70"/>
      <c r="N186" s="70"/>
      <c r="O186" s="70"/>
      <c r="P186" s="70"/>
      <c r="Q186" s="70"/>
      <c r="R186" s="70"/>
      <c r="S186" s="70"/>
      <c r="T186" s="70"/>
      <c r="U186" s="70"/>
      <c r="V186" s="70"/>
      <c r="W186" s="70"/>
      <c r="X186" s="70"/>
      <c r="Y186" s="70"/>
      <c r="Z186" s="70"/>
      <c r="AA186" s="70"/>
      <c r="AB186" s="70"/>
      <c r="AC186" s="70"/>
      <c r="AD186" s="70"/>
      <c r="AE186" s="70"/>
      <c r="AF186" s="70"/>
    </row>
    <row r="187" spans="3:32" x14ac:dyDescent="0.2">
      <c r="C187" s="70"/>
      <c r="D187" s="70"/>
      <c r="E187" s="70"/>
      <c r="F187" s="70"/>
      <c r="G187" s="70"/>
      <c r="H187" s="70"/>
      <c r="I187" s="70"/>
      <c r="J187" s="70"/>
      <c r="K187" s="70"/>
      <c r="L187" s="70"/>
      <c r="M187" s="70"/>
      <c r="N187" s="70"/>
      <c r="O187" s="70"/>
      <c r="P187" s="70"/>
      <c r="Q187" s="70"/>
      <c r="R187" s="70"/>
      <c r="S187" s="70"/>
      <c r="T187" s="70"/>
      <c r="U187" s="70"/>
      <c r="V187" s="70"/>
      <c r="W187" s="70"/>
      <c r="X187" s="70"/>
      <c r="Y187" s="70"/>
      <c r="Z187" s="70"/>
      <c r="AA187" s="70"/>
      <c r="AB187" s="70"/>
      <c r="AC187" s="70"/>
      <c r="AD187" s="70"/>
      <c r="AE187" s="70"/>
      <c r="AF187" s="70"/>
    </row>
    <row r="188" spans="3:32" x14ac:dyDescent="0.2">
      <c r="C188" s="70"/>
      <c r="D188" s="70"/>
      <c r="E188" s="70"/>
      <c r="F188" s="70"/>
      <c r="G188" s="70"/>
      <c r="H188" s="70"/>
      <c r="I188" s="70"/>
      <c r="J188" s="70"/>
      <c r="K188" s="70"/>
      <c r="L188" s="70"/>
      <c r="M188" s="70"/>
      <c r="N188" s="70"/>
      <c r="O188" s="70"/>
      <c r="P188" s="70"/>
      <c r="Q188" s="70"/>
      <c r="R188" s="70"/>
      <c r="S188" s="70"/>
      <c r="T188" s="70"/>
      <c r="U188" s="70"/>
      <c r="V188" s="70"/>
      <c r="W188" s="70"/>
      <c r="X188" s="70"/>
      <c r="Y188" s="70"/>
      <c r="Z188" s="70"/>
      <c r="AA188" s="70"/>
      <c r="AB188" s="70"/>
      <c r="AC188" s="70"/>
      <c r="AD188" s="70"/>
      <c r="AE188" s="70"/>
      <c r="AF188" s="70"/>
    </row>
    <row r="189" spans="3:32" x14ac:dyDescent="0.2">
      <c r="C189" s="70"/>
      <c r="D189" s="70"/>
      <c r="E189" s="70"/>
      <c r="F189" s="70"/>
      <c r="G189" s="70"/>
      <c r="H189" s="70"/>
      <c r="I189" s="70"/>
      <c r="J189" s="70"/>
      <c r="K189" s="70"/>
      <c r="L189" s="70"/>
      <c r="M189" s="70"/>
      <c r="N189" s="70"/>
      <c r="O189" s="70"/>
      <c r="P189" s="70"/>
      <c r="Q189" s="70"/>
      <c r="R189" s="70"/>
      <c r="S189" s="70"/>
      <c r="T189" s="70"/>
      <c r="U189" s="70"/>
      <c r="V189" s="70"/>
      <c r="W189" s="70"/>
      <c r="X189" s="70"/>
      <c r="Y189" s="70"/>
      <c r="Z189" s="70"/>
      <c r="AA189" s="70"/>
      <c r="AB189" s="70"/>
      <c r="AC189" s="70"/>
      <c r="AD189" s="70"/>
      <c r="AE189" s="70"/>
      <c r="AF189" s="70"/>
    </row>
    <row r="190" spans="3:32" x14ac:dyDescent="0.2">
      <c r="C190" s="70"/>
      <c r="D190" s="70"/>
      <c r="E190" s="70"/>
      <c r="F190" s="70"/>
      <c r="G190" s="70"/>
      <c r="H190" s="70"/>
      <c r="I190" s="70"/>
      <c r="J190" s="70"/>
      <c r="K190" s="70"/>
      <c r="L190" s="70"/>
      <c r="M190" s="70"/>
      <c r="N190" s="70"/>
      <c r="O190" s="70"/>
      <c r="P190" s="70"/>
      <c r="Q190" s="70"/>
      <c r="R190" s="70"/>
      <c r="S190" s="70"/>
      <c r="T190" s="70"/>
      <c r="U190" s="70"/>
      <c r="V190" s="70"/>
      <c r="W190" s="70"/>
      <c r="X190" s="70"/>
      <c r="Y190" s="70"/>
      <c r="Z190" s="70"/>
      <c r="AA190" s="70"/>
      <c r="AB190" s="70"/>
      <c r="AC190" s="70"/>
      <c r="AD190" s="70"/>
      <c r="AE190" s="70"/>
      <c r="AF190" s="70"/>
    </row>
    <row r="191" spans="3:32" x14ac:dyDescent="0.2">
      <c r="C191" s="70"/>
      <c r="D191" s="70"/>
      <c r="E191" s="70"/>
      <c r="F191" s="70"/>
      <c r="G191" s="70"/>
      <c r="H191" s="70"/>
      <c r="I191" s="70"/>
      <c r="J191" s="70"/>
      <c r="K191" s="70"/>
      <c r="L191" s="70"/>
      <c r="M191" s="70"/>
      <c r="N191" s="70"/>
      <c r="O191" s="70"/>
      <c r="P191" s="70"/>
      <c r="Q191" s="70"/>
      <c r="R191" s="70"/>
      <c r="S191" s="70"/>
      <c r="T191" s="70"/>
      <c r="U191" s="70"/>
      <c r="V191" s="70"/>
      <c r="W191" s="70"/>
      <c r="X191" s="70"/>
      <c r="Y191" s="70"/>
      <c r="Z191" s="70"/>
      <c r="AA191" s="70"/>
      <c r="AB191" s="70"/>
      <c r="AC191" s="70"/>
      <c r="AD191" s="70"/>
      <c r="AE191" s="70"/>
      <c r="AF191" s="70"/>
    </row>
    <row r="192" spans="3:32" x14ac:dyDescent="0.2">
      <c r="C192" s="70"/>
      <c r="D192" s="70"/>
      <c r="E192" s="70"/>
      <c r="F192" s="70"/>
      <c r="G192" s="70"/>
      <c r="H192" s="70"/>
      <c r="I192" s="70"/>
      <c r="J192" s="70"/>
      <c r="K192" s="70"/>
      <c r="L192" s="70"/>
      <c r="M192" s="70"/>
      <c r="N192" s="70"/>
      <c r="O192" s="70"/>
      <c r="P192" s="70"/>
      <c r="Q192" s="70"/>
      <c r="R192" s="70"/>
      <c r="S192" s="70"/>
      <c r="T192" s="70"/>
      <c r="U192" s="70"/>
      <c r="V192" s="70"/>
      <c r="W192" s="70"/>
      <c r="X192" s="70"/>
      <c r="Y192" s="70"/>
      <c r="Z192" s="70"/>
      <c r="AA192" s="70"/>
      <c r="AB192" s="70"/>
      <c r="AC192" s="70"/>
      <c r="AD192" s="70"/>
      <c r="AE192" s="70"/>
      <c r="AF192" s="70"/>
    </row>
    <row r="193" spans="3:32" x14ac:dyDescent="0.2">
      <c r="C193" s="70"/>
      <c r="D193" s="70"/>
      <c r="E193" s="70"/>
      <c r="F193" s="70"/>
      <c r="G193" s="70"/>
      <c r="H193" s="70"/>
      <c r="I193" s="70"/>
      <c r="J193" s="70"/>
      <c r="K193" s="70"/>
      <c r="L193" s="70"/>
      <c r="M193" s="70"/>
      <c r="N193" s="70"/>
      <c r="O193" s="70"/>
      <c r="P193" s="70"/>
      <c r="Q193" s="70"/>
      <c r="R193" s="70"/>
      <c r="S193" s="70"/>
      <c r="T193" s="70"/>
      <c r="U193" s="70"/>
      <c r="V193" s="70"/>
      <c r="W193" s="70"/>
      <c r="X193" s="70"/>
      <c r="Y193" s="70"/>
      <c r="Z193" s="70"/>
      <c r="AA193" s="70"/>
      <c r="AB193" s="70"/>
      <c r="AC193" s="70"/>
      <c r="AD193" s="70"/>
      <c r="AE193" s="70"/>
      <c r="AF193" s="70"/>
    </row>
    <row r="194" spans="3:32" x14ac:dyDescent="0.2">
      <c r="C194" s="70"/>
      <c r="D194" s="70"/>
      <c r="E194" s="70"/>
      <c r="F194" s="70"/>
      <c r="G194" s="70"/>
      <c r="H194" s="70"/>
      <c r="I194" s="70"/>
      <c r="J194" s="70"/>
      <c r="K194" s="70"/>
      <c r="L194" s="70"/>
      <c r="M194" s="70"/>
      <c r="N194" s="70"/>
      <c r="O194" s="70"/>
      <c r="P194" s="70"/>
      <c r="Q194" s="70"/>
      <c r="R194" s="70"/>
      <c r="S194" s="70"/>
      <c r="T194" s="70"/>
      <c r="U194" s="70"/>
      <c r="V194" s="70"/>
      <c r="W194" s="70"/>
      <c r="X194" s="70"/>
      <c r="Y194" s="70"/>
      <c r="Z194" s="70"/>
      <c r="AA194" s="70"/>
      <c r="AB194" s="70"/>
      <c r="AC194" s="70"/>
      <c r="AD194" s="70"/>
      <c r="AE194" s="70"/>
      <c r="AF194" s="70"/>
    </row>
    <row r="195" spans="3:32" x14ac:dyDescent="0.2">
      <c r="C195" s="70"/>
      <c r="D195" s="70"/>
      <c r="E195" s="70"/>
      <c r="F195" s="70"/>
      <c r="G195" s="70"/>
      <c r="H195" s="70"/>
      <c r="I195" s="70"/>
      <c r="J195" s="70"/>
      <c r="K195" s="70"/>
      <c r="L195" s="70"/>
      <c r="M195" s="70"/>
      <c r="N195" s="70"/>
      <c r="O195" s="70"/>
      <c r="P195" s="70"/>
      <c r="Q195" s="70"/>
      <c r="R195" s="70"/>
      <c r="S195" s="70"/>
      <c r="T195" s="70"/>
      <c r="U195" s="70"/>
      <c r="V195" s="70"/>
      <c r="W195" s="70"/>
      <c r="X195" s="70"/>
      <c r="Y195" s="70"/>
      <c r="Z195" s="70"/>
      <c r="AA195" s="70"/>
      <c r="AB195" s="70"/>
      <c r="AC195" s="70"/>
      <c r="AD195" s="70"/>
      <c r="AE195" s="70"/>
      <c r="AF195" s="70"/>
    </row>
    <row r="196" spans="3:32" x14ac:dyDescent="0.2">
      <c r="C196" s="70"/>
      <c r="D196" s="70"/>
      <c r="E196" s="70"/>
      <c r="F196" s="70"/>
      <c r="G196" s="70"/>
      <c r="H196" s="70"/>
      <c r="I196" s="70"/>
      <c r="J196" s="70"/>
      <c r="K196" s="70"/>
      <c r="L196" s="70"/>
      <c r="M196" s="70"/>
      <c r="N196" s="70"/>
      <c r="O196" s="70"/>
      <c r="P196" s="70"/>
      <c r="Q196" s="70"/>
      <c r="R196" s="70"/>
      <c r="S196" s="70"/>
      <c r="T196" s="70"/>
      <c r="U196" s="70"/>
      <c r="V196" s="70"/>
      <c r="W196" s="70"/>
      <c r="X196" s="70"/>
      <c r="Y196" s="70"/>
      <c r="Z196" s="70"/>
      <c r="AA196" s="70"/>
      <c r="AB196" s="70"/>
      <c r="AC196" s="70"/>
      <c r="AD196" s="70"/>
      <c r="AE196" s="70"/>
      <c r="AF196" s="70"/>
    </row>
    <row r="197" spans="3:32" x14ac:dyDescent="0.2">
      <c r="C197" s="70"/>
      <c r="D197" s="70"/>
      <c r="E197" s="70"/>
      <c r="F197" s="70"/>
      <c r="G197" s="70"/>
      <c r="H197" s="70"/>
      <c r="I197" s="70"/>
      <c r="J197" s="70"/>
      <c r="K197" s="70"/>
      <c r="L197" s="70"/>
      <c r="M197" s="70"/>
      <c r="N197" s="70"/>
      <c r="O197" s="70"/>
      <c r="P197" s="70"/>
      <c r="Q197" s="70"/>
      <c r="R197" s="70"/>
      <c r="S197" s="70"/>
      <c r="T197" s="70"/>
      <c r="U197" s="70"/>
      <c r="V197" s="70"/>
      <c r="W197" s="70"/>
      <c r="X197" s="70"/>
      <c r="Y197" s="70"/>
      <c r="Z197" s="70"/>
      <c r="AA197" s="70"/>
      <c r="AB197" s="70"/>
      <c r="AC197" s="70"/>
      <c r="AD197" s="70"/>
      <c r="AE197" s="70"/>
      <c r="AF197" s="70"/>
    </row>
    <row r="198" spans="3:32" x14ac:dyDescent="0.2">
      <c r="C198" s="70"/>
      <c r="D198" s="70"/>
      <c r="E198" s="70"/>
      <c r="F198" s="70"/>
      <c r="G198" s="70"/>
      <c r="H198" s="70"/>
      <c r="I198" s="70"/>
      <c r="J198" s="70"/>
      <c r="K198" s="70"/>
      <c r="L198" s="70"/>
      <c r="M198" s="70"/>
      <c r="N198" s="70"/>
      <c r="O198" s="70"/>
      <c r="P198" s="70"/>
      <c r="Q198" s="70"/>
      <c r="R198" s="70"/>
      <c r="S198" s="70"/>
      <c r="T198" s="70"/>
      <c r="U198" s="70"/>
      <c r="V198" s="70"/>
      <c r="W198" s="70"/>
      <c r="X198" s="70"/>
      <c r="Y198" s="70"/>
      <c r="Z198" s="70"/>
      <c r="AA198" s="70"/>
      <c r="AB198" s="70"/>
      <c r="AC198" s="70"/>
      <c r="AD198" s="70"/>
      <c r="AE198" s="70"/>
      <c r="AF198" s="70"/>
    </row>
    <row r="199" spans="3:32" x14ac:dyDescent="0.2">
      <c r="C199" s="70"/>
      <c r="D199" s="70"/>
      <c r="E199" s="70"/>
      <c r="F199" s="70"/>
      <c r="G199" s="70"/>
      <c r="H199" s="70"/>
      <c r="I199" s="70"/>
      <c r="J199" s="70"/>
      <c r="K199" s="70"/>
      <c r="L199" s="70"/>
      <c r="M199" s="70"/>
      <c r="N199" s="70"/>
      <c r="O199" s="70"/>
      <c r="P199" s="70"/>
      <c r="Q199" s="70"/>
      <c r="R199" s="70"/>
      <c r="S199" s="70"/>
      <c r="T199" s="70"/>
      <c r="U199" s="70"/>
      <c r="V199" s="70"/>
      <c r="W199" s="70"/>
      <c r="X199" s="70"/>
      <c r="Y199" s="70"/>
      <c r="Z199" s="70"/>
      <c r="AA199" s="70"/>
      <c r="AB199" s="70"/>
      <c r="AC199" s="70"/>
      <c r="AD199" s="70"/>
      <c r="AE199" s="70"/>
      <c r="AF199" s="70"/>
    </row>
    <row r="200" spans="3:32" x14ac:dyDescent="0.2">
      <c r="C200" s="70"/>
      <c r="D200" s="70"/>
      <c r="E200" s="70"/>
      <c r="F200" s="70"/>
      <c r="G200" s="70"/>
      <c r="H200" s="70"/>
      <c r="I200" s="70"/>
      <c r="J200" s="70"/>
      <c r="K200" s="70"/>
      <c r="L200" s="70"/>
      <c r="M200" s="70"/>
      <c r="N200" s="70"/>
      <c r="O200" s="70"/>
      <c r="P200" s="70"/>
      <c r="Q200" s="70"/>
      <c r="R200" s="70"/>
      <c r="S200" s="70"/>
      <c r="T200" s="70"/>
      <c r="U200" s="70"/>
      <c r="V200" s="70"/>
      <c r="W200" s="70"/>
      <c r="X200" s="70"/>
      <c r="Y200" s="70"/>
      <c r="Z200" s="70"/>
      <c r="AA200" s="70"/>
      <c r="AB200" s="70"/>
      <c r="AC200" s="70"/>
      <c r="AD200" s="70"/>
      <c r="AE200" s="70"/>
      <c r="AF200" s="70"/>
    </row>
    <row r="201" spans="3:32" x14ac:dyDescent="0.2">
      <c r="C201" s="70"/>
      <c r="D201" s="70"/>
      <c r="E201" s="70"/>
      <c r="F201" s="70"/>
      <c r="G201" s="70"/>
      <c r="H201" s="70"/>
      <c r="I201" s="70"/>
      <c r="J201" s="70"/>
      <c r="K201" s="70"/>
      <c r="L201" s="70"/>
      <c r="M201" s="70"/>
      <c r="N201" s="70"/>
      <c r="O201" s="70"/>
      <c r="P201" s="70"/>
      <c r="Q201" s="70"/>
      <c r="R201" s="70"/>
      <c r="S201" s="70"/>
      <c r="T201" s="70"/>
      <c r="U201" s="70"/>
      <c r="V201" s="70"/>
      <c r="W201" s="70"/>
      <c r="X201" s="70"/>
      <c r="Y201" s="70"/>
      <c r="Z201" s="70"/>
      <c r="AA201" s="70"/>
      <c r="AB201" s="70"/>
      <c r="AC201" s="70"/>
      <c r="AD201" s="70"/>
      <c r="AE201" s="70"/>
      <c r="AF201" s="70"/>
    </row>
    <row r="202" spans="3:32" x14ac:dyDescent="0.2">
      <c r="C202" s="70"/>
      <c r="D202" s="70"/>
      <c r="E202" s="70"/>
      <c r="F202" s="70"/>
      <c r="G202" s="70"/>
      <c r="H202" s="70"/>
      <c r="I202" s="70"/>
      <c r="J202" s="70"/>
      <c r="K202" s="70"/>
      <c r="L202" s="70"/>
      <c r="M202" s="70"/>
      <c r="N202" s="70"/>
      <c r="O202" s="70"/>
      <c r="P202" s="70"/>
      <c r="Q202" s="70"/>
      <c r="R202" s="70"/>
      <c r="S202" s="70"/>
      <c r="T202" s="70"/>
      <c r="U202" s="70"/>
      <c r="V202" s="70"/>
      <c r="W202" s="70"/>
      <c r="X202" s="70"/>
      <c r="Y202" s="70"/>
      <c r="Z202" s="70"/>
      <c r="AA202" s="70"/>
      <c r="AB202" s="70"/>
      <c r="AC202" s="70"/>
      <c r="AD202" s="70"/>
      <c r="AE202" s="70"/>
      <c r="AF202" s="70"/>
    </row>
    <row r="203" spans="3:32" x14ac:dyDescent="0.2">
      <c r="C203" s="70"/>
      <c r="D203" s="70"/>
      <c r="E203" s="70"/>
      <c r="F203" s="70"/>
      <c r="G203" s="70"/>
      <c r="H203" s="70"/>
      <c r="I203" s="70"/>
      <c r="J203" s="70"/>
      <c r="K203" s="70"/>
      <c r="L203" s="70"/>
      <c r="M203" s="70"/>
      <c r="N203" s="70"/>
      <c r="O203" s="70"/>
      <c r="P203" s="70"/>
      <c r="Q203" s="70"/>
      <c r="R203" s="70"/>
      <c r="S203" s="70"/>
      <c r="T203" s="70"/>
      <c r="U203" s="70"/>
      <c r="V203" s="70"/>
      <c r="W203" s="70"/>
      <c r="X203" s="70"/>
      <c r="Y203" s="70"/>
      <c r="Z203" s="70"/>
      <c r="AA203" s="70"/>
      <c r="AB203" s="70"/>
      <c r="AC203" s="70"/>
      <c r="AD203" s="70"/>
      <c r="AE203" s="70"/>
      <c r="AF203" s="70"/>
    </row>
    <row r="204" spans="3:32" x14ac:dyDescent="0.2">
      <c r="C204" s="70"/>
      <c r="D204" s="70"/>
      <c r="E204" s="70"/>
      <c r="F204" s="70"/>
      <c r="G204" s="70"/>
      <c r="H204" s="70"/>
      <c r="I204" s="70"/>
      <c r="J204" s="70"/>
      <c r="K204" s="70"/>
      <c r="L204" s="70"/>
      <c r="M204" s="70"/>
      <c r="N204" s="70"/>
      <c r="O204" s="70"/>
      <c r="P204" s="70"/>
      <c r="Q204" s="70"/>
      <c r="R204" s="70"/>
      <c r="S204" s="70"/>
      <c r="T204" s="70"/>
      <c r="U204" s="70"/>
      <c r="V204" s="70"/>
      <c r="W204" s="70"/>
      <c r="X204" s="70"/>
      <c r="Y204" s="70"/>
      <c r="Z204" s="70"/>
      <c r="AA204" s="70"/>
      <c r="AB204" s="70"/>
      <c r="AC204" s="70"/>
      <c r="AD204" s="70"/>
      <c r="AE204" s="70"/>
      <c r="AF204" s="70"/>
    </row>
    <row r="205" spans="3:32" x14ac:dyDescent="0.2">
      <c r="C205" s="70"/>
      <c r="D205" s="70"/>
      <c r="E205" s="70"/>
      <c r="F205" s="70"/>
      <c r="G205" s="70"/>
      <c r="H205" s="70"/>
      <c r="I205" s="70"/>
      <c r="J205" s="70"/>
      <c r="K205" s="70"/>
      <c r="L205" s="70"/>
      <c r="M205" s="70"/>
      <c r="N205" s="70"/>
      <c r="O205" s="70"/>
      <c r="P205" s="70"/>
      <c r="Q205" s="70"/>
      <c r="R205" s="70"/>
      <c r="S205" s="70"/>
      <c r="T205" s="70"/>
      <c r="U205" s="70"/>
      <c r="V205" s="70"/>
      <c r="W205" s="70"/>
      <c r="X205" s="70"/>
      <c r="Y205" s="70"/>
      <c r="Z205" s="70"/>
      <c r="AA205" s="70"/>
      <c r="AB205" s="70"/>
      <c r="AC205" s="70"/>
      <c r="AD205" s="70"/>
      <c r="AE205" s="70"/>
      <c r="AF205" s="70"/>
    </row>
    <row r="206" spans="3:32" x14ac:dyDescent="0.2">
      <c r="C206" s="70"/>
      <c r="D206" s="70"/>
      <c r="E206" s="70"/>
      <c r="F206" s="70"/>
      <c r="G206" s="70"/>
      <c r="H206" s="70"/>
      <c r="I206" s="70"/>
      <c r="J206" s="70"/>
      <c r="K206" s="70"/>
      <c r="L206" s="70"/>
      <c r="M206" s="70"/>
      <c r="N206" s="70"/>
      <c r="O206" s="70"/>
      <c r="P206" s="70"/>
      <c r="Q206" s="70"/>
      <c r="R206" s="70"/>
      <c r="S206" s="70"/>
      <c r="T206" s="70"/>
      <c r="U206" s="70"/>
      <c r="V206" s="70"/>
      <c r="W206" s="70"/>
      <c r="X206" s="70"/>
      <c r="Y206" s="70"/>
      <c r="Z206" s="70"/>
      <c r="AA206" s="70"/>
      <c r="AB206" s="70"/>
      <c r="AC206" s="70"/>
      <c r="AD206" s="70"/>
      <c r="AE206" s="70"/>
      <c r="AF206" s="70"/>
    </row>
    <row r="207" spans="3:32" x14ac:dyDescent="0.2">
      <c r="C207" s="70"/>
      <c r="D207" s="70"/>
      <c r="E207" s="70"/>
      <c r="F207" s="70"/>
      <c r="G207" s="70"/>
      <c r="H207" s="70"/>
      <c r="I207" s="70"/>
      <c r="J207" s="70"/>
      <c r="K207" s="70"/>
      <c r="L207" s="70"/>
      <c r="M207" s="70"/>
      <c r="N207" s="70"/>
      <c r="O207" s="70"/>
      <c r="P207" s="70"/>
      <c r="Q207" s="70"/>
      <c r="R207" s="70"/>
      <c r="S207" s="70"/>
      <c r="T207" s="70"/>
      <c r="U207" s="70"/>
      <c r="V207" s="70"/>
      <c r="W207" s="70"/>
      <c r="X207" s="70"/>
      <c r="Y207" s="70"/>
      <c r="Z207" s="70"/>
      <c r="AA207" s="70"/>
      <c r="AB207" s="70"/>
      <c r="AC207" s="70"/>
      <c r="AD207" s="70"/>
      <c r="AE207" s="70"/>
      <c r="AF207" s="70"/>
    </row>
    <row r="208" spans="3:32" x14ac:dyDescent="0.2">
      <c r="C208" s="70"/>
      <c r="D208" s="70"/>
      <c r="E208" s="70"/>
      <c r="F208" s="70"/>
      <c r="G208" s="70"/>
      <c r="H208" s="70"/>
      <c r="I208" s="70"/>
      <c r="J208" s="70"/>
      <c r="K208" s="70"/>
      <c r="L208" s="70"/>
      <c r="M208" s="70"/>
      <c r="N208" s="70"/>
      <c r="O208" s="70"/>
      <c r="P208" s="70"/>
      <c r="Q208" s="70"/>
      <c r="R208" s="70"/>
      <c r="S208" s="70"/>
      <c r="T208" s="70"/>
      <c r="U208" s="70"/>
      <c r="V208" s="70"/>
      <c r="W208" s="70"/>
      <c r="X208" s="70"/>
      <c r="Y208" s="70"/>
      <c r="Z208" s="70"/>
      <c r="AA208" s="70"/>
      <c r="AB208" s="70"/>
      <c r="AC208" s="70"/>
      <c r="AD208" s="70"/>
      <c r="AE208" s="70"/>
      <c r="AF208" s="70"/>
    </row>
    <row r="209" spans="3:32" x14ac:dyDescent="0.2">
      <c r="C209" s="70"/>
      <c r="D209" s="70"/>
      <c r="E209" s="70"/>
      <c r="F209" s="70"/>
      <c r="G209" s="70"/>
      <c r="H209" s="70"/>
      <c r="I209" s="70"/>
      <c r="J209" s="70"/>
      <c r="K209" s="70"/>
      <c r="L209" s="70"/>
      <c r="M209" s="70"/>
      <c r="N209" s="70"/>
      <c r="O209" s="70"/>
      <c r="P209" s="70"/>
      <c r="Q209" s="70"/>
      <c r="R209" s="70"/>
      <c r="S209" s="70"/>
      <c r="T209" s="70"/>
      <c r="U209" s="70"/>
      <c r="V209" s="70"/>
      <c r="W209" s="70"/>
      <c r="X209" s="70"/>
      <c r="Y209" s="70"/>
      <c r="Z209" s="70"/>
      <c r="AA209" s="70"/>
      <c r="AB209" s="70"/>
      <c r="AC209" s="70"/>
      <c r="AD209" s="70"/>
      <c r="AE209" s="70"/>
      <c r="AF209" s="70"/>
    </row>
    <row r="210" spans="3:32" x14ac:dyDescent="0.2">
      <c r="C210" s="70"/>
      <c r="D210" s="70"/>
      <c r="E210" s="70"/>
      <c r="F210" s="70"/>
      <c r="G210" s="70"/>
      <c r="H210" s="70"/>
      <c r="I210" s="70"/>
      <c r="J210" s="70"/>
      <c r="K210" s="70"/>
      <c r="L210" s="70"/>
      <c r="M210" s="70"/>
      <c r="N210" s="70"/>
      <c r="O210" s="70"/>
      <c r="P210" s="70"/>
      <c r="Q210" s="70"/>
      <c r="R210" s="70"/>
      <c r="S210" s="70"/>
      <c r="T210" s="70"/>
      <c r="U210" s="70"/>
      <c r="V210" s="70"/>
      <c r="W210" s="70"/>
      <c r="X210" s="70"/>
      <c r="Y210" s="70"/>
      <c r="Z210" s="70"/>
      <c r="AA210" s="70"/>
      <c r="AB210" s="70"/>
      <c r="AC210" s="70"/>
      <c r="AD210" s="70"/>
      <c r="AE210" s="70"/>
      <c r="AF210" s="70"/>
    </row>
    <row r="211" spans="3:32" x14ac:dyDescent="0.2">
      <c r="C211" s="70"/>
      <c r="D211" s="70"/>
      <c r="E211" s="70"/>
      <c r="F211" s="70"/>
      <c r="G211" s="70"/>
      <c r="H211" s="70"/>
      <c r="I211" s="70"/>
      <c r="J211" s="70"/>
      <c r="K211" s="70"/>
      <c r="L211" s="70"/>
      <c r="M211" s="70"/>
      <c r="N211" s="70"/>
      <c r="O211" s="70"/>
      <c r="P211" s="70"/>
      <c r="Q211" s="70"/>
      <c r="R211" s="70"/>
      <c r="S211" s="70"/>
      <c r="T211" s="70"/>
      <c r="U211" s="70"/>
      <c r="V211" s="70"/>
      <c r="W211" s="70"/>
      <c r="X211" s="70"/>
      <c r="Y211" s="70"/>
      <c r="Z211" s="70"/>
      <c r="AA211" s="70"/>
      <c r="AB211" s="70"/>
      <c r="AC211" s="70"/>
      <c r="AD211" s="70"/>
      <c r="AE211" s="70"/>
      <c r="AF211" s="70"/>
    </row>
    <row r="212" spans="3:32" x14ac:dyDescent="0.2">
      <c r="C212" s="70"/>
      <c r="D212" s="70"/>
      <c r="E212" s="70"/>
      <c r="F212" s="70"/>
      <c r="G212" s="70"/>
      <c r="H212" s="70"/>
      <c r="I212" s="70"/>
      <c r="J212" s="70"/>
      <c r="K212" s="70"/>
      <c r="L212" s="70"/>
      <c r="M212" s="70"/>
      <c r="N212" s="70"/>
      <c r="O212" s="70"/>
      <c r="P212" s="70"/>
      <c r="Q212" s="70"/>
      <c r="R212" s="70"/>
      <c r="S212" s="70"/>
      <c r="T212" s="70"/>
      <c r="U212" s="70"/>
      <c r="V212" s="70"/>
      <c r="W212" s="70"/>
      <c r="X212" s="70"/>
      <c r="Y212" s="70"/>
      <c r="Z212" s="70"/>
      <c r="AA212" s="70"/>
      <c r="AB212" s="70"/>
      <c r="AC212" s="70"/>
      <c r="AD212" s="70"/>
      <c r="AE212" s="70"/>
      <c r="AF212" s="70"/>
    </row>
    <row r="213" spans="3:32" x14ac:dyDescent="0.2">
      <c r="C213" s="70"/>
      <c r="D213" s="70"/>
      <c r="E213" s="70"/>
      <c r="F213" s="70"/>
      <c r="G213" s="70"/>
      <c r="H213" s="70"/>
      <c r="I213" s="70"/>
      <c r="J213" s="70"/>
      <c r="K213" s="70"/>
      <c r="L213" s="70"/>
      <c r="M213" s="70"/>
      <c r="N213" s="70"/>
      <c r="O213" s="70"/>
      <c r="P213" s="70"/>
      <c r="Q213" s="70"/>
      <c r="R213" s="70"/>
      <c r="S213" s="70"/>
      <c r="T213" s="70"/>
      <c r="U213" s="70"/>
      <c r="V213" s="70"/>
      <c r="W213" s="70"/>
      <c r="X213" s="70"/>
      <c r="Y213" s="70"/>
      <c r="Z213" s="70"/>
      <c r="AA213" s="70"/>
      <c r="AB213" s="70"/>
      <c r="AC213" s="70"/>
      <c r="AD213" s="70"/>
      <c r="AE213" s="70"/>
      <c r="AF213" s="70"/>
    </row>
    <row r="214" spans="3:32" x14ac:dyDescent="0.2">
      <c r="C214" s="70"/>
      <c r="D214" s="70"/>
      <c r="E214" s="70"/>
      <c r="F214" s="70"/>
      <c r="G214" s="70"/>
      <c r="H214" s="70"/>
      <c r="I214" s="70"/>
      <c r="J214" s="70"/>
      <c r="K214" s="70"/>
      <c r="L214" s="70"/>
      <c r="M214" s="70"/>
      <c r="N214" s="70"/>
      <c r="O214" s="70"/>
      <c r="P214" s="70"/>
      <c r="Q214" s="70"/>
      <c r="R214" s="70"/>
      <c r="S214" s="70"/>
      <c r="T214" s="70"/>
      <c r="U214" s="70"/>
      <c r="V214" s="70"/>
      <c r="W214" s="70"/>
      <c r="X214" s="70"/>
      <c r="Y214" s="70"/>
      <c r="Z214" s="70"/>
      <c r="AA214" s="70"/>
      <c r="AB214" s="70"/>
      <c r="AC214" s="70"/>
      <c r="AD214" s="70"/>
      <c r="AE214" s="70"/>
      <c r="AF214" s="70"/>
    </row>
    <row r="215" spans="3:32" x14ac:dyDescent="0.2">
      <c r="C215" s="70"/>
      <c r="D215" s="70"/>
      <c r="E215" s="70"/>
      <c r="F215" s="70"/>
      <c r="G215" s="70"/>
      <c r="H215" s="70"/>
      <c r="I215" s="70"/>
      <c r="J215" s="70"/>
      <c r="K215" s="70"/>
      <c r="L215" s="70"/>
      <c r="M215" s="70"/>
      <c r="N215" s="70"/>
      <c r="O215" s="70"/>
      <c r="P215" s="70"/>
      <c r="Q215" s="70"/>
      <c r="R215" s="70"/>
      <c r="S215" s="70"/>
      <c r="T215" s="70"/>
      <c r="U215" s="70"/>
      <c r="V215" s="70"/>
      <c r="W215" s="70"/>
      <c r="X215" s="70"/>
      <c r="Y215" s="70"/>
      <c r="Z215" s="70"/>
      <c r="AA215" s="70"/>
      <c r="AB215" s="70"/>
      <c r="AC215" s="70"/>
      <c r="AD215" s="70"/>
      <c r="AE215" s="70"/>
      <c r="AF215" s="70"/>
    </row>
    <row r="216" spans="3:32" x14ac:dyDescent="0.2">
      <c r="C216" s="70"/>
      <c r="D216" s="70"/>
      <c r="E216" s="70"/>
      <c r="F216" s="70"/>
      <c r="G216" s="70"/>
      <c r="H216" s="70"/>
      <c r="I216" s="70"/>
      <c r="J216" s="70"/>
      <c r="K216" s="70"/>
      <c r="L216" s="70"/>
      <c r="M216" s="70"/>
      <c r="N216" s="70"/>
      <c r="O216" s="70"/>
      <c r="P216" s="70"/>
      <c r="Q216" s="70"/>
      <c r="R216" s="70"/>
      <c r="S216" s="70"/>
      <c r="T216" s="70"/>
      <c r="U216" s="70"/>
      <c r="V216" s="70"/>
      <c r="W216" s="70"/>
      <c r="X216" s="70"/>
      <c r="Y216" s="70"/>
      <c r="Z216" s="70"/>
      <c r="AA216" s="70"/>
      <c r="AB216" s="70"/>
      <c r="AC216" s="70"/>
      <c r="AD216" s="70"/>
      <c r="AE216" s="70"/>
      <c r="AF216" s="70"/>
    </row>
    <row r="217" spans="3:32" x14ac:dyDescent="0.2">
      <c r="C217" s="70"/>
      <c r="D217" s="70"/>
      <c r="E217" s="70"/>
      <c r="F217" s="70"/>
      <c r="G217" s="70"/>
      <c r="H217" s="70"/>
      <c r="I217" s="70"/>
      <c r="J217" s="70"/>
      <c r="K217" s="70"/>
      <c r="L217" s="70"/>
      <c r="M217" s="70"/>
      <c r="N217" s="70"/>
      <c r="O217" s="70"/>
      <c r="P217" s="70"/>
      <c r="Q217" s="70"/>
      <c r="R217" s="70"/>
      <c r="S217" s="70"/>
      <c r="T217" s="70"/>
      <c r="U217" s="70"/>
      <c r="V217" s="70"/>
      <c r="W217" s="70"/>
      <c r="X217" s="70"/>
      <c r="Y217" s="70"/>
      <c r="Z217" s="70"/>
      <c r="AA217" s="70"/>
      <c r="AB217" s="70"/>
      <c r="AC217" s="70"/>
      <c r="AD217" s="70"/>
      <c r="AE217" s="70"/>
      <c r="AF217" s="70"/>
    </row>
    <row r="218" spans="3:32" x14ac:dyDescent="0.2">
      <c r="C218" s="70"/>
      <c r="D218" s="70"/>
      <c r="E218" s="70"/>
      <c r="F218" s="70"/>
      <c r="G218" s="70"/>
      <c r="H218" s="70"/>
      <c r="I218" s="70"/>
      <c r="J218" s="70"/>
      <c r="K218" s="70"/>
      <c r="L218" s="70"/>
      <c r="M218" s="70"/>
      <c r="N218" s="70"/>
      <c r="O218" s="70"/>
      <c r="P218" s="70"/>
      <c r="Q218" s="70"/>
      <c r="R218" s="70"/>
      <c r="S218" s="70"/>
      <c r="T218" s="70"/>
      <c r="U218" s="70"/>
      <c r="V218" s="70"/>
      <c r="W218" s="70"/>
      <c r="X218" s="70"/>
      <c r="Y218" s="70"/>
      <c r="Z218" s="70"/>
      <c r="AA218" s="70"/>
      <c r="AB218" s="70"/>
      <c r="AC218" s="70"/>
      <c r="AD218" s="70"/>
      <c r="AE218" s="70"/>
      <c r="AF218" s="70"/>
    </row>
    <row r="219" spans="3:32" x14ac:dyDescent="0.2">
      <c r="C219" s="70"/>
      <c r="D219" s="70"/>
      <c r="E219" s="70"/>
      <c r="F219" s="70"/>
      <c r="G219" s="70"/>
      <c r="H219" s="70"/>
      <c r="I219" s="70"/>
      <c r="J219" s="70"/>
      <c r="K219" s="70"/>
      <c r="L219" s="70"/>
      <c r="M219" s="70"/>
      <c r="N219" s="70"/>
      <c r="O219" s="70"/>
      <c r="P219" s="70"/>
      <c r="Q219" s="70"/>
      <c r="R219" s="70"/>
      <c r="S219" s="70"/>
      <c r="T219" s="70"/>
      <c r="U219" s="70"/>
      <c r="V219" s="70"/>
      <c r="W219" s="70"/>
      <c r="X219" s="70"/>
      <c r="Y219" s="70"/>
      <c r="Z219" s="70"/>
      <c r="AA219" s="70"/>
      <c r="AB219" s="70"/>
      <c r="AC219" s="70"/>
      <c r="AD219" s="70"/>
      <c r="AE219" s="70"/>
      <c r="AF219" s="70"/>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88671875" style="70" customWidth="1"/>
    <col min="6" max="6" width="8.109375" style="70" customWidth="1"/>
    <col min="7"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102" width="9" style="70"/>
    <col min="103" max="148" width="9" style="71"/>
    <col min="149" max="149" width="7.77734375" style="71" customWidth="1"/>
    <col min="150" max="159" width="9" style="71"/>
    <col min="160" max="160" width="8.109375" style="71" customWidth="1"/>
    <col min="161" max="16384" width="9" style="71"/>
  </cols>
  <sheetData>
    <row r="1" spans="2:299" ht="24" customHeight="1" x14ac:dyDescent="0.2">
      <c r="B1" s="9" t="s">
        <v>119</v>
      </c>
      <c r="F1" s="440">
        <f>第１表!F2</f>
        <v>6</v>
      </c>
      <c r="G1" s="440"/>
      <c r="H1" s="18">
        <f>第１表!G2</f>
        <v>12</v>
      </c>
      <c r="I1" s="422">
        <f>H1</f>
        <v>12</v>
      </c>
      <c r="J1" s="422"/>
    </row>
    <row r="2" spans="2:299" ht="24" customHeight="1" thickBot="1" x14ac:dyDescent="0.25">
      <c r="B2" s="10" t="s">
        <v>127</v>
      </c>
    </row>
    <row r="3" spans="2:299" ht="21" customHeight="1" thickBot="1" x14ac:dyDescent="0.25">
      <c r="B3" s="423" t="s">
        <v>38</v>
      </c>
      <c r="C3" s="435" t="s">
        <v>96</v>
      </c>
      <c r="D3" s="435"/>
      <c r="E3" s="435"/>
      <c r="F3" s="435"/>
      <c r="G3" s="435"/>
      <c r="H3" s="435"/>
      <c r="I3" s="435"/>
      <c r="J3" s="435"/>
      <c r="K3" s="435"/>
      <c r="L3" s="435"/>
      <c r="M3" s="435"/>
      <c r="N3" s="435"/>
      <c r="O3" s="435"/>
      <c r="P3" s="435"/>
      <c r="Q3" s="435"/>
      <c r="R3" s="435"/>
      <c r="S3" s="435"/>
      <c r="T3" s="435"/>
      <c r="U3" s="435"/>
      <c r="V3" s="435"/>
      <c r="W3" s="435"/>
      <c r="X3" s="435"/>
      <c r="Y3" s="435"/>
      <c r="Z3" s="435"/>
      <c r="AA3" s="435"/>
      <c r="AB3" s="435"/>
      <c r="AC3" s="435"/>
      <c r="AD3" s="435"/>
      <c r="AE3" s="435"/>
      <c r="AF3" s="435"/>
      <c r="AG3" s="435"/>
      <c r="AH3" s="435"/>
      <c r="AI3" s="435"/>
      <c r="AJ3" s="435"/>
      <c r="AK3" s="435"/>
      <c r="AL3" s="435"/>
      <c r="AM3" s="435"/>
      <c r="AN3" s="435"/>
      <c r="AO3" s="435"/>
      <c r="AP3" s="435"/>
      <c r="AQ3" s="435"/>
      <c r="AR3" s="435"/>
      <c r="AS3" s="435"/>
      <c r="AT3" s="435"/>
      <c r="AU3" s="435"/>
      <c r="AV3" s="435"/>
      <c r="AW3" s="435"/>
      <c r="AX3" s="435"/>
      <c r="AY3" s="435"/>
      <c r="AZ3" s="435"/>
      <c r="BA3" s="435"/>
      <c r="BB3" s="435"/>
      <c r="BC3" s="435"/>
      <c r="BD3" s="435"/>
      <c r="BE3" s="435"/>
      <c r="BF3" s="435"/>
      <c r="BG3" s="435"/>
      <c r="BH3" s="435"/>
      <c r="BI3" s="435"/>
      <c r="BJ3" s="435"/>
      <c r="BK3" s="435"/>
      <c r="BL3" s="435"/>
      <c r="BM3" s="435"/>
      <c r="BN3" s="435"/>
      <c r="BO3" s="435"/>
      <c r="BP3" s="435"/>
      <c r="BQ3" s="435"/>
      <c r="BR3" s="435"/>
      <c r="BS3" s="435"/>
      <c r="BT3" s="435"/>
      <c r="BU3" s="435"/>
      <c r="BV3" s="435"/>
      <c r="BW3" s="435"/>
      <c r="BX3" s="435"/>
      <c r="BY3" s="435"/>
      <c r="BZ3" s="435"/>
      <c r="CA3" s="435"/>
      <c r="CB3" s="435"/>
      <c r="CC3" s="435"/>
      <c r="CD3" s="435"/>
      <c r="CE3" s="435"/>
      <c r="CF3" s="435"/>
      <c r="CG3" s="435"/>
      <c r="CH3" s="435"/>
      <c r="CI3" s="435"/>
      <c r="CJ3" s="435"/>
      <c r="CK3" s="435"/>
      <c r="CL3" s="435"/>
      <c r="CM3" s="435"/>
      <c r="CN3" s="435"/>
      <c r="CO3" s="435"/>
      <c r="CP3" s="435"/>
      <c r="CQ3" s="435"/>
      <c r="CR3" s="435"/>
      <c r="CS3" s="435"/>
      <c r="CT3" s="435"/>
      <c r="CU3" s="435"/>
      <c r="CV3" s="435"/>
      <c r="CW3" s="436"/>
      <c r="CX3" s="435" t="s">
        <v>102</v>
      </c>
      <c r="CY3" s="435"/>
      <c r="CZ3" s="435"/>
      <c r="DA3" s="435"/>
      <c r="DB3" s="435"/>
      <c r="DC3" s="435"/>
      <c r="DD3" s="435"/>
      <c r="DE3" s="435"/>
      <c r="DF3" s="435"/>
      <c r="DG3" s="435"/>
      <c r="DH3" s="435"/>
      <c r="DI3" s="435"/>
      <c r="DJ3" s="435"/>
      <c r="DK3" s="435"/>
      <c r="DL3" s="435"/>
      <c r="DM3" s="435"/>
      <c r="DN3" s="435"/>
      <c r="DO3" s="435"/>
      <c r="DP3" s="435"/>
      <c r="DQ3" s="435"/>
      <c r="DR3" s="435"/>
      <c r="DS3" s="435"/>
      <c r="DT3" s="435"/>
      <c r="DU3" s="435"/>
      <c r="DV3" s="435"/>
      <c r="DW3" s="435"/>
      <c r="DX3" s="435"/>
      <c r="DY3" s="435"/>
      <c r="DZ3" s="435"/>
      <c r="EA3" s="435"/>
      <c r="EB3" s="435"/>
      <c r="EC3" s="435"/>
      <c r="ED3" s="435"/>
      <c r="EE3" s="435"/>
      <c r="EF3" s="435"/>
      <c r="EG3" s="435"/>
      <c r="EH3" s="435"/>
      <c r="EI3" s="435"/>
      <c r="EJ3" s="435"/>
      <c r="EK3" s="435"/>
      <c r="EL3" s="435"/>
      <c r="EM3" s="435"/>
      <c r="EN3" s="435"/>
      <c r="EO3" s="435"/>
      <c r="EP3" s="435"/>
      <c r="EQ3" s="435"/>
      <c r="ER3" s="435"/>
      <c r="ES3" s="435"/>
      <c r="ET3" s="435"/>
      <c r="EU3" s="435"/>
      <c r="EV3" s="435"/>
      <c r="EW3" s="435"/>
      <c r="EX3" s="435"/>
      <c r="EY3" s="435"/>
      <c r="EZ3" s="435"/>
      <c r="FA3" s="435"/>
      <c r="FB3" s="435"/>
      <c r="FC3" s="435"/>
      <c r="FD3" s="435"/>
      <c r="FE3" s="435"/>
      <c r="FF3" s="435"/>
      <c r="FG3" s="435"/>
      <c r="FH3" s="435"/>
      <c r="FI3" s="435"/>
      <c r="FJ3" s="435"/>
      <c r="FK3" s="435"/>
      <c r="FL3" s="435"/>
      <c r="FM3" s="435"/>
      <c r="FN3" s="435"/>
      <c r="FO3" s="435"/>
      <c r="FP3" s="435"/>
      <c r="FQ3" s="435"/>
      <c r="FR3" s="435"/>
      <c r="FS3" s="435"/>
      <c r="FT3" s="435"/>
      <c r="FU3" s="435"/>
      <c r="FV3" s="435"/>
      <c r="FW3" s="435"/>
      <c r="FX3" s="435"/>
      <c r="FY3" s="435"/>
      <c r="FZ3" s="435"/>
      <c r="GA3" s="435"/>
      <c r="GB3" s="435"/>
      <c r="GC3" s="435"/>
      <c r="GD3" s="435"/>
      <c r="GE3" s="435"/>
      <c r="GF3" s="435"/>
      <c r="GG3" s="435"/>
      <c r="GH3" s="435"/>
      <c r="GI3" s="435"/>
      <c r="GJ3" s="435"/>
      <c r="GK3" s="435"/>
      <c r="GL3" s="435"/>
      <c r="GM3" s="435"/>
      <c r="GN3" s="435"/>
      <c r="GO3" s="435"/>
      <c r="GP3" s="435"/>
      <c r="GQ3" s="435"/>
      <c r="GR3" s="436"/>
      <c r="GS3" s="435" t="s">
        <v>103</v>
      </c>
      <c r="GT3" s="435"/>
      <c r="GU3" s="435"/>
      <c r="GV3" s="435"/>
      <c r="GW3" s="435"/>
      <c r="GX3" s="435"/>
      <c r="GY3" s="435"/>
      <c r="GZ3" s="435"/>
      <c r="HA3" s="435"/>
      <c r="HB3" s="435"/>
      <c r="HC3" s="435"/>
      <c r="HD3" s="435"/>
      <c r="HE3" s="435"/>
      <c r="HF3" s="435"/>
      <c r="HG3" s="435"/>
      <c r="HH3" s="435"/>
      <c r="HI3" s="435"/>
      <c r="HJ3" s="435"/>
      <c r="HK3" s="435"/>
      <c r="HL3" s="435"/>
      <c r="HM3" s="435"/>
      <c r="HN3" s="435"/>
      <c r="HO3" s="435"/>
      <c r="HP3" s="435"/>
      <c r="HQ3" s="435"/>
      <c r="HR3" s="435"/>
      <c r="HS3" s="435"/>
      <c r="HT3" s="435"/>
      <c r="HU3" s="435"/>
      <c r="HV3" s="435"/>
      <c r="HW3" s="435"/>
      <c r="HX3" s="435"/>
      <c r="HY3" s="435"/>
      <c r="HZ3" s="435"/>
      <c r="IA3" s="435"/>
      <c r="IB3" s="435"/>
      <c r="IC3" s="435"/>
      <c r="ID3" s="435"/>
      <c r="IE3" s="435"/>
      <c r="IF3" s="435"/>
      <c r="IG3" s="435"/>
      <c r="IH3" s="435"/>
      <c r="II3" s="435"/>
      <c r="IJ3" s="435"/>
      <c r="IK3" s="435"/>
      <c r="IL3" s="435"/>
      <c r="IM3" s="435"/>
      <c r="IN3" s="435"/>
      <c r="IO3" s="435"/>
      <c r="IP3" s="435"/>
      <c r="IQ3" s="435"/>
      <c r="IR3" s="435"/>
      <c r="IS3" s="435"/>
      <c r="IT3" s="435"/>
      <c r="IU3" s="435"/>
      <c r="IV3" s="435"/>
      <c r="IW3" s="435"/>
      <c r="IX3" s="435"/>
      <c r="IY3" s="435"/>
      <c r="IZ3" s="435"/>
      <c r="JA3" s="435"/>
      <c r="JB3" s="435"/>
      <c r="JC3" s="435"/>
      <c r="JD3" s="435"/>
      <c r="JE3" s="435"/>
      <c r="JF3" s="435"/>
      <c r="JG3" s="435"/>
      <c r="JH3" s="435"/>
      <c r="JI3" s="435"/>
      <c r="JJ3" s="435"/>
      <c r="JK3" s="435"/>
      <c r="JL3" s="435"/>
      <c r="JM3" s="435"/>
      <c r="JN3" s="435"/>
      <c r="JO3" s="435"/>
      <c r="JP3" s="435"/>
      <c r="JQ3" s="435"/>
      <c r="JR3" s="435"/>
      <c r="JS3" s="435"/>
      <c r="JT3" s="435"/>
      <c r="JU3" s="435"/>
      <c r="JV3" s="435"/>
      <c r="JW3" s="435"/>
      <c r="JX3" s="435"/>
      <c r="JY3" s="435"/>
      <c r="JZ3" s="435"/>
      <c r="KA3" s="435"/>
      <c r="KB3" s="435"/>
      <c r="KC3" s="435"/>
      <c r="KD3" s="435"/>
      <c r="KE3" s="435"/>
      <c r="KF3" s="435"/>
      <c r="KG3" s="435"/>
      <c r="KH3" s="435"/>
      <c r="KI3" s="435"/>
      <c r="KJ3" s="435"/>
      <c r="KK3" s="435"/>
      <c r="KL3" s="435"/>
      <c r="KM3" s="436"/>
    </row>
    <row r="4" spans="2:299" ht="21" customHeight="1" thickBot="1" x14ac:dyDescent="0.25">
      <c r="B4" s="441"/>
      <c r="C4" s="437" t="s">
        <v>39</v>
      </c>
      <c r="D4" s="438"/>
      <c r="E4" s="438"/>
      <c r="F4" s="438"/>
      <c r="G4" s="438"/>
      <c r="H4" s="438"/>
      <c r="I4" s="438"/>
      <c r="J4" s="438"/>
      <c r="K4" s="438"/>
      <c r="L4" s="438"/>
      <c r="M4" s="438"/>
      <c r="N4" s="438"/>
      <c r="O4" s="438"/>
      <c r="P4" s="438"/>
      <c r="Q4" s="438"/>
      <c r="R4" s="438"/>
      <c r="S4" s="438"/>
      <c r="T4" s="438"/>
      <c r="U4" s="438"/>
      <c r="V4" s="438"/>
      <c r="W4" s="438"/>
      <c r="X4" s="438"/>
      <c r="Y4" s="438"/>
      <c r="Z4" s="438"/>
      <c r="AA4" s="438"/>
      <c r="AB4" s="438"/>
      <c r="AC4" s="438"/>
      <c r="AD4" s="438"/>
      <c r="AE4" s="438"/>
      <c r="AF4" s="438"/>
      <c r="AG4" s="438"/>
      <c r="AH4" s="438"/>
      <c r="AI4" s="438"/>
      <c r="AJ4" s="438"/>
      <c r="AK4" s="438"/>
      <c r="AL4" s="438"/>
      <c r="AM4" s="438"/>
      <c r="AN4" s="438"/>
      <c r="AO4" s="438"/>
      <c r="AP4" s="438"/>
      <c r="AQ4" s="438"/>
      <c r="AR4" s="438"/>
      <c r="AS4" s="438"/>
      <c r="AT4" s="438"/>
      <c r="AU4" s="438"/>
      <c r="AV4" s="438"/>
      <c r="AW4" s="438"/>
      <c r="AX4" s="438"/>
      <c r="AY4" s="438"/>
      <c r="AZ4" s="438"/>
      <c r="BA4" s="438"/>
      <c r="BB4" s="438"/>
      <c r="BC4" s="438"/>
      <c r="BD4" s="438"/>
      <c r="BE4" s="438"/>
      <c r="BF4" s="438"/>
      <c r="BG4" s="438"/>
      <c r="BH4" s="438"/>
      <c r="BI4" s="438"/>
      <c r="BJ4" s="438"/>
      <c r="BK4" s="438"/>
      <c r="BL4" s="438"/>
      <c r="BM4" s="438"/>
      <c r="BN4" s="438"/>
      <c r="BO4" s="438"/>
      <c r="BP4" s="438"/>
      <c r="BQ4" s="438"/>
      <c r="BR4" s="438"/>
      <c r="BS4" s="438"/>
      <c r="BT4" s="438"/>
      <c r="BU4" s="438"/>
      <c r="BV4" s="438"/>
      <c r="BW4" s="438"/>
      <c r="BX4" s="438"/>
      <c r="BY4" s="438"/>
      <c r="BZ4" s="438"/>
      <c r="CA4" s="439"/>
      <c r="CB4" s="423" t="s">
        <v>40</v>
      </c>
      <c r="CC4" s="424"/>
      <c r="CD4" s="424"/>
      <c r="CE4" s="424"/>
      <c r="CF4" s="424"/>
      <c r="CG4" s="424"/>
      <c r="CH4" s="424"/>
      <c r="CI4" s="424"/>
      <c r="CJ4" s="424"/>
      <c r="CK4" s="424"/>
      <c r="CL4" s="425"/>
      <c r="CM4" s="423" t="s">
        <v>41</v>
      </c>
      <c r="CN4" s="424"/>
      <c r="CO4" s="424"/>
      <c r="CP4" s="424"/>
      <c r="CQ4" s="424"/>
      <c r="CR4" s="424"/>
      <c r="CS4" s="424"/>
      <c r="CT4" s="424"/>
      <c r="CU4" s="424"/>
      <c r="CV4" s="424"/>
      <c r="CW4" s="425"/>
      <c r="CX4" s="437" t="s">
        <v>39</v>
      </c>
      <c r="CY4" s="438"/>
      <c r="CZ4" s="438"/>
      <c r="DA4" s="438"/>
      <c r="DB4" s="438"/>
      <c r="DC4" s="438"/>
      <c r="DD4" s="438"/>
      <c r="DE4" s="438"/>
      <c r="DF4" s="438"/>
      <c r="DG4" s="438"/>
      <c r="DH4" s="438"/>
      <c r="DI4" s="438"/>
      <c r="DJ4" s="438"/>
      <c r="DK4" s="438"/>
      <c r="DL4" s="438"/>
      <c r="DM4" s="438"/>
      <c r="DN4" s="438"/>
      <c r="DO4" s="438"/>
      <c r="DP4" s="438"/>
      <c r="DQ4" s="438"/>
      <c r="DR4" s="438"/>
      <c r="DS4" s="438"/>
      <c r="DT4" s="438"/>
      <c r="DU4" s="438"/>
      <c r="DV4" s="438"/>
      <c r="DW4" s="438"/>
      <c r="DX4" s="438"/>
      <c r="DY4" s="438"/>
      <c r="DZ4" s="438"/>
      <c r="EA4" s="438"/>
      <c r="EB4" s="438"/>
      <c r="EC4" s="438"/>
      <c r="ED4" s="438"/>
      <c r="EE4" s="438"/>
      <c r="EF4" s="438"/>
      <c r="EG4" s="438"/>
      <c r="EH4" s="438"/>
      <c r="EI4" s="438"/>
      <c r="EJ4" s="438"/>
      <c r="EK4" s="438"/>
      <c r="EL4" s="438"/>
      <c r="EM4" s="438"/>
      <c r="EN4" s="438"/>
      <c r="EO4" s="438"/>
      <c r="EP4" s="438"/>
      <c r="EQ4" s="438"/>
      <c r="ER4" s="438"/>
      <c r="ES4" s="438"/>
      <c r="ET4" s="438"/>
      <c r="EU4" s="438"/>
      <c r="EV4" s="438"/>
      <c r="EW4" s="438"/>
      <c r="EX4" s="438"/>
      <c r="EY4" s="438"/>
      <c r="EZ4" s="438"/>
      <c r="FA4" s="438"/>
      <c r="FB4" s="438"/>
      <c r="FC4" s="438"/>
      <c r="FD4" s="438"/>
      <c r="FE4" s="438"/>
      <c r="FF4" s="438"/>
      <c r="FG4" s="438"/>
      <c r="FH4" s="438"/>
      <c r="FI4" s="438"/>
      <c r="FJ4" s="438"/>
      <c r="FK4" s="438"/>
      <c r="FL4" s="438"/>
      <c r="FM4" s="438"/>
      <c r="FN4" s="438"/>
      <c r="FO4" s="438"/>
      <c r="FP4" s="438"/>
      <c r="FQ4" s="438"/>
      <c r="FR4" s="438"/>
      <c r="FS4" s="438"/>
      <c r="FT4" s="438"/>
      <c r="FU4" s="438"/>
      <c r="FV4" s="439"/>
      <c r="FW4" s="423" t="s">
        <v>40</v>
      </c>
      <c r="FX4" s="424"/>
      <c r="FY4" s="424"/>
      <c r="FZ4" s="424"/>
      <c r="GA4" s="424"/>
      <c r="GB4" s="424"/>
      <c r="GC4" s="424"/>
      <c r="GD4" s="424"/>
      <c r="GE4" s="424"/>
      <c r="GF4" s="424"/>
      <c r="GG4" s="425"/>
      <c r="GH4" s="423" t="s">
        <v>41</v>
      </c>
      <c r="GI4" s="424"/>
      <c r="GJ4" s="424"/>
      <c r="GK4" s="424"/>
      <c r="GL4" s="424"/>
      <c r="GM4" s="424"/>
      <c r="GN4" s="424"/>
      <c r="GO4" s="424"/>
      <c r="GP4" s="424"/>
      <c r="GQ4" s="424"/>
      <c r="GR4" s="425"/>
      <c r="GS4" s="437" t="s">
        <v>39</v>
      </c>
      <c r="GT4" s="438"/>
      <c r="GU4" s="438"/>
      <c r="GV4" s="438"/>
      <c r="GW4" s="438"/>
      <c r="GX4" s="438"/>
      <c r="GY4" s="438"/>
      <c r="GZ4" s="438"/>
      <c r="HA4" s="438"/>
      <c r="HB4" s="438"/>
      <c r="HC4" s="438"/>
      <c r="HD4" s="438"/>
      <c r="HE4" s="438"/>
      <c r="HF4" s="438"/>
      <c r="HG4" s="438"/>
      <c r="HH4" s="438"/>
      <c r="HI4" s="438"/>
      <c r="HJ4" s="438"/>
      <c r="HK4" s="438"/>
      <c r="HL4" s="438"/>
      <c r="HM4" s="438"/>
      <c r="HN4" s="438"/>
      <c r="HO4" s="438"/>
      <c r="HP4" s="438"/>
      <c r="HQ4" s="438"/>
      <c r="HR4" s="438"/>
      <c r="HS4" s="438"/>
      <c r="HT4" s="438"/>
      <c r="HU4" s="438"/>
      <c r="HV4" s="438"/>
      <c r="HW4" s="438"/>
      <c r="HX4" s="438"/>
      <c r="HY4" s="438"/>
      <c r="HZ4" s="438"/>
      <c r="IA4" s="438"/>
      <c r="IB4" s="438"/>
      <c r="IC4" s="438"/>
      <c r="ID4" s="438"/>
      <c r="IE4" s="438"/>
      <c r="IF4" s="438"/>
      <c r="IG4" s="438"/>
      <c r="IH4" s="438"/>
      <c r="II4" s="438"/>
      <c r="IJ4" s="438"/>
      <c r="IK4" s="438"/>
      <c r="IL4" s="438"/>
      <c r="IM4" s="438"/>
      <c r="IN4" s="438"/>
      <c r="IO4" s="438"/>
      <c r="IP4" s="438"/>
      <c r="IQ4" s="438"/>
      <c r="IR4" s="438"/>
      <c r="IS4" s="438"/>
      <c r="IT4" s="438"/>
      <c r="IU4" s="438"/>
      <c r="IV4" s="438"/>
      <c r="IW4" s="438"/>
      <c r="IX4" s="438"/>
      <c r="IY4" s="438"/>
      <c r="IZ4" s="438"/>
      <c r="JA4" s="438"/>
      <c r="JB4" s="438"/>
      <c r="JC4" s="438"/>
      <c r="JD4" s="438"/>
      <c r="JE4" s="438"/>
      <c r="JF4" s="438"/>
      <c r="JG4" s="438"/>
      <c r="JH4" s="438"/>
      <c r="JI4" s="438"/>
      <c r="JJ4" s="438"/>
      <c r="JK4" s="438"/>
      <c r="JL4" s="438"/>
      <c r="JM4" s="438"/>
      <c r="JN4" s="438"/>
      <c r="JO4" s="438"/>
      <c r="JP4" s="438"/>
      <c r="JQ4" s="439"/>
      <c r="JR4" s="423" t="s">
        <v>40</v>
      </c>
      <c r="JS4" s="424"/>
      <c r="JT4" s="424"/>
      <c r="JU4" s="424"/>
      <c r="JV4" s="424"/>
      <c r="JW4" s="424"/>
      <c r="JX4" s="424"/>
      <c r="JY4" s="424"/>
      <c r="JZ4" s="424"/>
      <c r="KA4" s="424"/>
      <c r="KB4" s="425"/>
      <c r="KC4" s="423" t="s">
        <v>41</v>
      </c>
      <c r="KD4" s="424"/>
      <c r="KE4" s="424"/>
      <c r="KF4" s="424"/>
      <c r="KG4" s="424"/>
      <c r="KH4" s="424"/>
      <c r="KI4" s="424"/>
      <c r="KJ4" s="424"/>
      <c r="KK4" s="424"/>
      <c r="KL4" s="424"/>
      <c r="KM4" s="425"/>
    </row>
    <row r="5" spans="2:299" ht="21" customHeight="1" thickBot="1" x14ac:dyDescent="0.25">
      <c r="B5" s="429"/>
      <c r="C5" s="429"/>
      <c r="D5" s="430"/>
      <c r="E5" s="430"/>
      <c r="F5" s="430"/>
      <c r="G5" s="430"/>
      <c r="H5" s="430"/>
      <c r="I5" s="430"/>
      <c r="J5" s="430"/>
      <c r="K5" s="430"/>
      <c r="L5" s="430"/>
      <c r="M5" s="431"/>
      <c r="N5" s="432" t="s">
        <v>97</v>
      </c>
      <c r="O5" s="433"/>
      <c r="P5" s="433"/>
      <c r="Q5" s="433"/>
      <c r="R5" s="433"/>
      <c r="S5" s="433"/>
      <c r="T5" s="433"/>
      <c r="U5" s="433"/>
      <c r="V5" s="433"/>
      <c r="W5" s="433"/>
      <c r="X5" s="434"/>
      <c r="Y5" s="432" t="s">
        <v>98</v>
      </c>
      <c r="Z5" s="433"/>
      <c r="AA5" s="433"/>
      <c r="AB5" s="433"/>
      <c r="AC5" s="433"/>
      <c r="AD5" s="433"/>
      <c r="AE5" s="433"/>
      <c r="AF5" s="433"/>
      <c r="AG5" s="433"/>
      <c r="AH5" s="433"/>
      <c r="AI5" s="434"/>
      <c r="AJ5" s="432" t="s">
        <v>99</v>
      </c>
      <c r="AK5" s="433"/>
      <c r="AL5" s="433"/>
      <c r="AM5" s="433"/>
      <c r="AN5" s="433"/>
      <c r="AO5" s="433"/>
      <c r="AP5" s="433"/>
      <c r="AQ5" s="433"/>
      <c r="AR5" s="433"/>
      <c r="AS5" s="433"/>
      <c r="AT5" s="434"/>
      <c r="AU5" s="432" t="s">
        <v>100</v>
      </c>
      <c r="AV5" s="433"/>
      <c r="AW5" s="433"/>
      <c r="AX5" s="433"/>
      <c r="AY5" s="433"/>
      <c r="AZ5" s="433"/>
      <c r="BA5" s="433"/>
      <c r="BB5" s="433"/>
      <c r="BC5" s="433"/>
      <c r="BD5" s="433"/>
      <c r="BE5" s="434"/>
      <c r="BF5" s="432" t="s">
        <v>162</v>
      </c>
      <c r="BG5" s="433"/>
      <c r="BH5" s="433"/>
      <c r="BI5" s="433"/>
      <c r="BJ5" s="433"/>
      <c r="BK5" s="433"/>
      <c r="BL5" s="433"/>
      <c r="BM5" s="433"/>
      <c r="BN5" s="433"/>
      <c r="BO5" s="433"/>
      <c r="BP5" s="434"/>
      <c r="BQ5" s="432" t="s">
        <v>101</v>
      </c>
      <c r="BR5" s="433"/>
      <c r="BS5" s="433"/>
      <c r="BT5" s="433"/>
      <c r="BU5" s="433"/>
      <c r="BV5" s="433"/>
      <c r="BW5" s="433"/>
      <c r="BX5" s="433"/>
      <c r="BY5" s="433"/>
      <c r="BZ5" s="433"/>
      <c r="CA5" s="434"/>
      <c r="CB5" s="426"/>
      <c r="CC5" s="427"/>
      <c r="CD5" s="427"/>
      <c r="CE5" s="427"/>
      <c r="CF5" s="427"/>
      <c r="CG5" s="427"/>
      <c r="CH5" s="427"/>
      <c r="CI5" s="427"/>
      <c r="CJ5" s="427"/>
      <c r="CK5" s="427"/>
      <c r="CL5" s="428"/>
      <c r="CM5" s="426"/>
      <c r="CN5" s="427"/>
      <c r="CO5" s="427"/>
      <c r="CP5" s="427"/>
      <c r="CQ5" s="427"/>
      <c r="CR5" s="427"/>
      <c r="CS5" s="427"/>
      <c r="CT5" s="427"/>
      <c r="CU5" s="427"/>
      <c r="CV5" s="427"/>
      <c r="CW5" s="428"/>
      <c r="CX5" s="429"/>
      <c r="CY5" s="430"/>
      <c r="CZ5" s="430"/>
      <c r="DA5" s="430"/>
      <c r="DB5" s="430"/>
      <c r="DC5" s="430"/>
      <c r="DD5" s="430"/>
      <c r="DE5" s="430"/>
      <c r="DF5" s="430"/>
      <c r="DG5" s="430"/>
      <c r="DH5" s="431"/>
      <c r="DI5" s="432" t="s">
        <v>97</v>
      </c>
      <c r="DJ5" s="433"/>
      <c r="DK5" s="433"/>
      <c r="DL5" s="433"/>
      <c r="DM5" s="433"/>
      <c r="DN5" s="433"/>
      <c r="DO5" s="433"/>
      <c r="DP5" s="433"/>
      <c r="DQ5" s="433"/>
      <c r="DR5" s="433"/>
      <c r="DS5" s="434"/>
      <c r="DT5" s="432" t="s">
        <v>98</v>
      </c>
      <c r="DU5" s="433"/>
      <c r="DV5" s="433"/>
      <c r="DW5" s="433"/>
      <c r="DX5" s="433"/>
      <c r="DY5" s="433"/>
      <c r="DZ5" s="433"/>
      <c r="EA5" s="433"/>
      <c r="EB5" s="433"/>
      <c r="EC5" s="433"/>
      <c r="ED5" s="434"/>
      <c r="EE5" s="432" t="s">
        <v>99</v>
      </c>
      <c r="EF5" s="433"/>
      <c r="EG5" s="433"/>
      <c r="EH5" s="433"/>
      <c r="EI5" s="433"/>
      <c r="EJ5" s="433"/>
      <c r="EK5" s="433"/>
      <c r="EL5" s="433"/>
      <c r="EM5" s="433"/>
      <c r="EN5" s="433"/>
      <c r="EO5" s="434"/>
      <c r="EP5" s="432" t="s">
        <v>100</v>
      </c>
      <c r="EQ5" s="433"/>
      <c r="ER5" s="433"/>
      <c r="ES5" s="433"/>
      <c r="ET5" s="433"/>
      <c r="EU5" s="433"/>
      <c r="EV5" s="433"/>
      <c r="EW5" s="433"/>
      <c r="EX5" s="433"/>
      <c r="EY5" s="433"/>
      <c r="EZ5" s="434"/>
      <c r="FA5" s="432" t="s">
        <v>162</v>
      </c>
      <c r="FB5" s="433"/>
      <c r="FC5" s="433"/>
      <c r="FD5" s="433"/>
      <c r="FE5" s="433"/>
      <c r="FF5" s="433"/>
      <c r="FG5" s="433"/>
      <c r="FH5" s="433"/>
      <c r="FI5" s="433"/>
      <c r="FJ5" s="433"/>
      <c r="FK5" s="434"/>
      <c r="FL5" s="432" t="s">
        <v>101</v>
      </c>
      <c r="FM5" s="433"/>
      <c r="FN5" s="433"/>
      <c r="FO5" s="433"/>
      <c r="FP5" s="433"/>
      <c r="FQ5" s="433"/>
      <c r="FR5" s="433"/>
      <c r="FS5" s="433"/>
      <c r="FT5" s="433"/>
      <c r="FU5" s="433"/>
      <c r="FV5" s="434"/>
      <c r="FW5" s="426"/>
      <c r="FX5" s="427"/>
      <c r="FY5" s="427"/>
      <c r="FZ5" s="427"/>
      <c r="GA5" s="427"/>
      <c r="GB5" s="427"/>
      <c r="GC5" s="427"/>
      <c r="GD5" s="427"/>
      <c r="GE5" s="427"/>
      <c r="GF5" s="427"/>
      <c r="GG5" s="428"/>
      <c r="GH5" s="426"/>
      <c r="GI5" s="427"/>
      <c r="GJ5" s="427"/>
      <c r="GK5" s="427"/>
      <c r="GL5" s="427"/>
      <c r="GM5" s="427"/>
      <c r="GN5" s="427"/>
      <c r="GO5" s="427"/>
      <c r="GP5" s="427"/>
      <c r="GQ5" s="427"/>
      <c r="GR5" s="428"/>
      <c r="GS5" s="429"/>
      <c r="GT5" s="430"/>
      <c r="GU5" s="430"/>
      <c r="GV5" s="430"/>
      <c r="GW5" s="430"/>
      <c r="GX5" s="430"/>
      <c r="GY5" s="430"/>
      <c r="GZ5" s="430"/>
      <c r="HA5" s="430"/>
      <c r="HB5" s="430"/>
      <c r="HC5" s="431"/>
      <c r="HD5" s="432" t="s">
        <v>97</v>
      </c>
      <c r="HE5" s="433"/>
      <c r="HF5" s="433"/>
      <c r="HG5" s="433"/>
      <c r="HH5" s="433"/>
      <c r="HI5" s="433"/>
      <c r="HJ5" s="433"/>
      <c r="HK5" s="433"/>
      <c r="HL5" s="433"/>
      <c r="HM5" s="433"/>
      <c r="HN5" s="434"/>
      <c r="HO5" s="432" t="s">
        <v>98</v>
      </c>
      <c r="HP5" s="433"/>
      <c r="HQ5" s="433"/>
      <c r="HR5" s="433"/>
      <c r="HS5" s="433"/>
      <c r="HT5" s="433"/>
      <c r="HU5" s="433"/>
      <c r="HV5" s="433"/>
      <c r="HW5" s="433"/>
      <c r="HX5" s="433"/>
      <c r="HY5" s="434"/>
      <c r="HZ5" s="432" t="s">
        <v>99</v>
      </c>
      <c r="IA5" s="433"/>
      <c r="IB5" s="433"/>
      <c r="IC5" s="433"/>
      <c r="ID5" s="433"/>
      <c r="IE5" s="433"/>
      <c r="IF5" s="433"/>
      <c r="IG5" s="433"/>
      <c r="IH5" s="433"/>
      <c r="II5" s="433"/>
      <c r="IJ5" s="434"/>
      <c r="IK5" s="432" t="s">
        <v>100</v>
      </c>
      <c r="IL5" s="433"/>
      <c r="IM5" s="433"/>
      <c r="IN5" s="433"/>
      <c r="IO5" s="433"/>
      <c r="IP5" s="433"/>
      <c r="IQ5" s="433"/>
      <c r="IR5" s="433"/>
      <c r="IS5" s="433"/>
      <c r="IT5" s="433"/>
      <c r="IU5" s="434"/>
      <c r="IV5" s="432" t="s">
        <v>162</v>
      </c>
      <c r="IW5" s="433"/>
      <c r="IX5" s="433"/>
      <c r="IY5" s="433"/>
      <c r="IZ5" s="433"/>
      <c r="JA5" s="433"/>
      <c r="JB5" s="433"/>
      <c r="JC5" s="433"/>
      <c r="JD5" s="433"/>
      <c r="JE5" s="433"/>
      <c r="JF5" s="434"/>
      <c r="JG5" s="432" t="s">
        <v>101</v>
      </c>
      <c r="JH5" s="433"/>
      <c r="JI5" s="433"/>
      <c r="JJ5" s="433"/>
      <c r="JK5" s="433"/>
      <c r="JL5" s="433"/>
      <c r="JM5" s="433"/>
      <c r="JN5" s="433"/>
      <c r="JO5" s="433"/>
      <c r="JP5" s="433"/>
      <c r="JQ5" s="434"/>
      <c r="JR5" s="426"/>
      <c r="JS5" s="427"/>
      <c r="JT5" s="427"/>
      <c r="JU5" s="427"/>
      <c r="JV5" s="427"/>
      <c r="JW5" s="427"/>
      <c r="JX5" s="427"/>
      <c r="JY5" s="427"/>
      <c r="JZ5" s="427"/>
      <c r="KA5" s="427"/>
      <c r="KB5" s="428"/>
      <c r="KC5" s="426"/>
      <c r="KD5" s="427"/>
      <c r="KE5" s="427"/>
      <c r="KF5" s="427"/>
      <c r="KG5" s="427"/>
      <c r="KH5" s="427"/>
      <c r="KI5" s="427"/>
      <c r="KJ5" s="427"/>
      <c r="KK5" s="427"/>
      <c r="KL5" s="427"/>
      <c r="KM5" s="428"/>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21417</v>
      </c>
      <c r="D7" s="86">
        <v>22013</v>
      </c>
      <c r="E7" s="87">
        <v>43430</v>
      </c>
      <c r="F7" s="412">
        <v>0</v>
      </c>
      <c r="G7" s="86">
        <v>32004</v>
      </c>
      <c r="H7" s="86">
        <v>32263</v>
      </c>
      <c r="I7" s="86">
        <v>21221</v>
      </c>
      <c r="J7" s="86">
        <v>17614</v>
      </c>
      <c r="K7" s="86">
        <v>10556</v>
      </c>
      <c r="L7" s="88">
        <v>113658</v>
      </c>
      <c r="M7" s="89">
        <v>157088</v>
      </c>
      <c r="N7" s="90">
        <v>836</v>
      </c>
      <c r="O7" s="91">
        <v>1013</v>
      </c>
      <c r="P7" s="92">
        <v>1849</v>
      </c>
      <c r="Q7" s="412">
        <v>0</v>
      </c>
      <c r="R7" s="91">
        <v>1273</v>
      </c>
      <c r="S7" s="91">
        <v>1654</v>
      </c>
      <c r="T7" s="91">
        <v>1071</v>
      </c>
      <c r="U7" s="91">
        <v>953</v>
      </c>
      <c r="V7" s="91">
        <v>689</v>
      </c>
      <c r="W7" s="92">
        <v>5640</v>
      </c>
      <c r="X7" s="93">
        <v>7489</v>
      </c>
      <c r="Y7" s="90">
        <v>1730</v>
      </c>
      <c r="Z7" s="91">
        <v>2212</v>
      </c>
      <c r="AA7" s="92">
        <v>3942</v>
      </c>
      <c r="AB7" s="412">
        <v>0</v>
      </c>
      <c r="AC7" s="91">
        <v>2655</v>
      </c>
      <c r="AD7" s="91">
        <v>3128</v>
      </c>
      <c r="AE7" s="91">
        <v>2077</v>
      </c>
      <c r="AF7" s="91">
        <v>1838</v>
      </c>
      <c r="AG7" s="91">
        <v>1323</v>
      </c>
      <c r="AH7" s="92">
        <v>11021</v>
      </c>
      <c r="AI7" s="93">
        <v>14963</v>
      </c>
      <c r="AJ7" s="90">
        <v>3374</v>
      </c>
      <c r="AK7" s="91">
        <v>3700</v>
      </c>
      <c r="AL7" s="92">
        <v>7074</v>
      </c>
      <c r="AM7" s="412">
        <v>0</v>
      </c>
      <c r="AN7" s="91">
        <v>5003</v>
      </c>
      <c r="AO7" s="91">
        <v>5412</v>
      </c>
      <c r="AP7" s="91">
        <v>3430</v>
      </c>
      <c r="AQ7" s="91">
        <v>3042</v>
      </c>
      <c r="AR7" s="91">
        <v>1973</v>
      </c>
      <c r="AS7" s="92">
        <v>18860</v>
      </c>
      <c r="AT7" s="93">
        <v>25934</v>
      </c>
      <c r="AU7" s="90">
        <v>5715</v>
      </c>
      <c r="AV7" s="91">
        <v>5598</v>
      </c>
      <c r="AW7" s="92">
        <v>11313</v>
      </c>
      <c r="AX7" s="412">
        <v>0</v>
      </c>
      <c r="AY7" s="91">
        <v>8359</v>
      </c>
      <c r="AZ7" s="91">
        <v>7802</v>
      </c>
      <c r="BA7" s="91">
        <v>5008</v>
      </c>
      <c r="BB7" s="91">
        <v>4048</v>
      </c>
      <c r="BC7" s="91">
        <v>2484</v>
      </c>
      <c r="BD7" s="92">
        <v>27701</v>
      </c>
      <c r="BE7" s="93">
        <v>39014</v>
      </c>
      <c r="BF7" s="90">
        <v>6096</v>
      </c>
      <c r="BG7" s="91">
        <v>5598</v>
      </c>
      <c r="BH7" s="92">
        <v>11694</v>
      </c>
      <c r="BI7" s="412">
        <v>0</v>
      </c>
      <c r="BJ7" s="91">
        <v>8663</v>
      </c>
      <c r="BK7" s="91">
        <v>7858</v>
      </c>
      <c r="BL7" s="91">
        <v>5204</v>
      </c>
      <c r="BM7" s="91">
        <v>4050</v>
      </c>
      <c r="BN7" s="91">
        <v>2251</v>
      </c>
      <c r="BO7" s="92">
        <v>28026</v>
      </c>
      <c r="BP7" s="93">
        <v>39720</v>
      </c>
      <c r="BQ7" s="90">
        <v>3666</v>
      </c>
      <c r="BR7" s="91">
        <v>3892</v>
      </c>
      <c r="BS7" s="92">
        <v>7558</v>
      </c>
      <c r="BT7" s="412">
        <v>0</v>
      </c>
      <c r="BU7" s="91">
        <v>6051</v>
      </c>
      <c r="BV7" s="91">
        <v>6409</v>
      </c>
      <c r="BW7" s="91">
        <v>4431</v>
      </c>
      <c r="BX7" s="91">
        <v>3683</v>
      </c>
      <c r="BY7" s="91">
        <v>1836</v>
      </c>
      <c r="BZ7" s="92">
        <v>22410</v>
      </c>
      <c r="CA7" s="93">
        <v>29968</v>
      </c>
      <c r="CB7" s="90">
        <v>502</v>
      </c>
      <c r="CC7" s="91">
        <v>875</v>
      </c>
      <c r="CD7" s="92">
        <v>1377</v>
      </c>
      <c r="CE7" s="412">
        <v>0</v>
      </c>
      <c r="CF7" s="91">
        <v>866</v>
      </c>
      <c r="CG7" s="91">
        <v>1463</v>
      </c>
      <c r="CH7" s="91">
        <v>897</v>
      </c>
      <c r="CI7" s="91">
        <v>820</v>
      </c>
      <c r="CJ7" s="91">
        <v>773</v>
      </c>
      <c r="CK7" s="92">
        <v>4819</v>
      </c>
      <c r="CL7" s="93">
        <v>6196</v>
      </c>
      <c r="CM7" s="90">
        <v>21919</v>
      </c>
      <c r="CN7" s="91">
        <v>22888</v>
      </c>
      <c r="CO7" s="92">
        <v>44807</v>
      </c>
      <c r="CP7" s="412">
        <v>0</v>
      </c>
      <c r="CQ7" s="91">
        <v>32870</v>
      </c>
      <c r="CR7" s="91">
        <v>33726</v>
      </c>
      <c r="CS7" s="91">
        <v>22118</v>
      </c>
      <c r="CT7" s="91">
        <v>18434</v>
      </c>
      <c r="CU7" s="91">
        <v>11329</v>
      </c>
      <c r="CV7" s="92">
        <v>118477</v>
      </c>
      <c r="CW7" s="93">
        <v>163284</v>
      </c>
      <c r="CX7" s="94">
        <v>41305</v>
      </c>
      <c r="CY7" s="86">
        <v>48652</v>
      </c>
      <c r="CZ7" s="87">
        <v>89957</v>
      </c>
      <c r="DA7" s="412">
        <v>0</v>
      </c>
      <c r="DB7" s="86">
        <v>58756</v>
      </c>
      <c r="DC7" s="86">
        <v>55646</v>
      </c>
      <c r="DD7" s="86">
        <v>40364</v>
      </c>
      <c r="DE7" s="86">
        <v>39439</v>
      </c>
      <c r="DF7" s="86">
        <v>25270</v>
      </c>
      <c r="DG7" s="88">
        <v>219475</v>
      </c>
      <c r="DH7" s="89">
        <v>309432</v>
      </c>
      <c r="DI7" s="90">
        <v>869</v>
      </c>
      <c r="DJ7" s="91">
        <v>1102</v>
      </c>
      <c r="DK7" s="92">
        <v>1971</v>
      </c>
      <c r="DL7" s="412">
        <v>0</v>
      </c>
      <c r="DM7" s="91">
        <v>985</v>
      </c>
      <c r="DN7" s="91">
        <v>1078</v>
      </c>
      <c r="DO7" s="91">
        <v>722</v>
      </c>
      <c r="DP7" s="91">
        <v>677</v>
      </c>
      <c r="DQ7" s="91">
        <v>573</v>
      </c>
      <c r="DR7" s="92">
        <v>4035</v>
      </c>
      <c r="DS7" s="93">
        <v>6006</v>
      </c>
      <c r="DT7" s="90">
        <v>2342</v>
      </c>
      <c r="DU7" s="91">
        <v>2909</v>
      </c>
      <c r="DV7" s="92">
        <v>5251</v>
      </c>
      <c r="DW7" s="412">
        <v>0</v>
      </c>
      <c r="DX7" s="91">
        <v>2492</v>
      </c>
      <c r="DY7" s="91">
        <v>2681</v>
      </c>
      <c r="DZ7" s="91">
        <v>1618</v>
      </c>
      <c r="EA7" s="91">
        <v>1599</v>
      </c>
      <c r="EB7" s="91">
        <v>1286</v>
      </c>
      <c r="EC7" s="92">
        <v>9676</v>
      </c>
      <c r="ED7" s="93">
        <v>14927</v>
      </c>
      <c r="EE7" s="90">
        <v>6357</v>
      </c>
      <c r="EF7" s="91">
        <v>7015</v>
      </c>
      <c r="EG7" s="92">
        <v>13372</v>
      </c>
      <c r="EH7" s="412">
        <v>0</v>
      </c>
      <c r="EI7" s="91">
        <v>6738</v>
      </c>
      <c r="EJ7" s="91">
        <v>5940</v>
      </c>
      <c r="EK7" s="91">
        <v>3557</v>
      </c>
      <c r="EL7" s="91">
        <v>3494</v>
      </c>
      <c r="EM7" s="91">
        <v>2597</v>
      </c>
      <c r="EN7" s="92">
        <v>22326</v>
      </c>
      <c r="EO7" s="93">
        <v>35698</v>
      </c>
      <c r="EP7" s="90">
        <v>12901</v>
      </c>
      <c r="EQ7" s="91">
        <v>13777</v>
      </c>
      <c r="ER7" s="92">
        <v>26678</v>
      </c>
      <c r="ES7" s="412">
        <v>0</v>
      </c>
      <c r="ET7" s="91">
        <v>14814</v>
      </c>
      <c r="EU7" s="91">
        <v>12117</v>
      </c>
      <c r="EV7" s="91">
        <v>7850</v>
      </c>
      <c r="EW7" s="91">
        <v>6918</v>
      </c>
      <c r="EX7" s="91">
        <v>4821</v>
      </c>
      <c r="EY7" s="92">
        <v>46520</v>
      </c>
      <c r="EZ7" s="93">
        <v>73198</v>
      </c>
      <c r="FA7" s="90">
        <v>12297</v>
      </c>
      <c r="FB7" s="91">
        <v>14107</v>
      </c>
      <c r="FC7" s="92">
        <v>26404</v>
      </c>
      <c r="FD7" s="412">
        <v>0</v>
      </c>
      <c r="FE7" s="91">
        <v>17832</v>
      </c>
      <c r="FF7" s="91">
        <v>15740</v>
      </c>
      <c r="FG7" s="91">
        <v>10795</v>
      </c>
      <c r="FH7" s="91">
        <v>9910</v>
      </c>
      <c r="FI7" s="91">
        <v>6274</v>
      </c>
      <c r="FJ7" s="92">
        <v>60551</v>
      </c>
      <c r="FK7" s="93">
        <v>86955</v>
      </c>
      <c r="FL7" s="90">
        <v>6539</v>
      </c>
      <c r="FM7" s="91">
        <v>9742</v>
      </c>
      <c r="FN7" s="92">
        <v>16281</v>
      </c>
      <c r="FO7" s="412">
        <v>0</v>
      </c>
      <c r="FP7" s="91">
        <v>15895</v>
      </c>
      <c r="FQ7" s="91">
        <v>18090</v>
      </c>
      <c r="FR7" s="91">
        <v>15822</v>
      </c>
      <c r="FS7" s="91">
        <v>16841</v>
      </c>
      <c r="FT7" s="91">
        <v>9719</v>
      </c>
      <c r="FU7" s="92">
        <v>76367</v>
      </c>
      <c r="FV7" s="93">
        <v>92648</v>
      </c>
      <c r="FW7" s="90">
        <v>389</v>
      </c>
      <c r="FX7" s="91">
        <v>755</v>
      </c>
      <c r="FY7" s="92">
        <v>1144</v>
      </c>
      <c r="FZ7" s="412">
        <v>0</v>
      </c>
      <c r="GA7" s="91">
        <v>701</v>
      </c>
      <c r="GB7" s="91">
        <v>1121</v>
      </c>
      <c r="GC7" s="91">
        <v>625</v>
      </c>
      <c r="GD7" s="91">
        <v>600</v>
      </c>
      <c r="GE7" s="91">
        <v>646</v>
      </c>
      <c r="GF7" s="92">
        <v>3693</v>
      </c>
      <c r="GG7" s="93">
        <v>4837</v>
      </c>
      <c r="GH7" s="90">
        <v>41694</v>
      </c>
      <c r="GI7" s="91">
        <v>49407</v>
      </c>
      <c r="GJ7" s="92">
        <v>91101</v>
      </c>
      <c r="GK7" s="412">
        <v>0</v>
      </c>
      <c r="GL7" s="91">
        <v>59457</v>
      </c>
      <c r="GM7" s="91">
        <v>56767</v>
      </c>
      <c r="GN7" s="91">
        <v>40989</v>
      </c>
      <c r="GO7" s="91">
        <v>40039</v>
      </c>
      <c r="GP7" s="91">
        <v>25916</v>
      </c>
      <c r="GQ7" s="92">
        <v>223168</v>
      </c>
      <c r="GR7" s="93">
        <v>314269</v>
      </c>
      <c r="GS7" s="94">
        <v>62722</v>
      </c>
      <c r="GT7" s="86">
        <v>70665</v>
      </c>
      <c r="GU7" s="87">
        <v>133387</v>
      </c>
      <c r="GV7" s="412">
        <v>0</v>
      </c>
      <c r="GW7" s="86">
        <v>90760</v>
      </c>
      <c r="GX7" s="86">
        <v>87909</v>
      </c>
      <c r="GY7" s="86">
        <v>61585</v>
      </c>
      <c r="GZ7" s="86">
        <v>57053</v>
      </c>
      <c r="HA7" s="86">
        <v>35826</v>
      </c>
      <c r="HB7" s="88">
        <v>333133</v>
      </c>
      <c r="HC7" s="89">
        <v>466520</v>
      </c>
      <c r="HD7" s="90">
        <v>1705</v>
      </c>
      <c r="HE7" s="91">
        <v>2115</v>
      </c>
      <c r="HF7" s="92">
        <v>3820</v>
      </c>
      <c r="HG7" s="415">
        <v>0</v>
      </c>
      <c r="HH7" s="91">
        <v>2258</v>
      </c>
      <c r="HI7" s="91">
        <v>2732</v>
      </c>
      <c r="HJ7" s="91">
        <v>1793</v>
      </c>
      <c r="HK7" s="91">
        <v>1630</v>
      </c>
      <c r="HL7" s="91">
        <v>1262</v>
      </c>
      <c r="HM7" s="92">
        <v>9675</v>
      </c>
      <c r="HN7" s="93">
        <v>13495</v>
      </c>
      <c r="HO7" s="90">
        <v>4072</v>
      </c>
      <c r="HP7" s="91">
        <v>5121</v>
      </c>
      <c r="HQ7" s="92">
        <v>9193</v>
      </c>
      <c r="HR7" s="412">
        <v>0</v>
      </c>
      <c r="HS7" s="91">
        <v>5147</v>
      </c>
      <c r="HT7" s="91">
        <v>5809</v>
      </c>
      <c r="HU7" s="91">
        <v>3695</v>
      </c>
      <c r="HV7" s="91">
        <v>3437</v>
      </c>
      <c r="HW7" s="91">
        <v>2609</v>
      </c>
      <c r="HX7" s="92">
        <v>20697</v>
      </c>
      <c r="HY7" s="93">
        <v>29890</v>
      </c>
      <c r="HZ7" s="90">
        <v>9731</v>
      </c>
      <c r="IA7" s="91">
        <v>10715</v>
      </c>
      <c r="IB7" s="92">
        <v>20446</v>
      </c>
      <c r="IC7" s="412">
        <v>0</v>
      </c>
      <c r="ID7" s="91">
        <v>11741</v>
      </c>
      <c r="IE7" s="91">
        <v>11352</v>
      </c>
      <c r="IF7" s="91">
        <v>6987</v>
      </c>
      <c r="IG7" s="91">
        <v>6536</v>
      </c>
      <c r="IH7" s="91">
        <v>4570</v>
      </c>
      <c r="II7" s="92">
        <v>41186</v>
      </c>
      <c r="IJ7" s="93">
        <v>61632</v>
      </c>
      <c r="IK7" s="90">
        <v>18616</v>
      </c>
      <c r="IL7" s="91">
        <v>19375</v>
      </c>
      <c r="IM7" s="92">
        <v>37991</v>
      </c>
      <c r="IN7" s="412">
        <v>0</v>
      </c>
      <c r="IO7" s="91">
        <v>23173</v>
      </c>
      <c r="IP7" s="91">
        <v>19919</v>
      </c>
      <c r="IQ7" s="91">
        <v>12858</v>
      </c>
      <c r="IR7" s="91">
        <v>10966</v>
      </c>
      <c r="IS7" s="91">
        <v>7305</v>
      </c>
      <c r="IT7" s="92">
        <v>74221</v>
      </c>
      <c r="IU7" s="93">
        <v>112212</v>
      </c>
      <c r="IV7" s="90">
        <v>18393</v>
      </c>
      <c r="IW7" s="91">
        <v>19705</v>
      </c>
      <c r="IX7" s="92">
        <v>38098</v>
      </c>
      <c r="IY7" s="412">
        <v>0</v>
      </c>
      <c r="IZ7" s="91">
        <v>26495</v>
      </c>
      <c r="JA7" s="91">
        <v>23598</v>
      </c>
      <c r="JB7" s="91">
        <v>15999</v>
      </c>
      <c r="JC7" s="91">
        <v>13960</v>
      </c>
      <c r="JD7" s="91">
        <v>8525</v>
      </c>
      <c r="JE7" s="92">
        <v>88577</v>
      </c>
      <c r="JF7" s="93">
        <v>126675</v>
      </c>
      <c r="JG7" s="90">
        <v>10205</v>
      </c>
      <c r="JH7" s="91">
        <v>13634</v>
      </c>
      <c r="JI7" s="92">
        <v>23839</v>
      </c>
      <c r="JJ7" s="412">
        <v>0</v>
      </c>
      <c r="JK7" s="91">
        <v>21946</v>
      </c>
      <c r="JL7" s="91">
        <v>24499</v>
      </c>
      <c r="JM7" s="91">
        <v>20253</v>
      </c>
      <c r="JN7" s="91">
        <v>20524</v>
      </c>
      <c r="JO7" s="91">
        <v>11555</v>
      </c>
      <c r="JP7" s="92">
        <v>98777</v>
      </c>
      <c r="JQ7" s="93">
        <v>122616</v>
      </c>
      <c r="JR7" s="90">
        <v>891</v>
      </c>
      <c r="JS7" s="91">
        <v>1630</v>
      </c>
      <c r="JT7" s="92">
        <v>2521</v>
      </c>
      <c r="JU7" s="412">
        <v>0</v>
      </c>
      <c r="JV7" s="91">
        <v>1567</v>
      </c>
      <c r="JW7" s="91">
        <v>2584</v>
      </c>
      <c r="JX7" s="91">
        <v>1522</v>
      </c>
      <c r="JY7" s="91">
        <v>1420</v>
      </c>
      <c r="JZ7" s="91">
        <v>1419</v>
      </c>
      <c r="KA7" s="92">
        <v>8512</v>
      </c>
      <c r="KB7" s="93">
        <v>11033</v>
      </c>
      <c r="KC7" s="90">
        <v>63613</v>
      </c>
      <c r="KD7" s="91">
        <v>72295</v>
      </c>
      <c r="KE7" s="92">
        <v>135908</v>
      </c>
      <c r="KF7" s="412">
        <v>0</v>
      </c>
      <c r="KG7" s="91">
        <v>92327</v>
      </c>
      <c r="KH7" s="91">
        <v>90493</v>
      </c>
      <c r="KI7" s="91">
        <v>63107</v>
      </c>
      <c r="KJ7" s="91">
        <v>58473</v>
      </c>
      <c r="KK7" s="91">
        <v>37245</v>
      </c>
      <c r="KL7" s="92">
        <v>341645</v>
      </c>
      <c r="KM7" s="93">
        <v>477553</v>
      </c>
    </row>
    <row r="8" spans="2:299" s="70" customFormat="1" ht="21" customHeight="1" x14ac:dyDescent="0.2">
      <c r="B8" s="95" t="s">
        <v>5</v>
      </c>
      <c r="C8" s="96">
        <v>8305</v>
      </c>
      <c r="D8" s="97">
        <v>10461</v>
      </c>
      <c r="E8" s="98">
        <v>18766</v>
      </c>
      <c r="F8" s="413">
        <v>0</v>
      </c>
      <c r="G8" s="97">
        <v>10617</v>
      </c>
      <c r="H8" s="97">
        <v>14312</v>
      </c>
      <c r="I8" s="97">
        <v>8873</v>
      </c>
      <c r="J8" s="97">
        <v>7370</v>
      </c>
      <c r="K8" s="97">
        <v>4447</v>
      </c>
      <c r="L8" s="99">
        <v>45619</v>
      </c>
      <c r="M8" s="100">
        <v>64385</v>
      </c>
      <c r="N8" s="101">
        <v>297</v>
      </c>
      <c r="O8" s="102">
        <v>479</v>
      </c>
      <c r="P8" s="103">
        <v>776</v>
      </c>
      <c r="Q8" s="413">
        <v>0</v>
      </c>
      <c r="R8" s="102">
        <v>407</v>
      </c>
      <c r="S8" s="102">
        <v>748</v>
      </c>
      <c r="T8" s="102">
        <v>455</v>
      </c>
      <c r="U8" s="102">
        <v>419</v>
      </c>
      <c r="V8" s="102">
        <v>294</v>
      </c>
      <c r="W8" s="103">
        <v>2323</v>
      </c>
      <c r="X8" s="104">
        <v>3099</v>
      </c>
      <c r="Y8" s="101">
        <v>649</v>
      </c>
      <c r="Z8" s="102">
        <v>1036</v>
      </c>
      <c r="AA8" s="103">
        <v>1685</v>
      </c>
      <c r="AB8" s="413">
        <v>0</v>
      </c>
      <c r="AC8" s="102">
        <v>785</v>
      </c>
      <c r="AD8" s="102">
        <v>1389</v>
      </c>
      <c r="AE8" s="102">
        <v>870</v>
      </c>
      <c r="AF8" s="102">
        <v>752</v>
      </c>
      <c r="AG8" s="102">
        <v>553</v>
      </c>
      <c r="AH8" s="103">
        <v>4349</v>
      </c>
      <c r="AI8" s="104">
        <v>6034</v>
      </c>
      <c r="AJ8" s="101">
        <v>1275</v>
      </c>
      <c r="AK8" s="102">
        <v>1755</v>
      </c>
      <c r="AL8" s="103">
        <v>3030</v>
      </c>
      <c r="AM8" s="413">
        <v>0</v>
      </c>
      <c r="AN8" s="102">
        <v>1571</v>
      </c>
      <c r="AO8" s="102">
        <v>2387</v>
      </c>
      <c r="AP8" s="102">
        <v>1415</v>
      </c>
      <c r="AQ8" s="102">
        <v>1258</v>
      </c>
      <c r="AR8" s="102">
        <v>807</v>
      </c>
      <c r="AS8" s="103">
        <v>7438</v>
      </c>
      <c r="AT8" s="104">
        <v>10468</v>
      </c>
      <c r="AU8" s="101">
        <v>2180</v>
      </c>
      <c r="AV8" s="102">
        <v>2601</v>
      </c>
      <c r="AW8" s="103">
        <v>4781</v>
      </c>
      <c r="AX8" s="413">
        <v>0</v>
      </c>
      <c r="AY8" s="102">
        <v>2690</v>
      </c>
      <c r="AZ8" s="102">
        <v>3296</v>
      </c>
      <c r="BA8" s="102">
        <v>2033</v>
      </c>
      <c r="BB8" s="102">
        <v>1632</v>
      </c>
      <c r="BC8" s="102">
        <v>1024</v>
      </c>
      <c r="BD8" s="103">
        <v>10675</v>
      </c>
      <c r="BE8" s="104">
        <v>15456</v>
      </c>
      <c r="BF8" s="101">
        <v>2360</v>
      </c>
      <c r="BG8" s="102">
        <v>2636</v>
      </c>
      <c r="BH8" s="103">
        <v>4996</v>
      </c>
      <c r="BI8" s="413">
        <v>0</v>
      </c>
      <c r="BJ8" s="102">
        <v>2990</v>
      </c>
      <c r="BK8" s="102">
        <v>3508</v>
      </c>
      <c r="BL8" s="102">
        <v>2151</v>
      </c>
      <c r="BM8" s="102">
        <v>1705</v>
      </c>
      <c r="BN8" s="102">
        <v>968</v>
      </c>
      <c r="BO8" s="103">
        <v>11322</v>
      </c>
      <c r="BP8" s="104">
        <v>16318</v>
      </c>
      <c r="BQ8" s="101">
        <v>1544</v>
      </c>
      <c r="BR8" s="102">
        <v>1954</v>
      </c>
      <c r="BS8" s="103">
        <v>3498</v>
      </c>
      <c r="BT8" s="413">
        <v>0</v>
      </c>
      <c r="BU8" s="102">
        <v>2174</v>
      </c>
      <c r="BV8" s="102">
        <v>2984</v>
      </c>
      <c r="BW8" s="102">
        <v>1949</v>
      </c>
      <c r="BX8" s="102">
        <v>1604</v>
      </c>
      <c r="BY8" s="102">
        <v>801</v>
      </c>
      <c r="BZ8" s="103">
        <v>9512</v>
      </c>
      <c r="CA8" s="104">
        <v>13010</v>
      </c>
      <c r="CB8" s="101">
        <v>181</v>
      </c>
      <c r="CC8" s="102">
        <v>410</v>
      </c>
      <c r="CD8" s="103">
        <v>591</v>
      </c>
      <c r="CE8" s="413">
        <v>0</v>
      </c>
      <c r="CF8" s="102">
        <v>240</v>
      </c>
      <c r="CG8" s="102">
        <v>673</v>
      </c>
      <c r="CH8" s="102">
        <v>368</v>
      </c>
      <c r="CI8" s="102">
        <v>341</v>
      </c>
      <c r="CJ8" s="102">
        <v>342</v>
      </c>
      <c r="CK8" s="103">
        <v>1964</v>
      </c>
      <c r="CL8" s="104">
        <v>2555</v>
      </c>
      <c r="CM8" s="101">
        <v>8486</v>
      </c>
      <c r="CN8" s="102">
        <v>10871</v>
      </c>
      <c r="CO8" s="103">
        <v>19357</v>
      </c>
      <c r="CP8" s="413">
        <v>0</v>
      </c>
      <c r="CQ8" s="102">
        <v>10857</v>
      </c>
      <c r="CR8" s="102">
        <v>14985</v>
      </c>
      <c r="CS8" s="102">
        <v>9241</v>
      </c>
      <c r="CT8" s="102">
        <v>7711</v>
      </c>
      <c r="CU8" s="102">
        <v>4789</v>
      </c>
      <c r="CV8" s="103">
        <v>47583</v>
      </c>
      <c r="CW8" s="104">
        <v>66940</v>
      </c>
      <c r="CX8" s="105">
        <v>15792</v>
      </c>
      <c r="CY8" s="97">
        <v>21708</v>
      </c>
      <c r="CZ8" s="98">
        <v>37500</v>
      </c>
      <c r="DA8" s="413">
        <v>0</v>
      </c>
      <c r="DB8" s="97">
        <v>20422</v>
      </c>
      <c r="DC8" s="97">
        <v>25553</v>
      </c>
      <c r="DD8" s="97">
        <v>16985</v>
      </c>
      <c r="DE8" s="97">
        <v>16237</v>
      </c>
      <c r="DF8" s="97">
        <v>10300</v>
      </c>
      <c r="DG8" s="99">
        <v>89497</v>
      </c>
      <c r="DH8" s="100">
        <v>126997</v>
      </c>
      <c r="DI8" s="101">
        <v>333</v>
      </c>
      <c r="DJ8" s="102">
        <v>485</v>
      </c>
      <c r="DK8" s="103">
        <v>818</v>
      </c>
      <c r="DL8" s="413">
        <v>0</v>
      </c>
      <c r="DM8" s="102">
        <v>289</v>
      </c>
      <c r="DN8" s="102">
        <v>486</v>
      </c>
      <c r="DO8" s="102">
        <v>291</v>
      </c>
      <c r="DP8" s="102">
        <v>288</v>
      </c>
      <c r="DQ8" s="102">
        <v>225</v>
      </c>
      <c r="DR8" s="103">
        <v>1579</v>
      </c>
      <c r="DS8" s="104">
        <v>2397</v>
      </c>
      <c r="DT8" s="101">
        <v>829</v>
      </c>
      <c r="DU8" s="102">
        <v>1273</v>
      </c>
      <c r="DV8" s="103">
        <v>2102</v>
      </c>
      <c r="DW8" s="413">
        <v>0</v>
      </c>
      <c r="DX8" s="102">
        <v>760</v>
      </c>
      <c r="DY8" s="102">
        <v>1183</v>
      </c>
      <c r="DZ8" s="102">
        <v>643</v>
      </c>
      <c r="EA8" s="102">
        <v>647</v>
      </c>
      <c r="EB8" s="102">
        <v>551</v>
      </c>
      <c r="EC8" s="103">
        <v>3784</v>
      </c>
      <c r="ED8" s="104">
        <v>5886</v>
      </c>
      <c r="EE8" s="101">
        <v>2392</v>
      </c>
      <c r="EF8" s="102">
        <v>3025</v>
      </c>
      <c r="EG8" s="103">
        <v>5417</v>
      </c>
      <c r="EH8" s="413">
        <v>0</v>
      </c>
      <c r="EI8" s="102">
        <v>2198</v>
      </c>
      <c r="EJ8" s="102">
        <v>2653</v>
      </c>
      <c r="EK8" s="102">
        <v>1426</v>
      </c>
      <c r="EL8" s="102">
        <v>1405</v>
      </c>
      <c r="EM8" s="102">
        <v>1060</v>
      </c>
      <c r="EN8" s="103">
        <v>8742</v>
      </c>
      <c r="EO8" s="104">
        <v>14159</v>
      </c>
      <c r="EP8" s="101">
        <v>4910</v>
      </c>
      <c r="EQ8" s="102">
        <v>6028</v>
      </c>
      <c r="ER8" s="103">
        <v>10938</v>
      </c>
      <c r="ES8" s="413">
        <v>0</v>
      </c>
      <c r="ET8" s="102">
        <v>5164</v>
      </c>
      <c r="EU8" s="102">
        <v>5436</v>
      </c>
      <c r="EV8" s="102">
        <v>3170</v>
      </c>
      <c r="EW8" s="102">
        <v>2804</v>
      </c>
      <c r="EX8" s="102">
        <v>1902</v>
      </c>
      <c r="EY8" s="103">
        <v>18476</v>
      </c>
      <c r="EZ8" s="104">
        <v>29414</v>
      </c>
      <c r="FA8" s="101">
        <v>4752</v>
      </c>
      <c r="FB8" s="102">
        <v>6397</v>
      </c>
      <c r="FC8" s="103">
        <v>11149</v>
      </c>
      <c r="FD8" s="413">
        <v>0</v>
      </c>
      <c r="FE8" s="102">
        <v>6494</v>
      </c>
      <c r="FF8" s="102">
        <v>7359</v>
      </c>
      <c r="FG8" s="102">
        <v>4606</v>
      </c>
      <c r="FH8" s="102">
        <v>4154</v>
      </c>
      <c r="FI8" s="102">
        <v>2573</v>
      </c>
      <c r="FJ8" s="103">
        <v>25186</v>
      </c>
      <c r="FK8" s="104">
        <v>36335</v>
      </c>
      <c r="FL8" s="101">
        <v>2576</v>
      </c>
      <c r="FM8" s="102">
        <v>4500</v>
      </c>
      <c r="FN8" s="103">
        <v>7076</v>
      </c>
      <c r="FO8" s="413">
        <v>0</v>
      </c>
      <c r="FP8" s="102">
        <v>5517</v>
      </c>
      <c r="FQ8" s="102">
        <v>8436</v>
      </c>
      <c r="FR8" s="102">
        <v>6849</v>
      </c>
      <c r="FS8" s="102">
        <v>6939</v>
      </c>
      <c r="FT8" s="102">
        <v>3989</v>
      </c>
      <c r="FU8" s="103">
        <v>31730</v>
      </c>
      <c r="FV8" s="104">
        <v>38806</v>
      </c>
      <c r="FW8" s="101">
        <v>158</v>
      </c>
      <c r="FX8" s="102">
        <v>322</v>
      </c>
      <c r="FY8" s="103">
        <v>480</v>
      </c>
      <c r="FZ8" s="413">
        <v>0</v>
      </c>
      <c r="GA8" s="102">
        <v>197</v>
      </c>
      <c r="GB8" s="102">
        <v>533</v>
      </c>
      <c r="GC8" s="102">
        <v>245</v>
      </c>
      <c r="GD8" s="102">
        <v>246</v>
      </c>
      <c r="GE8" s="102">
        <v>278</v>
      </c>
      <c r="GF8" s="103">
        <v>1499</v>
      </c>
      <c r="GG8" s="104">
        <v>1979</v>
      </c>
      <c r="GH8" s="101">
        <v>15950</v>
      </c>
      <c r="GI8" s="102">
        <v>22030</v>
      </c>
      <c r="GJ8" s="103">
        <v>37980</v>
      </c>
      <c r="GK8" s="413">
        <v>0</v>
      </c>
      <c r="GL8" s="102">
        <v>20619</v>
      </c>
      <c r="GM8" s="102">
        <v>26086</v>
      </c>
      <c r="GN8" s="102">
        <v>17230</v>
      </c>
      <c r="GO8" s="102">
        <v>16483</v>
      </c>
      <c r="GP8" s="102">
        <v>10578</v>
      </c>
      <c r="GQ8" s="103">
        <v>90996</v>
      </c>
      <c r="GR8" s="104">
        <v>128976</v>
      </c>
      <c r="GS8" s="105">
        <v>24097</v>
      </c>
      <c r="GT8" s="97">
        <v>32169</v>
      </c>
      <c r="GU8" s="98">
        <v>56266</v>
      </c>
      <c r="GV8" s="413">
        <v>0</v>
      </c>
      <c r="GW8" s="97">
        <v>31039</v>
      </c>
      <c r="GX8" s="97">
        <v>39865</v>
      </c>
      <c r="GY8" s="97">
        <v>25858</v>
      </c>
      <c r="GZ8" s="97">
        <v>23607</v>
      </c>
      <c r="HA8" s="97">
        <v>14747</v>
      </c>
      <c r="HB8" s="99">
        <v>135116</v>
      </c>
      <c r="HC8" s="100">
        <v>191382</v>
      </c>
      <c r="HD8" s="101">
        <v>630</v>
      </c>
      <c r="HE8" s="102">
        <v>964</v>
      </c>
      <c r="HF8" s="103">
        <v>1594</v>
      </c>
      <c r="HG8" s="416">
        <v>0</v>
      </c>
      <c r="HH8" s="102">
        <v>696</v>
      </c>
      <c r="HI8" s="102">
        <v>1234</v>
      </c>
      <c r="HJ8" s="102">
        <v>746</v>
      </c>
      <c r="HK8" s="102">
        <v>707</v>
      </c>
      <c r="HL8" s="102">
        <v>519</v>
      </c>
      <c r="HM8" s="103">
        <v>3902</v>
      </c>
      <c r="HN8" s="104">
        <v>5496</v>
      </c>
      <c r="HO8" s="101">
        <v>1478</v>
      </c>
      <c r="HP8" s="102">
        <v>2309</v>
      </c>
      <c r="HQ8" s="103">
        <v>3787</v>
      </c>
      <c r="HR8" s="413">
        <v>0</v>
      </c>
      <c r="HS8" s="102">
        <v>1545</v>
      </c>
      <c r="HT8" s="102">
        <v>2572</v>
      </c>
      <c r="HU8" s="102">
        <v>1513</v>
      </c>
      <c r="HV8" s="102">
        <v>1399</v>
      </c>
      <c r="HW8" s="102">
        <v>1104</v>
      </c>
      <c r="HX8" s="103">
        <v>8133</v>
      </c>
      <c r="HY8" s="104">
        <v>11920</v>
      </c>
      <c r="HZ8" s="101">
        <v>3667</v>
      </c>
      <c r="IA8" s="102">
        <v>4780</v>
      </c>
      <c r="IB8" s="103">
        <v>8447</v>
      </c>
      <c r="IC8" s="413">
        <v>0</v>
      </c>
      <c r="ID8" s="102">
        <v>3769</v>
      </c>
      <c r="IE8" s="102">
        <v>5040</v>
      </c>
      <c r="IF8" s="102">
        <v>2841</v>
      </c>
      <c r="IG8" s="102">
        <v>2663</v>
      </c>
      <c r="IH8" s="102">
        <v>1867</v>
      </c>
      <c r="II8" s="103">
        <v>16180</v>
      </c>
      <c r="IJ8" s="104">
        <v>24627</v>
      </c>
      <c r="IK8" s="101">
        <v>7090</v>
      </c>
      <c r="IL8" s="102">
        <v>8629</v>
      </c>
      <c r="IM8" s="103">
        <v>15719</v>
      </c>
      <c r="IN8" s="413">
        <v>0</v>
      </c>
      <c r="IO8" s="102">
        <v>7854</v>
      </c>
      <c r="IP8" s="102">
        <v>8732</v>
      </c>
      <c r="IQ8" s="102">
        <v>5203</v>
      </c>
      <c r="IR8" s="102">
        <v>4436</v>
      </c>
      <c r="IS8" s="102">
        <v>2926</v>
      </c>
      <c r="IT8" s="103">
        <v>29151</v>
      </c>
      <c r="IU8" s="104">
        <v>44870</v>
      </c>
      <c r="IV8" s="101">
        <v>7112</v>
      </c>
      <c r="IW8" s="102">
        <v>9033</v>
      </c>
      <c r="IX8" s="103">
        <v>16145</v>
      </c>
      <c r="IY8" s="413">
        <v>0</v>
      </c>
      <c r="IZ8" s="102">
        <v>9484</v>
      </c>
      <c r="JA8" s="102">
        <v>10867</v>
      </c>
      <c r="JB8" s="102">
        <v>6757</v>
      </c>
      <c r="JC8" s="102">
        <v>5859</v>
      </c>
      <c r="JD8" s="102">
        <v>3541</v>
      </c>
      <c r="JE8" s="103">
        <v>36508</v>
      </c>
      <c r="JF8" s="104">
        <v>52653</v>
      </c>
      <c r="JG8" s="101">
        <v>4120</v>
      </c>
      <c r="JH8" s="102">
        <v>6454</v>
      </c>
      <c r="JI8" s="103">
        <v>10574</v>
      </c>
      <c r="JJ8" s="413">
        <v>0</v>
      </c>
      <c r="JK8" s="102">
        <v>7691</v>
      </c>
      <c r="JL8" s="102">
        <v>11420</v>
      </c>
      <c r="JM8" s="102">
        <v>8798</v>
      </c>
      <c r="JN8" s="102">
        <v>8543</v>
      </c>
      <c r="JO8" s="102">
        <v>4790</v>
      </c>
      <c r="JP8" s="103">
        <v>41242</v>
      </c>
      <c r="JQ8" s="104">
        <v>51816</v>
      </c>
      <c r="JR8" s="101">
        <v>339</v>
      </c>
      <c r="JS8" s="102">
        <v>732</v>
      </c>
      <c r="JT8" s="103">
        <v>1071</v>
      </c>
      <c r="JU8" s="413">
        <v>0</v>
      </c>
      <c r="JV8" s="102">
        <v>437</v>
      </c>
      <c r="JW8" s="102">
        <v>1206</v>
      </c>
      <c r="JX8" s="102">
        <v>613</v>
      </c>
      <c r="JY8" s="102">
        <v>587</v>
      </c>
      <c r="JZ8" s="102">
        <v>620</v>
      </c>
      <c r="KA8" s="103">
        <v>3463</v>
      </c>
      <c r="KB8" s="104">
        <v>4534</v>
      </c>
      <c r="KC8" s="101">
        <v>24436</v>
      </c>
      <c r="KD8" s="102">
        <v>32901</v>
      </c>
      <c r="KE8" s="103">
        <v>57337</v>
      </c>
      <c r="KF8" s="413">
        <v>0</v>
      </c>
      <c r="KG8" s="102">
        <v>31476</v>
      </c>
      <c r="KH8" s="102">
        <v>41071</v>
      </c>
      <c r="KI8" s="102">
        <v>26471</v>
      </c>
      <c r="KJ8" s="102">
        <v>24194</v>
      </c>
      <c r="KK8" s="102">
        <v>15367</v>
      </c>
      <c r="KL8" s="103">
        <v>138579</v>
      </c>
      <c r="KM8" s="104">
        <v>195916</v>
      </c>
    </row>
    <row r="9" spans="2:299" s="70" customFormat="1" ht="21" customHeight="1" x14ac:dyDescent="0.2">
      <c r="B9" s="106" t="s">
        <v>6</v>
      </c>
      <c r="C9" s="96">
        <v>2926</v>
      </c>
      <c r="D9" s="97">
        <v>2490</v>
      </c>
      <c r="E9" s="98">
        <v>5416</v>
      </c>
      <c r="F9" s="413">
        <v>0</v>
      </c>
      <c r="G9" s="97">
        <v>5152</v>
      </c>
      <c r="H9" s="97">
        <v>4308</v>
      </c>
      <c r="I9" s="97">
        <v>2876</v>
      </c>
      <c r="J9" s="97">
        <v>2355</v>
      </c>
      <c r="K9" s="97">
        <v>1548</v>
      </c>
      <c r="L9" s="99">
        <v>16239</v>
      </c>
      <c r="M9" s="100">
        <v>21655</v>
      </c>
      <c r="N9" s="101">
        <v>150</v>
      </c>
      <c r="O9" s="102">
        <v>153</v>
      </c>
      <c r="P9" s="103">
        <v>303</v>
      </c>
      <c r="Q9" s="413">
        <v>0</v>
      </c>
      <c r="R9" s="102">
        <v>253</v>
      </c>
      <c r="S9" s="102">
        <v>259</v>
      </c>
      <c r="T9" s="102">
        <v>174</v>
      </c>
      <c r="U9" s="102">
        <v>133</v>
      </c>
      <c r="V9" s="102">
        <v>102</v>
      </c>
      <c r="W9" s="103">
        <v>921</v>
      </c>
      <c r="X9" s="104">
        <v>1224</v>
      </c>
      <c r="Y9" s="101">
        <v>292</v>
      </c>
      <c r="Z9" s="102">
        <v>266</v>
      </c>
      <c r="AA9" s="103">
        <v>558</v>
      </c>
      <c r="AB9" s="413">
        <v>0</v>
      </c>
      <c r="AC9" s="102">
        <v>517</v>
      </c>
      <c r="AD9" s="102">
        <v>435</v>
      </c>
      <c r="AE9" s="102">
        <v>319</v>
      </c>
      <c r="AF9" s="102">
        <v>280</v>
      </c>
      <c r="AG9" s="102">
        <v>185</v>
      </c>
      <c r="AH9" s="103">
        <v>1736</v>
      </c>
      <c r="AI9" s="104">
        <v>2294</v>
      </c>
      <c r="AJ9" s="101">
        <v>516</v>
      </c>
      <c r="AK9" s="102">
        <v>418</v>
      </c>
      <c r="AL9" s="103">
        <v>934</v>
      </c>
      <c r="AM9" s="413">
        <v>0</v>
      </c>
      <c r="AN9" s="102">
        <v>863</v>
      </c>
      <c r="AO9" s="102">
        <v>750</v>
      </c>
      <c r="AP9" s="102">
        <v>489</v>
      </c>
      <c r="AQ9" s="102">
        <v>434</v>
      </c>
      <c r="AR9" s="102">
        <v>318</v>
      </c>
      <c r="AS9" s="103">
        <v>2854</v>
      </c>
      <c r="AT9" s="104">
        <v>3788</v>
      </c>
      <c r="AU9" s="101">
        <v>730</v>
      </c>
      <c r="AV9" s="102">
        <v>613</v>
      </c>
      <c r="AW9" s="103">
        <v>1343</v>
      </c>
      <c r="AX9" s="413">
        <v>0</v>
      </c>
      <c r="AY9" s="102">
        <v>1296</v>
      </c>
      <c r="AZ9" s="102">
        <v>1024</v>
      </c>
      <c r="BA9" s="102">
        <v>651</v>
      </c>
      <c r="BB9" s="102">
        <v>537</v>
      </c>
      <c r="BC9" s="102">
        <v>350</v>
      </c>
      <c r="BD9" s="103">
        <v>3858</v>
      </c>
      <c r="BE9" s="104">
        <v>5201</v>
      </c>
      <c r="BF9" s="101">
        <v>794</v>
      </c>
      <c r="BG9" s="102">
        <v>610</v>
      </c>
      <c r="BH9" s="103">
        <v>1404</v>
      </c>
      <c r="BI9" s="413">
        <v>0</v>
      </c>
      <c r="BJ9" s="102">
        <v>1285</v>
      </c>
      <c r="BK9" s="102">
        <v>1013</v>
      </c>
      <c r="BL9" s="102">
        <v>676</v>
      </c>
      <c r="BM9" s="102">
        <v>479</v>
      </c>
      <c r="BN9" s="102">
        <v>332</v>
      </c>
      <c r="BO9" s="103">
        <v>3785</v>
      </c>
      <c r="BP9" s="104">
        <v>5189</v>
      </c>
      <c r="BQ9" s="101">
        <v>444</v>
      </c>
      <c r="BR9" s="102">
        <v>430</v>
      </c>
      <c r="BS9" s="103">
        <v>874</v>
      </c>
      <c r="BT9" s="413">
        <v>0</v>
      </c>
      <c r="BU9" s="102">
        <v>938</v>
      </c>
      <c r="BV9" s="102">
        <v>827</v>
      </c>
      <c r="BW9" s="102">
        <v>567</v>
      </c>
      <c r="BX9" s="102">
        <v>492</v>
      </c>
      <c r="BY9" s="102">
        <v>261</v>
      </c>
      <c r="BZ9" s="103">
        <v>3085</v>
      </c>
      <c r="CA9" s="104">
        <v>3959</v>
      </c>
      <c r="CB9" s="101">
        <v>80</v>
      </c>
      <c r="CC9" s="102">
        <v>100</v>
      </c>
      <c r="CD9" s="103">
        <v>180</v>
      </c>
      <c r="CE9" s="413">
        <v>0</v>
      </c>
      <c r="CF9" s="102">
        <v>167</v>
      </c>
      <c r="CG9" s="102">
        <v>201</v>
      </c>
      <c r="CH9" s="102">
        <v>125</v>
      </c>
      <c r="CI9" s="102">
        <v>125</v>
      </c>
      <c r="CJ9" s="102">
        <v>138</v>
      </c>
      <c r="CK9" s="103">
        <v>756</v>
      </c>
      <c r="CL9" s="104">
        <v>936</v>
      </c>
      <c r="CM9" s="101">
        <v>3006</v>
      </c>
      <c r="CN9" s="102">
        <v>2590</v>
      </c>
      <c r="CO9" s="103">
        <v>5596</v>
      </c>
      <c r="CP9" s="413">
        <v>0</v>
      </c>
      <c r="CQ9" s="102">
        <v>5319</v>
      </c>
      <c r="CR9" s="102">
        <v>4509</v>
      </c>
      <c r="CS9" s="102">
        <v>3001</v>
      </c>
      <c r="CT9" s="102">
        <v>2480</v>
      </c>
      <c r="CU9" s="102">
        <v>1686</v>
      </c>
      <c r="CV9" s="103">
        <v>16995</v>
      </c>
      <c r="CW9" s="104">
        <v>22591</v>
      </c>
      <c r="CX9" s="105">
        <v>5550</v>
      </c>
      <c r="CY9" s="97">
        <v>5788</v>
      </c>
      <c r="CZ9" s="98">
        <v>11338</v>
      </c>
      <c r="DA9" s="413">
        <v>0</v>
      </c>
      <c r="DB9" s="97">
        <v>9113</v>
      </c>
      <c r="DC9" s="97">
        <v>7138</v>
      </c>
      <c r="DD9" s="97">
        <v>5278</v>
      </c>
      <c r="DE9" s="97">
        <v>5212</v>
      </c>
      <c r="DF9" s="97">
        <v>3586</v>
      </c>
      <c r="DG9" s="99">
        <v>30327</v>
      </c>
      <c r="DH9" s="100">
        <v>41665</v>
      </c>
      <c r="DI9" s="101">
        <v>116</v>
      </c>
      <c r="DJ9" s="102">
        <v>140</v>
      </c>
      <c r="DK9" s="103">
        <v>256</v>
      </c>
      <c r="DL9" s="413">
        <v>0</v>
      </c>
      <c r="DM9" s="102">
        <v>179</v>
      </c>
      <c r="DN9" s="102">
        <v>134</v>
      </c>
      <c r="DO9" s="102">
        <v>102</v>
      </c>
      <c r="DP9" s="102">
        <v>95</v>
      </c>
      <c r="DQ9" s="102">
        <v>74</v>
      </c>
      <c r="DR9" s="103">
        <v>584</v>
      </c>
      <c r="DS9" s="104">
        <v>840</v>
      </c>
      <c r="DT9" s="101">
        <v>327</v>
      </c>
      <c r="DU9" s="102">
        <v>331</v>
      </c>
      <c r="DV9" s="103">
        <v>658</v>
      </c>
      <c r="DW9" s="413">
        <v>0</v>
      </c>
      <c r="DX9" s="102">
        <v>405</v>
      </c>
      <c r="DY9" s="102">
        <v>341</v>
      </c>
      <c r="DZ9" s="102">
        <v>231</v>
      </c>
      <c r="EA9" s="102">
        <v>217</v>
      </c>
      <c r="EB9" s="102">
        <v>187</v>
      </c>
      <c r="EC9" s="103">
        <v>1381</v>
      </c>
      <c r="ED9" s="104">
        <v>2039</v>
      </c>
      <c r="EE9" s="101">
        <v>841</v>
      </c>
      <c r="EF9" s="102">
        <v>828</v>
      </c>
      <c r="EG9" s="103">
        <v>1669</v>
      </c>
      <c r="EH9" s="413">
        <v>0</v>
      </c>
      <c r="EI9" s="102">
        <v>1063</v>
      </c>
      <c r="EJ9" s="102">
        <v>745</v>
      </c>
      <c r="EK9" s="102">
        <v>439</v>
      </c>
      <c r="EL9" s="102">
        <v>437</v>
      </c>
      <c r="EM9" s="102">
        <v>356</v>
      </c>
      <c r="EN9" s="103">
        <v>3040</v>
      </c>
      <c r="EO9" s="104">
        <v>4709</v>
      </c>
      <c r="EP9" s="101">
        <v>1738</v>
      </c>
      <c r="EQ9" s="102">
        <v>1615</v>
      </c>
      <c r="ER9" s="103">
        <v>3353</v>
      </c>
      <c r="ES9" s="413">
        <v>0</v>
      </c>
      <c r="ET9" s="102">
        <v>2222</v>
      </c>
      <c r="EU9" s="102">
        <v>1524</v>
      </c>
      <c r="EV9" s="102">
        <v>1010</v>
      </c>
      <c r="EW9" s="102">
        <v>881</v>
      </c>
      <c r="EX9" s="102">
        <v>672</v>
      </c>
      <c r="EY9" s="103">
        <v>6309</v>
      </c>
      <c r="EZ9" s="104">
        <v>9662</v>
      </c>
      <c r="FA9" s="101">
        <v>1643</v>
      </c>
      <c r="FB9" s="102">
        <v>1687</v>
      </c>
      <c r="FC9" s="103">
        <v>3330</v>
      </c>
      <c r="FD9" s="413">
        <v>0</v>
      </c>
      <c r="FE9" s="102">
        <v>2757</v>
      </c>
      <c r="FF9" s="102">
        <v>2051</v>
      </c>
      <c r="FG9" s="102">
        <v>1442</v>
      </c>
      <c r="FH9" s="102">
        <v>1286</v>
      </c>
      <c r="FI9" s="102">
        <v>882</v>
      </c>
      <c r="FJ9" s="103">
        <v>8418</v>
      </c>
      <c r="FK9" s="104">
        <v>11748</v>
      </c>
      <c r="FL9" s="101">
        <v>885</v>
      </c>
      <c r="FM9" s="102">
        <v>1187</v>
      </c>
      <c r="FN9" s="103">
        <v>2072</v>
      </c>
      <c r="FO9" s="413">
        <v>0</v>
      </c>
      <c r="FP9" s="102">
        <v>2487</v>
      </c>
      <c r="FQ9" s="102">
        <v>2343</v>
      </c>
      <c r="FR9" s="102">
        <v>2054</v>
      </c>
      <c r="FS9" s="102">
        <v>2296</v>
      </c>
      <c r="FT9" s="102">
        <v>1415</v>
      </c>
      <c r="FU9" s="103">
        <v>10595</v>
      </c>
      <c r="FV9" s="104">
        <v>12667</v>
      </c>
      <c r="FW9" s="101">
        <v>62</v>
      </c>
      <c r="FX9" s="102">
        <v>94</v>
      </c>
      <c r="FY9" s="103">
        <v>156</v>
      </c>
      <c r="FZ9" s="413">
        <v>0</v>
      </c>
      <c r="GA9" s="102">
        <v>134</v>
      </c>
      <c r="GB9" s="102">
        <v>135</v>
      </c>
      <c r="GC9" s="102">
        <v>89</v>
      </c>
      <c r="GD9" s="102">
        <v>89</v>
      </c>
      <c r="GE9" s="102">
        <v>99</v>
      </c>
      <c r="GF9" s="103">
        <v>546</v>
      </c>
      <c r="GG9" s="104">
        <v>702</v>
      </c>
      <c r="GH9" s="101">
        <v>5612</v>
      </c>
      <c r="GI9" s="102">
        <v>5882</v>
      </c>
      <c r="GJ9" s="103">
        <v>11494</v>
      </c>
      <c r="GK9" s="413">
        <v>0</v>
      </c>
      <c r="GL9" s="102">
        <v>9247</v>
      </c>
      <c r="GM9" s="102">
        <v>7273</v>
      </c>
      <c r="GN9" s="102">
        <v>5367</v>
      </c>
      <c r="GO9" s="102">
        <v>5301</v>
      </c>
      <c r="GP9" s="102">
        <v>3685</v>
      </c>
      <c r="GQ9" s="103">
        <v>30873</v>
      </c>
      <c r="GR9" s="104">
        <v>42367</v>
      </c>
      <c r="GS9" s="105">
        <v>8476</v>
      </c>
      <c r="GT9" s="97">
        <v>8278</v>
      </c>
      <c r="GU9" s="98">
        <v>16754</v>
      </c>
      <c r="GV9" s="413">
        <v>0</v>
      </c>
      <c r="GW9" s="97">
        <v>14265</v>
      </c>
      <c r="GX9" s="97">
        <v>11446</v>
      </c>
      <c r="GY9" s="97">
        <v>8154</v>
      </c>
      <c r="GZ9" s="97">
        <v>7567</v>
      </c>
      <c r="HA9" s="97">
        <v>5134</v>
      </c>
      <c r="HB9" s="99">
        <v>46566</v>
      </c>
      <c r="HC9" s="100">
        <v>63320</v>
      </c>
      <c r="HD9" s="101">
        <v>266</v>
      </c>
      <c r="HE9" s="102">
        <v>293</v>
      </c>
      <c r="HF9" s="103">
        <v>559</v>
      </c>
      <c r="HG9" s="416">
        <v>0</v>
      </c>
      <c r="HH9" s="102">
        <v>432</v>
      </c>
      <c r="HI9" s="102">
        <v>393</v>
      </c>
      <c r="HJ9" s="102">
        <v>276</v>
      </c>
      <c r="HK9" s="102">
        <v>228</v>
      </c>
      <c r="HL9" s="102">
        <v>176</v>
      </c>
      <c r="HM9" s="103">
        <v>1505</v>
      </c>
      <c r="HN9" s="104">
        <v>2064</v>
      </c>
      <c r="HO9" s="101">
        <v>619</v>
      </c>
      <c r="HP9" s="102">
        <v>597</v>
      </c>
      <c r="HQ9" s="103">
        <v>1216</v>
      </c>
      <c r="HR9" s="413">
        <v>0</v>
      </c>
      <c r="HS9" s="102">
        <v>922</v>
      </c>
      <c r="HT9" s="102">
        <v>776</v>
      </c>
      <c r="HU9" s="102">
        <v>550</v>
      </c>
      <c r="HV9" s="102">
        <v>497</v>
      </c>
      <c r="HW9" s="102">
        <v>372</v>
      </c>
      <c r="HX9" s="103">
        <v>3117</v>
      </c>
      <c r="HY9" s="104">
        <v>4333</v>
      </c>
      <c r="HZ9" s="101">
        <v>1357</v>
      </c>
      <c r="IA9" s="102">
        <v>1246</v>
      </c>
      <c r="IB9" s="103">
        <v>2603</v>
      </c>
      <c r="IC9" s="413">
        <v>0</v>
      </c>
      <c r="ID9" s="102">
        <v>1926</v>
      </c>
      <c r="IE9" s="102">
        <v>1495</v>
      </c>
      <c r="IF9" s="102">
        <v>928</v>
      </c>
      <c r="IG9" s="102">
        <v>871</v>
      </c>
      <c r="IH9" s="102">
        <v>674</v>
      </c>
      <c r="II9" s="103">
        <v>5894</v>
      </c>
      <c r="IJ9" s="104">
        <v>8497</v>
      </c>
      <c r="IK9" s="101">
        <v>2468</v>
      </c>
      <c r="IL9" s="102">
        <v>2228</v>
      </c>
      <c r="IM9" s="103">
        <v>4696</v>
      </c>
      <c r="IN9" s="413">
        <v>0</v>
      </c>
      <c r="IO9" s="102">
        <v>3518</v>
      </c>
      <c r="IP9" s="102">
        <v>2548</v>
      </c>
      <c r="IQ9" s="102">
        <v>1661</v>
      </c>
      <c r="IR9" s="102">
        <v>1418</v>
      </c>
      <c r="IS9" s="102">
        <v>1022</v>
      </c>
      <c r="IT9" s="103">
        <v>10167</v>
      </c>
      <c r="IU9" s="104">
        <v>14863</v>
      </c>
      <c r="IV9" s="101">
        <v>2437</v>
      </c>
      <c r="IW9" s="102">
        <v>2297</v>
      </c>
      <c r="IX9" s="103">
        <v>4734</v>
      </c>
      <c r="IY9" s="413">
        <v>0</v>
      </c>
      <c r="IZ9" s="102">
        <v>4042</v>
      </c>
      <c r="JA9" s="102">
        <v>3064</v>
      </c>
      <c r="JB9" s="102">
        <v>2118</v>
      </c>
      <c r="JC9" s="102">
        <v>1765</v>
      </c>
      <c r="JD9" s="102">
        <v>1214</v>
      </c>
      <c r="JE9" s="103">
        <v>12203</v>
      </c>
      <c r="JF9" s="104">
        <v>16937</v>
      </c>
      <c r="JG9" s="101">
        <v>1329</v>
      </c>
      <c r="JH9" s="102">
        <v>1617</v>
      </c>
      <c r="JI9" s="103">
        <v>2946</v>
      </c>
      <c r="JJ9" s="413">
        <v>0</v>
      </c>
      <c r="JK9" s="102">
        <v>3425</v>
      </c>
      <c r="JL9" s="102">
        <v>3170</v>
      </c>
      <c r="JM9" s="102">
        <v>2621</v>
      </c>
      <c r="JN9" s="102">
        <v>2788</v>
      </c>
      <c r="JO9" s="102">
        <v>1676</v>
      </c>
      <c r="JP9" s="103">
        <v>13680</v>
      </c>
      <c r="JQ9" s="104">
        <v>16626</v>
      </c>
      <c r="JR9" s="101">
        <v>142</v>
      </c>
      <c r="JS9" s="102">
        <v>194</v>
      </c>
      <c r="JT9" s="103">
        <v>336</v>
      </c>
      <c r="JU9" s="413">
        <v>0</v>
      </c>
      <c r="JV9" s="102">
        <v>301</v>
      </c>
      <c r="JW9" s="102">
        <v>336</v>
      </c>
      <c r="JX9" s="102">
        <v>214</v>
      </c>
      <c r="JY9" s="102">
        <v>214</v>
      </c>
      <c r="JZ9" s="102">
        <v>237</v>
      </c>
      <c r="KA9" s="103">
        <v>1302</v>
      </c>
      <c r="KB9" s="104">
        <v>1638</v>
      </c>
      <c r="KC9" s="101">
        <v>8618</v>
      </c>
      <c r="KD9" s="102">
        <v>8472</v>
      </c>
      <c r="KE9" s="103">
        <v>17090</v>
      </c>
      <c r="KF9" s="413">
        <v>0</v>
      </c>
      <c r="KG9" s="102">
        <v>14566</v>
      </c>
      <c r="KH9" s="102">
        <v>11782</v>
      </c>
      <c r="KI9" s="102">
        <v>8368</v>
      </c>
      <c r="KJ9" s="102">
        <v>7781</v>
      </c>
      <c r="KK9" s="102">
        <v>5371</v>
      </c>
      <c r="KL9" s="103">
        <v>47868</v>
      </c>
      <c r="KM9" s="104">
        <v>64958</v>
      </c>
    </row>
    <row r="10" spans="2:299" s="70" customFormat="1" ht="21" customHeight="1" x14ac:dyDescent="0.2">
      <c r="B10" s="106" t="s">
        <v>14</v>
      </c>
      <c r="C10" s="96">
        <v>1686</v>
      </c>
      <c r="D10" s="97">
        <v>2055</v>
      </c>
      <c r="E10" s="98">
        <v>3741</v>
      </c>
      <c r="F10" s="413">
        <v>0</v>
      </c>
      <c r="G10" s="97">
        <v>2375</v>
      </c>
      <c r="H10" s="97">
        <v>2697</v>
      </c>
      <c r="I10" s="97">
        <v>1965</v>
      </c>
      <c r="J10" s="97">
        <v>1547</v>
      </c>
      <c r="K10" s="97">
        <v>906</v>
      </c>
      <c r="L10" s="99">
        <v>9490</v>
      </c>
      <c r="M10" s="100">
        <v>13231</v>
      </c>
      <c r="N10" s="101">
        <v>68</v>
      </c>
      <c r="O10" s="102">
        <v>94</v>
      </c>
      <c r="P10" s="103">
        <v>162</v>
      </c>
      <c r="Q10" s="413">
        <v>0</v>
      </c>
      <c r="R10" s="102">
        <v>86</v>
      </c>
      <c r="S10" s="102">
        <v>133</v>
      </c>
      <c r="T10" s="102">
        <v>92</v>
      </c>
      <c r="U10" s="102">
        <v>97</v>
      </c>
      <c r="V10" s="102">
        <v>58</v>
      </c>
      <c r="W10" s="103">
        <v>466</v>
      </c>
      <c r="X10" s="104">
        <v>628</v>
      </c>
      <c r="Y10" s="101">
        <v>150</v>
      </c>
      <c r="Z10" s="102">
        <v>255</v>
      </c>
      <c r="AA10" s="103">
        <v>405</v>
      </c>
      <c r="AB10" s="413">
        <v>0</v>
      </c>
      <c r="AC10" s="102">
        <v>188</v>
      </c>
      <c r="AD10" s="102">
        <v>242</v>
      </c>
      <c r="AE10" s="102">
        <v>189</v>
      </c>
      <c r="AF10" s="102">
        <v>154</v>
      </c>
      <c r="AG10" s="102">
        <v>122</v>
      </c>
      <c r="AH10" s="103">
        <v>895</v>
      </c>
      <c r="AI10" s="104">
        <v>1300</v>
      </c>
      <c r="AJ10" s="101">
        <v>257</v>
      </c>
      <c r="AK10" s="102">
        <v>372</v>
      </c>
      <c r="AL10" s="103">
        <v>629</v>
      </c>
      <c r="AM10" s="413">
        <v>0</v>
      </c>
      <c r="AN10" s="102">
        <v>369</v>
      </c>
      <c r="AO10" s="102">
        <v>452</v>
      </c>
      <c r="AP10" s="102">
        <v>322</v>
      </c>
      <c r="AQ10" s="102">
        <v>283</v>
      </c>
      <c r="AR10" s="102">
        <v>168</v>
      </c>
      <c r="AS10" s="103">
        <v>1594</v>
      </c>
      <c r="AT10" s="104">
        <v>2223</v>
      </c>
      <c r="AU10" s="101">
        <v>492</v>
      </c>
      <c r="AV10" s="102">
        <v>557</v>
      </c>
      <c r="AW10" s="103">
        <v>1049</v>
      </c>
      <c r="AX10" s="413">
        <v>0</v>
      </c>
      <c r="AY10" s="102">
        <v>658</v>
      </c>
      <c r="AZ10" s="102">
        <v>711</v>
      </c>
      <c r="BA10" s="102">
        <v>500</v>
      </c>
      <c r="BB10" s="102">
        <v>382</v>
      </c>
      <c r="BC10" s="102">
        <v>235</v>
      </c>
      <c r="BD10" s="103">
        <v>2486</v>
      </c>
      <c r="BE10" s="104">
        <v>3535</v>
      </c>
      <c r="BF10" s="101">
        <v>489</v>
      </c>
      <c r="BG10" s="102">
        <v>514</v>
      </c>
      <c r="BH10" s="103">
        <v>1003</v>
      </c>
      <c r="BI10" s="413">
        <v>0</v>
      </c>
      <c r="BJ10" s="102">
        <v>673</v>
      </c>
      <c r="BK10" s="102">
        <v>679</v>
      </c>
      <c r="BL10" s="102">
        <v>495</v>
      </c>
      <c r="BM10" s="102">
        <v>351</v>
      </c>
      <c r="BN10" s="102">
        <v>188</v>
      </c>
      <c r="BO10" s="103">
        <v>2386</v>
      </c>
      <c r="BP10" s="104">
        <v>3389</v>
      </c>
      <c r="BQ10" s="101">
        <v>230</v>
      </c>
      <c r="BR10" s="102">
        <v>263</v>
      </c>
      <c r="BS10" s="103">
        <v>493</v>
      </c>
      <c r="BT10" s="413">
        <v>0</v>
      </c>
      <c r="BU10" s="102">
        <v>401</v>
      </c>
      <c r="BV10" s="102">
        <v>480</v>
      </c>
      <c r="BW10" s="102">
        <v>367</v>
      </c>
      <c r="BX10" s="102">
        <v>280</v>
      </c>
      <c r="BY10" s="102">
        <v>135</v>
      </c>
      <c r="BZ10" s="103">
        <v>1663</v>
      </c>
      <c r="CA10" s="104">
        <v>2156</v>
      </c>
      <c r="CB10" s="101">
        <v>39</v>
      </c>
      <c r="CC10" s="102">
        <v>96</v>
      </c>
      <c r="CD10" s="103">
        <v>135</v>
      </c>
      <c r="CE10" s="413">
        <v>0</v>
      </c>
      <c r="CF10" s="102">
        <v>44</v>
      </c>
      <c r="CG10" s="102">
        <v>141</v>
      </c>
      <c r="CH10" s="102">
        <v>77</v>
      </c>
      <c r="CI10" s="102">
        <v>81</v>
      </c>
      <c r="CJ10" s="102">
        <v>61</v>
      </c>
      <c r="CK10" s="103">
        <v>404</v>
      </c>
      <c r="CL10" s="104">
        <v>539</v>
      </c>
      <c r="CM10" s="101">
        <v>1725</v>
      </c>
      <c r="CN10" s="102">
        <v>2151</v>
      </c>
      <c r="CO10" s="103">
        <v>3876</v>
      </c>
      <c r="CP10" s="413">
        <v>0</v>
      </c>
      <c r="CQ10" s="102">
        <v>2419</v>
      </c>
      <c r="CR10" s="102">
        <v>2838</v>
      </c>
      <c r="CS10" s="102">
        <v>2042</v>
      </c>
      <c r="CT10" s="102">
        <v>1628</v>
      </c>
      <c r="CU10" s="102">
        <v>967</v>
      </c>
      <c r="CV10" s="103">
        <v>9894</v>
      </c>
      <c r="CW10" s="104">
        <v>13770</v>
      </c>
      <c r="CX10" s="105">
        <v>3153</v>
      </c>
      <c r="CY10" s="97">
        <v>4342</v>
      </c>
      <c r="CZ10" s="98">
        <v>7495</v>
      </c>
      <c r="DA10" s="413">
        <v>0</v>
      </c>
      <c r="DB10" s="97">
        <v>4065</v>
      </c>
      <c r="DC10" s="97">
        <v>4415</v>
      </c>
      <c r="DD10" s="97">
        <v>3373</v>
      </c>
      <c r="DE10" s="97">
        <v>3155</v>
      </c>
      <c r="DF10" s="97">
        <v>1884</v>
      </c>
      <c r="DG10" s="99">
        <v>16892</v>
      </c>
      <c r="DH10" s="100">
        <v>24387</v>
      </c>
      <c r="DI10" s="101">
        <v>74</v>
      </c>
      <c r="DJ10" s="102">
        <v>92</v>
      </c>
      <c r="DK10" s="103">
        <v>166</v>
      </c>
      <c r="DL10" s="413">
        <v>0</v>
      </c>
      <c r="DM10" s="102">
        <v>64</v>
      </c>
      <c r="DN10" s="102">
        <v>105</v>
      </c>
      <c r="DO10" s="102">
        <v>71</v>
      </c>
      <c r="DP10" s="102">
        <v>72</v>
      </c>
      <c r="DQ10" s="102">
        <v>47</v>
      </c>
      <c r="DR10" s="103">
        <v>359</v>
      </c>
      <c r="DS10" s="104">
        <v>525</v>
      </c>
      <c r="DT10" s="101">
        <v>212</v>
      </c>
      <c r="DU10" s="102">
        <v>291</v>
      </c>
      <c r="DV10" s="103">
        <v>503</v>
      </c>
      <c r="DW10" s="413">
        <v>0</v>
      </c>
      <c r="DX10" s="102">
        <v>180</v>
      </c>
      <c r="DY10" s="102">
        <v>254</v>
      </c>
      <c r="DZ10" s="102">
        <v>149</v>
      </c>
      <c r="EA10" s="102">
        <v>128</v>
      </c>
      <c r="EB10" s="102">
        <v>102</v>
      </c>
      <c r="EC10" s="103">
        <v>813</v>
      </c>
      <c r="ED10" s="104">
        <v>1316</v>
      </c>
      <c r="EE10" s="101">
        <v>554</v>
      </c>
      <c r="EF10" s="102">
        <v>709</v>
      </c>
      <c r="EG10" s="103">
        <v>1263</v>
      </c>
      <c r="EH10" s="413">
        <v>0</v>
      </c>
      <c r="EI10" s="102">
        <v>491</v>
      </c>
      <c r="EJ10" s="102">
        <v>553</v>
      </c>
      <c r="EK10" s="102">
        <v>337</v>
      </c>
      <c r="EL10" s="102">
        <v>344</v>
      </c>
      <c r="EM10" s="102">
        <v>235</v>
      </c>
      <c r="EN10" s="103">
        <v>1960</v>
      </c>
      <c r="EO10" s="104">
        <v>3223</v>
      </c>
      <c r="EP10" s="101">
        <v>1040</v>
      </c>
      <c r="EQ10" s="102">
        <v>1357</v>
      </c>
      <c r="ER10" s="103">
        <v>2397</v>
      </c>
      <c r="ES10" s="413">
        <v>0</v>
      </c>
      <c r="ET10" s="102">
        <v>1194</v>
      </c>
      <c r="EU10" s="102">
        <v>1080</v>
      </c>
      <c r="EV10" s="102">
        <v>797</v>
      </c>
      <c r="EW10" s="102">
        <v>587</v>
      </c>
      <c r="EX10" s="102">
        <v>387</v>
      </c>
      <c r="EY10" s="103">
        <v>4045</v>
      </c>
      <c r="EZ10" s="104">
        <v>6442</v>
      </c>
      <c r="FA10" s="101">
        <v>858</v>
      </c>
      <c r="FB10" s="102">
        <v>1178</v>
      </c>
      <c r="FC10" s="103">
        <v>2036</v>
      </c>
      <c r="FD10" s="413">
        <v>0</v>
      </c>
      <c r="FE10" s="102">
        <v>1201</v>
      </c>
      <c r="FF10" s="102">
        <v>1208</v>
      </c>
      <c r="FG10" s="102">
        <v>855</v>
      </c>
      <c r="FH10" s="102">
        <v>827</v>
      </c>
      <c r="FI10" s="102">
        <v>454</v>
      </c>
      <c r="FJ10" s="103">
        <v>4545</v>
      </c>
      <c r="FK10" s="104">
        <v>6581</v>
      </c>
      <c r="FL10" s="101">
        <v>415</v>
      </c>
      <c r="FM10" s="102">
        <v>715</v>
      </c>
      <c r="FN10" s="103">
        <v>1130</v>
      </c>
      <c r="FO10" s="413">
        <v>0</v>
      </c>
      <c r="FP10" s="102">
        <v>935</v>
      </c>
      <c r="FQ10" s="102">
        <v>1215</v>
      </c>
      <c r="FR10" s="102">
        <v>1164</v>
      </c>
      <c r="FS10" s="102">
        <v>1197</v>
      </c>
      <c r="FT10" s="102">
        <v>659</v>
      </c>
      <c r="FU10" s="103">
        <v>5170</v>
      </c>
      <c r="FV10" s="104">
        <v>6300</v>
      </c>
      <c r="FW10" s="101">
        <v>29</v>
      </c>
      <c r="FX10" s="102">
        <v>82</v>
      </c>
      <c r="FY10" s="103">
        <v>111</v>
      </c>
      <c r="FZ10" s="413">
        <v>0</v>
      </c>
      <c r="GA10" s="102">
        <v>53</v>
      </c>
      <c r="GB10" s="102">
        <v>87</v>
      </c>
      <c r="GC10" s="102">
        <v>58</v>
      </c>
      <c r="GD10" s="102">
        <v>53</v>
      </c>
      <c r="GE10" s="102">
        <v>50</v>
      </c>
      <c r="GF10" s="103">
        <v>301</v>
      </c>
      <c r="GG10" s="104">
        <v>412</v>
      </c>
      <c r="GH10" s="101">
        <v>3182</v>
      </c>
      <c r="GI10" s="102">
        <v>4424</v>
      </c>
      <c r="GJ10" s="103">
        <v>7606</v>
      </c>
      <c r="GK10" s="413">
        <v>0</v>
      </c>
      <c r="GL10" s="102">
        <v>4118</v>
      </c>
      <c r="GM10" s="102">
        <v>4502</v>
      </c>
      <c r="GN10" s="102">
        <v>3431</v>
      </c>
      <c r="GO10" s="102">
        <v>3208</v>
      </c>
      <c r="GP10" s="102">
        <v>1934</v>
      </c>
      <c r="GQ10" s="103">
        <v>17193</v>
      </c>
      <c r="GR10" s="104">
        <v>24799</v>
      </c>
      <c r="GS10" s="105">
        <v>4839</v>
      </c>
      <c r="GT10" s="97">
        <v>6397</v>
      </c>
      <c r="GU10" s="98">
        <v>11236</v>
      </c>
      <c r="GV10" s="413">
        <v>0</v>
      </c>
      <c r="GW10" s="97">
        <v>6440</v>
      </c>
      <c r="GX10" s="97">
        <v>7112</v>
      </c>
      <c r="GY10" s="97">
        <v>5338</v>
      </c>
      <c r="GZ10" s="97">
        <v>4702</v>
      </c>
      <c r="HA10" s="97">
        <v>2790</v>
      </c>
      <c r="HB10" s="99">
        <v>26382</v>
      </c>
      <c r="HC10" s="100">
        <v>37618</v>
      </c>
      <c r="HD10" s="101">
        <v>142</v>
      </c>
      <c r="HE10" s="102">
        <v>186</v>
      </c>
      <c r="HF10" s="103">
        <v>328</v>
      </c>
      <c r="HG10" s="416">
        <v>0</v>
      </c>
      <c r="HH10" s="102">
        <v>150</v>
      </c>
      <c r="HI10" s="102">
        <v>238</v>
      </c>
      <c r="HJ10" s="102">
        <v>163</v>
      </c>
      <c r="HK10" s="102">
        <v>169</v>
      </c>
      <c r="HL10" s="102">
        <v>105</v>
      </c>
      <c r="HM10" s="103">
        <v>825</v>
      </c>
      <c r="HN10" s="104">
        <v>1153</v>
      </c>
      <c r="HO10" s="101">
        <v>362</v>
      </c>
      <c r="HP10" s="102">
        <v>546</v>
      </c>
      <c r="HQ10" s="103">
        <v>908</v>
      </c>
      <c r="HR10" s="413">
        <v>0</v>
      </c>
      <c r="HS10" s="102">
        <v>368</v>
      </c>
      <c r="HT10" s="102">
        <v>496</v>
      </c>
      <c r="HU10" s="102">
        <v>338</v>
      </c>
      <c r="HV10" s="102">
        <v>282</v>
      </c>
      <c r="HW10" s="102">
        <v>224</v>
      </c>
      <c r="HX10" s="103">
        <v>1708</v>
      </c>
      <c r="HY10" s="104">
        <v>2616</v>
      </c>
      <c r="HZ10" s="101">
        <v>811</v>
      </c>
      <c r="IA10" s="102">
        <v>1081</v>
      </c>
      <c r="IB10" s="103">
        <v>1892</v>
      </c>
      <c r="IC10" s="413">
        <v>0</v>
      </c>
      <c r="ID10" s="102">
        <v>860</v>
      </c>
      <c r="IE10" s="102">
        <v>1005</v>
      </c>
      <c r="IF10" s="102">
        <v>659</v>
      </c>
      <c r="IG10" s="102">
        <v>627</v>
      </c>
      <c r="IH10" s="102">
        <v>403</v>
      </c>
      <c r="II10" s="103">
        <v>3554</v>
      </c>
      <c r="IJ10" s="104">
        <v>5446</v>
      </c>
      <c r="IK10" s="101">
        <v>1532</v>
      </c>
      <c r="IL10" s="102">
        <v>1914</v>
      </c>
      <c r="IM10" s="103">
        <v>3446</v>
      </c>
      <c r="IN10" s="413">
        <v>0</v>
      </c>
      <c r="IO10" s="102">
        <v>1852</v>
      </c>
      <c r="IP10" s="102">
        <v>1791</v>
      </c>
      <c r="IQ10" s="102">
        <v>1297</v>
      </c>
      <c r="IR10" s="102">
        <v>969</v>
      </c>
      <c r="IS10" s="102">
        <v>622</v>
      </c>
      <c r="IT10" s="103">
        <v>6531</v>
      </c>
      <c r="IU10" s="104">
        <v>9977</v>
      </c>
      <c r="IV10" s="101">
        <v>1347</v>
      </c>
      <c r="IW10" s="102">
        <v>1692</v>
      </c>
      <c r="IX10" s="103">
        <v>3039</v>
      </c>
      <c r="IY10" s="413">
        <v>0</v>
      </c>
      <c r="IZ10" s="102">
        <v>1874</v>
      </c>
      <c r="JA10" s="102">
        <v>1887</v>
      </c>
      <c r="JB10" s="102">
        <v>1350</v>
      </c>
      <c r="JC10" s="102">
        <v>1178</v>
      </c>
      <c r="JD10" s="102">
        <v>642</v>
      </c>
      <c r="JE10" s="103">
        <v>6931</v>
      </c>
      <c r="JF10" s="104">
        <v>9970</v>
      </c>
      <c r="JG10" s="101">
        <v>645</v>
      </c>
      <c r="JH10" s="102">
        <v>978</v>
      </c>
      <c r="JI10" s="103">
        <v>1623</v>
      </c>
      <c r="JJ10" s="413">
        <v>0</v>
      </c>
      <c r="JK10" s="102">
        <v>1336</v>
      </c>
      <c r="JL10" s="102">
        <v>1695</v>
      </c>
      <c r="JM10" s="102">
        <v>1531</v>
      </c>
      <c r="JN10" s="102">
        <v>1477</v>
      </c>
      <c r="JO10" s="102">
        <v>794</v>
      </c>
      <c r="JP10" s="103">
        <v>6833</v>
      </c>
      <c r="JQ10" s="104">
        <v>8456</v>
      </c>
      <c r="JR10" s="101">
        <v>68</v>
      </c>
      <c r="JS10" s="102">
        <v>178</v>
      </c>
      <c r="JT10" s="103">
        <v>246</v>
      </c>
      <c r="JU10" s="413">
        <v>0</v>
      </c>
      <c r="JV10" s="102">
        <v>97</v>
      </c>
      <c r="JW10" s="102">
        <v>228</v>
      </c>
      <c r="JX10" s="102">
        <v>135</v>
      </c>
      <c r="JY10" s="102">
        <v>134</v>
      </c>
      <c r="JZ10" s="102">
        <v>111</v>
      </c>
      <c r="KA10" s="103">
        <v>705</v>
      </c>
      <c r="KB10" s="104">
        <v>951</v>
      </c>
      <c r="KC10" s="101">
        <v>4907</v>
      </c>
      <c r="KD10" s="102">
        <v>6575</v>
      </c>
      <c r="KE10" s="103">
        <v>11482</v>
      </c>
      <c r="KF10" s="413">
        <v>0</v>
      </c>
      <c r="KG10" s="102">
        <v>6537</v>
      </c>
      <c r="KH10" s="102">
        <v>7340</v>
      </c>
      <c r="KI10" s="102">
        <v>5473</v>
      </c>
      <c r="KJ10" s="102">
        <v>4836</v>
      </c>
      <c r="KK10" s="102">
        <v>2901</v>
      </c>
      <c r="KL10" s="103">
        <v>27087</v>
      </c>
      <c r="KM10" s="104">
        <v>38569</v>
      </c>
    </row>
    <row r="11" spans="2:299" s="70" customFormat="1" ht="21" customHeight="1" x14ac:dyDescent="0.2">
      <c r="B11" s="106" t="s">
        <v>7</v>
      </c>
      <c r="C11" s="96">
        <v>1084</v>
      </c>
      <c r="D11" s="97">
        <v>831</v>
      </c>
      <c r="E11" s="98">
        <v>1915</v>
      </c>
      <c r="F11" s="413">
        <v>0</v>
      </c>
      <c r="G11" s="97">
        <v>2437</v>
      </c>
      <c r="H11" s="97">
        <v>1509</v>
      </c>
      <c r="I11" s="97">
        <v>932</v>
      </c>
      <c r="J11" s="97">
        <v>865</v>
      </c>
      <c r="K11" s="97">
        <v>476</v>
      </c>
      <c r="L11" s="99">
        <v>6219</v>
      </c>
      <c r="M11" s="100">
        <v>8134</v>
      </c>
      <c r="N11" s="101">
        <v>48</v>
      </c>
      <c r="O11" s="102">
        <v>24</v>
      </c>
      <c r="P11" s="103">
        <v>72</v>
      </c>
      <c r="Q11" s="413">
        <v>0</v>
      </c>
      <c r="R11" s="102">
        <v>94</v>
      </c>
      <c r="S11" s="102">
        <v>72</v>
      </c>
      <c r="T11" s="102">
        <v>37</v>
      </c>
      <c r="U11" s="102">
        <v>39</v>
      </c>
      <c r="V11" s="102">
        <v>31</v>
      </c>
      <c r="W11" s="103">
        <v>273</v>
      </c>
      <c r="X11" s="104">
        <v>345</v>
      </c>
      <c r="Y11" s="101">
        <v>61</v>
      </c>
      <c r="Z11" s="102">
        <v>73</v>
      </c>
      <c r="AA11" s="103">
        <v>134</v>
      </c>
      <c r="AB11" s="413">
        <v>0</v>
      </c>
      <c r="AC11" s="102">
        <v>216</v>
      </c>
      <c r="AD11" s="102">
        <v>139</v>
      </c>
      <c r="AE11" s="102">
        <v>73</v>
      </c>
      <c r="AF11" s="102">
        <v>79</v>
      </c>
      <c r="AG11" s="102">
        <v>57</v>
      </c>
      <c r="AH11" s="103">
        <v>564</v>
      </c>
      <c r="AI11" s="104">
        <v>698</v>
      </c>
      <c r="AJ11" s="101">
        <v>164</v>
      </c>
      <c r="AK11" s="102">
        <v>124</v>
      </c>
      <c r="AL11" s="103">
        <v>288</v>
      </c>
      <c r="AM11" s="413">
        <v>0</v>
      </c>
      <c r="AN11" s="102">
        <v>383</v>
      </c>
      <c r="AO11" s="102">
        <v>243</v>
      </c>
      <c r="AP11" s="102">
        <v>155</v>
      </c>
      <c r="AQ11" s="102">
        <v>150</v>
      </c>
      <c r="AR11" s="102">
        <v>91</v>
      </c>
      <c r="AS11" s="103">
        <v>1022</v>
      </c>
      <c r="AT11" s="104">
        <v>1310</v>
      </c>
      <c r="AU11" s="101">
        <v>303</v>
      </c>
      <c r="AV11" s="102">
        <v>230</v>
      </c>
      <c r="AW11" s="103">
        <v>533</v>
      </c>
      <c r="AX11" s="413">
        <v>0</v>
      </c>
      <c r="AY11" s="102">
        <v>644</v>
      </c>
      <c r="AZ11" s="102">
        <v>366</v>
      </c>
      <c r="BA11" s="102">
        <v>231</v>
      </c>
      <c r="BB11" s="102">
        <v>193</v>
      </c>
      <c r="BC11" s="102">
        <v>120</v>
      </c>
      <c r="BD11" s="103">
        <v>1554</v>
      </c>
      <c r="BE11" s="104">
        <v>2087</v>
      </c>
      <c r="BF11" s="101">
        <v>312</v>
      </c>
      <c r="BG11" s="102">
        <v>228</v>
      </c>
      <c r="BH11" s="103">
        <v>540</v>
      </c>
      <c r="BI11" s="413">
        <v>0</v>
      </c>
      <c r="BJ11" s="102">
        <v>645</v>
      </c>
      <c r="BK11" s="102">
        <v>379</v>
      </c>
      <c r="BL11" s="102">
        <v>240</v>
      </c>
      <c r="BM11" s="102">
        <v>224</v>
      </c>
      <c r="BN11" s="102">
        <v>99</v>
      </c>
      <c r="BO11" s="103">
        <v>1587</v>
      </c>
      <c r="BP11" s="104">
        <v>2127</v>
      </c>
      <c r="BQ11" s="101">
        <v>196</v>
      </c>
      <c r="BR11" s="102">
        <v>152</v>
      </c>
      <c r="BS11" s="103">
        <v>348</v>
      </c>
      <c r="BT11" s="413">
        <v>0</v>
      </c>
      <c r="BU11" s="102">
        <v>455</v>
      </c>
      <c r="BV11" s="102">
        <v>310</v>
      </c>
      <c r="BW11" s="102">
        <v>196</v>
      </c>
      <c r="BX11" s="102">
        <v>180</v>
      </c>
      <c r="BY11" s="102">
        <v>78</v>
      </c>
      <c r="BZ11" s="103">
        <v>1219</v>
      </c>
      <c r="CA11" s="104">
        <v>1567</v>
      </c>
      <c r="CB11" s="101">
        <v>20</v>
      </c>
      <c r="CC11" s="102">
        <v>24</v>
      </c>
      <c r="CD11" s="103">
        <v>44</v>
      </c>
      <c r="CE11" s="413">
        <v>0</v>
      </c>
      <c r="CF11" s="102">
        <v>79</v>
      </c>
      <c r="CG11" s="102">
        <v>57</v>
      </c>
      <c r="CH11" s="102">
        <v>38</v>
      </c>
      <c r="CI11" s="102">
        <v>33</v>
      </c>
      <c r="CJ11" s="102">
        <v>23</v>
      </c>
      <c r="CK11" s="103">
        <v>230</v>
      </c>
      <c r="CL11" s="104">
        <v>274</v>
      </c>
      <c r="CM11" s="101">
        <v>1104</v>
      </c>
      <c r="CN11" s="102">
        <v>855</v>
      </c>
      <c r="CO11" s="103">
        <v>1959</v>
      </c>
      <c r="CP11" s="413">
        <v>0</v>
      </c>
      <c r="CQ11" s="102">
        <v>2516</v>
      </c>
      <c r="CR11" s="102">
        <v>1566</v>
      </c>
      <c r="CS11" s="102">
        <v>970</v>
      </c>
      <c r="CT11" s="102">
        <v>898</v>
      </c>
      <c r="CU11" s="102">
        <v>499</v>
      </c>
      <c r="CV11" s="103">
        <v>6449</v>
      </c>
      <c r="CW11" s="104">
        <v>8408</v>
      </c>
      <c r="CX11" s="105">
        <v>2076</v>
      </c>
      <c r="CY11" s="97">
        <v>2241</v>
      </c>
      <c r="CZ11" s="98">
        <v>4317</v>
      </c>
      <c r="DA11" s="413">
        <v>0</v>
      </c>
      <c r="DB11" s="97">
        <v>4411</v>
      </c>
      <c r="DC11" s="97">
        <v>2606</v>
      </c>
      <c r="DD11" s="97">
        <v>2052</v>
      </c>
      <c r="DE11" s="97">
        <v>2072</v>
      </c>
      <c r="DF11" s="97">
        <v>1157</v>
      </c>
      <c r="DG11" s="99">
        <v>12298</v>
      </c>
      <c r="DH11" s="100">
        <v>16615</v>
      </c>
      <c r="DI11" s="101">
        <v>40</v>
      </c>
      <c r="DJ11" s="102">
        <v>31</v>
      </c>
      <c r="DK11" s="103">
        <v>71</v>
      </c>
      <c r="DL11" s="413">
        <v>0</v>
      </c>
      <c r="DM11" s="102">
        <v>82</v>
      </c>
      <c r="DN11" s="102">
        <v>53</v>
      </c>
      <c r="DO11" s="102">
        <v>37</v>
      </c>
      <c r="DP11" s="102">
        <v>29</v>
      </c>
      <c r="DQ11" s="102">
        <v>33</v>
      </c>
      <c r="DR11" s="103">
        <v>234</v>
      </c>
      <c r="DS11" s="104">
        <v>305</v>
      </c>
      <c r="DT11" s="101">
        <v>115</v>
      </c>
      <c r="DU11" s="102">
        <v>109</v>
      </c>
      <c r="DV11" s="103">
        <v>224</v>
      </c>
      <c r="DW11" s="413">
        <v>0</v>
      </c>
      <c r="DX11" s="102">
        <v>201</v>
      </c>
      <c r="DY11" s="102">
        <v>118</v>
      </c>
      <c r="DZ11" s="102">
        <v>72</v>
      </c>
      <c r="EA11" s="102">
        <v>87</v>
      </c>
      <c r="EB11" s="102">
        <v>48</v>
      </c>
      <c r="EC11" s="103">
        <v>526</v>
      </c>
      <c r="ED11" s="104">
        <v>750</v>
      </c>
      <c r="EE11" s="101">
        <v>327</v>
      </c>
      <c r="EF11" s="102">
        <v>306</v>
      </c>
      <c r="EG11" s="103">
        <v>633</v>
      </c>
      <c r="EH11" s="413">
        <v>0</v>
      </c>
      <c r="EI11" s="102">
        <v>520</v>
      </c>
      <c r="EJ11" s="102">
        <v>273</v>
      </c>
      <c r="EK11" s="102">
        <v>182</v>
      </c>
      <c r="EL11" s="102">
        <v>196</v>
      </c>
      <c r="EM11" s="102">
        <v>124</v>
      </c>
      <c r="EN11" s="103">
        <v>1295</v>
      </c>
      <c r="EO11" s="104">
        <v>1928</v>
      </c>
      <c r="EP11" s="101">
        <v>621</v>
      </c>
      <c r="EQ11" s="102">
        <v>652</v>
      </c>
      <c r="ER11" s="103">
        <v>1273</v>
      </c>
      <c r="ES11" s="413">
        <v>0</v>
      </c>
      <c r="ET11" s="102">
        <v>1041</v>
      </c>
      <c r="EU11" s="102">
        <v>596</v>
      </c>
      <c r="EV11" s="102">
        <v>378</v>
      </c>
      <c r="EW11" s="102">
        <v>376</v>
      </c>
      <c r="EX11" s="102">
        <v>228</v>
      </c>
      <c r="EY11" s="103">
        <v>2619</v>
      </c>
      <c r="EZ11" s="104">
        <v>3892</v>
      </c>
      <c r="FA11" s="101">
        <v>636</v>
      </c>
      <c r="FB11" s="102">
        <v>686</v>
      </c>
      <c r="FC11" s="103">
        <v>1322</v>
      </c>
      <c r="FD11" s="413">
        <v>0</v>
      </c>
      <c r="FE11" s="102">
        <v>1302</v>
      </c>
      <c r="FF11" s="102">
        <v>685</v>
      </c>
      <c r="FG11" s="102">
        <v>542</v>
      </c>
      <c r="FH11" s="102">
        <v>522</v>
      </c>
      <c r="FI11" s="102">
        <v>276</v>
      </c>
      <c r="FJ11" s="103">
        <v>3327</v>
      </c>
      <c r="FK11" s="104">
        <v>4649</v>
      </c>
      <c r="FL11" s="101">
        <v>337</v>
      </c>
      <c r="FM11" s="102">
        <v>457</v>
      </c>
      <c r="FN11" s="103">
        <v>794</v>
      </c>
      <c r="FO11" s="413">
        <v>0</v>
      </c>
      <c r="FP11" s="102">
        <v>1265</v>
      </c>
      <c r="FQ11" s="102">
        <v>881</v>
      </c>
      <c r="FR11" s="102">
        <v>841</v>
      </c>
      <c r="FS11" s="102">
        <v>862</v>
      </c>
      <c r="FT11" s="102">
        <v>448</v>
      </c>
      <c r="FU11" s="103">
        <v>4297</v>
      </c>
      <c r="FV11" s="104">
        <v>5091</v>
      </c>
      <c r="FW11" s="101">
        <v>10</v>
      </c>
      <c r="FX11" s="102">
        <v>25</v>
      </c>
      <c r="FY11" s="103">
        <v>35</v>
      </c>
      <c r="FZ11" s="413">
        <v>0</v>
      </c>
      <c r="GA11" s="102">
        <v>66</v>
      </c>
      <c r="GB11" s="102">
        <v>48</v>
      </c>
      <c r="GC11" s="102">
        <v>31</v>
      </c>
      <c r="GD11" s="102">
        <v>37</v>
      </c>
      <c r="GE11" s="102">
        <v>22</v>
      </c>
      <c r="GF11" s="103">
        <v>204</v>
      </c>
      <c r="GG11" s="104">
        <v>239</v>
      </c>
      <c r="GH11" s="101">
        <v>2086</v>
      </c>
      <c r="GI11" s="102">
        <v>2266</v>
      </c>
      <c r="GJ11" s="103">
        <v>4352</v>
      </c>
      <c r="GK11" s="413">
        <v>0</v>
      </c>
      <c r="GL11" s="102">
        <v>4477</v>
      </c>
      <c r="GM11" s="102">
        <v>2654</v>
      </c>
      <c r="GN11" s="102">
        <v>2083</v>
      </c>
      <c r="GO11" s="102">
        <v>2109</v>
      </c>
      <c r="GP11" s="102">
        <v>1179</v>
      </c>
      <c r="GQ11" s="103">
        <v>12502</v>
      </c>
      <c r="GR11" s="104">
        <v>16854</v>
      </c>
      <c r="GS11" s="105">
        <v>3160</v>
      </c>
      <c r="GT11" s="97">
        <v>3072</v>
      </c>
      <c r="GU11" s="98">
        <v>6232</v>
      </c>
      <c r="GV11" s="413">
        <v>0</v>
      </c>
      <c r="GW11" s="97">
        <v>6848</v>
      </c>
      <c r="GX11" s="97">
        <v>4115</v>
      </c>
      <c r="GY11" s="97">
        <v>2984</v>
      </c>
      <c r="GZ11" s="97">
        <v>2937</v>
      </c>
      <c r="HA11" s="97">
        <v>1633</v>
      </c>
      <c r="HB11" s="99">
        <v>18517</v>
      </c>
      <c r="HC11" s="100">
        <v>24749</v>
      </c>
      <c r="HD11" s="101">
        <v>88</v>
      </c>
      <c r="HE11" s="102">
        <v>55</v>
      </c>
      <c r="HF11" s="103">
        <v>143</v>
      </c>
      <c r="HG11" s="416">
        <v>0</v>
      </c>
      <c r="HH11" s="102">
        <v>176</v>
      </c>
      <c r="HI11" s="102">
        <v>125</v>
      </c>
      <c r="HJ11" s="102">
        <v>74</v>
      </c>
      <c r="HK11" s="102">
        <v>68</v>
      </c>
      <c r="HL11" s="102">
        <v>64</v>
      </c>
      <c r="HM11" s="103">
        <v>507</v>
      </c>
      <c r="HN11" s="104">
        <v>650</v>
      </c>
      <c r="HO11" s="101">
        <v>176</v>
      </c>
      <c r="HP11" s="102">
        <v>182</v>
      </c>
      <c r="HQ11" s="103">
        <v>358</v>
      </c>
      <c r="HR11" s="413">
        <v>0</v>
      </c>
      <c r="HS11" s="102">
        <v>417</v>
      </c>
      <c r="HT11" s="102">
        <v>257</v>
      </c>
      <c r="HU11" s="102">
        <v>145</v>
      </c>
      <c r="HV11" s="102">
        <v>166</v>
      </c>
      <c r="HW11" s="102">
        <v>105</v>
      </c>
      <c r="HX11" s="103">
        <v>1090</v>
      </c>
      <c r="HY11" s="104">
        <v>1448</v>
      </c>
      <c r="HZ11" s="101">
        <v>491</v>
      </c>
      <c r="IA11" s="102">
        <v>430</v>
      </c>
      <c r="IB11" s="103">
        <v>921</v>
      </c>
      <c r="IC11" s="413">
        <v>0</v>
      </c>
      <c r="ID11" s="102">
        <v>903</v>
      </c>
      <c r="IE11" s="102">
        <v>516</v>
      </c>
      <c r="IF11" s="102">
        <v>337</v>
      </c>
      <c r="IG11" s="102">
        <v>346</v>
      </c>
      <c r="IH11" s="102">
        <v>215</v>
      </c>
      <c r="II11" s="103">
        <v>2317</v>
      </c>
      <c r="IJ11" s="104">
        <v>3238</v>
      </c>
      <c r="IK11" s="101">
        <v>924</v>
      </c>
      <c r="IL11" s="102">
        <v>882</v>
      </c>
      <c r="IM11" s="103">
        <v>1806</v>
      </c>
      <c r="IN11" s="413">
        <v>0</v>
      </c>
      <c r="IO11" s="102">
        <v>1685</v>
      </c>
      <c r="IP11" s="102">
        <v>962</v>
      </c>
      <c r="IQ11" s="102">
        <v>609</v>
      </c>
      <c r="IR11" s="102">
        <v>569</v>
      </c>
      <c r="IS11" s="102">
        <v>348</v>
      </c>
      <c r="IT11" s="103">
        <v>4173</v>
      </c>
      <c r="IU11" s="104">
        <v>5979</v>
      </c>
      <c r="IV11" s="101">
        <v>948</v>
      </c>
      <c r="IW11" s="102">
        <v>914</v>
      </c>
      <c r="IX11" s="103">
        <v>1862</v>
      </c>
      <c r="IY11" s="413">
        <v>0</v>
      </c>
      <c r="IZ11" s="102">
        <v>1947</v>
      </c>
      <c r="JA11" s="102">
        <v>1064</v>
      </c>
      <c r="JB11" s="102">
        <v>782</v>
      </c>
      <c r="JC11" s="102">
        <v>746</v>
      </c>
      <c r="JD11" s="102">
        <v>375</v>
      </c>
      <c r="JE11" s="103">
        <v>4914</v>
      </c>
      <c r="JF11" s="104">
        <v>6776</v>
      </c>
      <c r="JG11" s="101">
        <v>533</v>
      </c>
      <c r="JH11" s="102">
        <v>609</v>
      </c>
      <c r="JI11" s="103">
        <v>1142</v>
      </c>
      <c r="JJ11" s="413">
        <v>0</v>
      </c>
      <c r="JK11" s="102">
        <v>1720</v>
      </c>
      <c r="JL11" s="102">
        <v>1191</v>
      </c>
      <c r="JM11" s="102">
        <v>1037</v>
      </c>
      <c r="JN11" s="102">
        <v>1042</v>
      </c>
      <c r="JO11" s="102">
        <v>526</v>
      </c>
      <c r="JP11" s="103">
        <v>5516</v>
      </c>
      <c r="JQ11" s="104">
        <v>6658</v>
      </c>
      <c r="JR11" s="101">
        <v>30</v>
      </c>
      <c r="JS11" s="102">
        <v>49</v>
      </c>
      <c r="JT11" s="103">
        <v>79</v>
      </c>
      <c r="JU11" s="413">
        <v>0</v>
      </c>
      <c r="JV11" s="102">
        <v>145</v>
      </c>
      <c r="JW11" s="102">
        <v>105</v>
      </c>
      <c r="JX11" s="102">
        <v>69</v>
      </c>
      <c r="JY11" s="102">
        <v>70</v>
      </c>
      <c r="JZ11" s="102">
        <v>45</v>
      </c>
      <c r="KA11" s="103">
        <v>434</v>
      </c>
      <c r="KB11" s="104">
        <v>513</v>
      </c>
      <c r="KC11" s="101">
        <v>3190</v>
      </c>
      <c r="KD11" s="102">
        <v>3121</v>
      </c>
      <c r="KE11" s="103">
        <v>6311</v>
      </c>
      <c r="KF11" s="413">
        <v>0</v>
      </c>
      <c r="KG11" s="102">
        <v>6993</v>
      </c>
      <c r="KH11" s="102">
        <v>4220</v>
      </c>
      <c r="KI11" s="102">
        <v>3053</v>
      </c>
      <c r="KJ11" s="102">
        <v>3007</v>
      </c>
      <c r="KK11" s="102">
        <v>1678</v>
      </c>
      <c r="KL11" s="103">
        <v>18951</v>
      </c>
      <c r="KM11" s="104">
        <v>25262</v>
      </c>
    </row>
    <row r="12" spans="2:299" s="70" customFormat="1" ht="21" customHeight="1" x14ac:dyDescent="0.2">
      <c r="B12" s="106" t="s">
        <v>8</v>
      </c>
      <c r="C12" s="96">
        <v>559</v>
      </c>
      <c r="D12" s="97">
        <v>403</v>
      </c>
      <c r="E12" s="98">
        <v>962</v>
      </c>
      <c r="F12" s="413">
        <v>0</v>
      </c>
      <c r="G12" s="97">
        <v>1032</v>
      </c>
      <c r="H12" s="97">
        <v>955</v>
      </c>
      <c r="I12" s="97">
        <v>655</v>
      </c>
      <c r="J12" s="97">
        <v>523</v>
      </c>
      <c r="K12" s="97">
        <v>285</v>
      </c>
      <c r="L12" s="99">
        <v>3450</v>
      </c>
      <c r="M12" s="100">
        <v>4412</v>
      </c>
      <c r="N12" s="101">
        <v>14</v>
      </c>
      <c r="O12" s="102">
        <v>29</v>
      </c>
      <c r="P12" s="103">
        <v>43</v>
      </c>
      <c r="Q12" s="413">
        <v>0</v>
      </c>
      <c r="R12" s="102">
        <v>44</v>
      </c>
      <c r="S12" s="102">
        <v>49</v>
      </c>
      <c r="T12" s="102">
        <v>34</v>
      </c>
      <c r="U12" s="102">
        <v>31</v>
      </c>
      <c r="V12" s="102">
        <v>24</v>
      </c>
      <c r="W12" s="103">
        <v>182</v>
      </c>
      <c r="X12" s="104">
        <v>225</v>
      </c>
      <c r="Y12" s="101">
        <v>49</v>
      </c>
      <c r="Z12" s="102">
        <v>44</v>
      </c>
      <c r="AA12" s="103">
        <v>93</v>
      </c>
      <c r="AB12" s="413">
        <v>0</v>
      </c>
      <c r="AC12" s="102">
        <v>99</v>
      </c>
      <c r="AD12" s="102">
        <v>99</v>
      </c>
      <c r="AE12" s="102">
        <v>53</v>
      </c>
      <c r="AF12" s="102">
        <v>65</v>
      </c>
      <c r="AG12" s="102">
        <v>46</v>
      </c>
      <c r="AH12" s="103">
        <v>362</v>
      </c>
      <c r="AI12" s="104">
        <v>455</v>
      </c>
      <c r="AJ12" s="101">
        <v>100</v>
      </c>
      <c r="AK12" s="102">
        <v>74</v>
      </c>
      <c r="AL12" s="103">
        <v>174</v>
      </c>
      <c r="AM12" s="413">
        <v>0</v>
      </c>
      <c r="AN12" s="102">
        <v>189</v>
      </c>
      <c r="AO12" s="102">
        <v>172</v>
      </c>
      <c r="AP12" s="102">
        <v>113</v>
      </c>
      <c r="AQ12" s="102">
        <v>92</v>
      </c>
      <c r="AR12" s="102">
        <v>47</v>
      </c>
      <c r="AS12" s="103">
        <v>613</v>
      </c>
      <c r="AT12" s="104">
        <v>787</v>
      </c>
      <c r="AU12" s="101">
        <v>157</v>
      </c>
      <c r="AV12" s="102">
        <v>93</v>
      </c>
      <c r="AW12" s="103">
        <v>250</v>
      </c>
      <c r="AX12" s="413">
        <v>0</v>
      </c>
      <c r="AY12" s="102">
        <v>275</v>
      </c>
      <c r="AZ12" s="102">
        <v>261</v>
      </c>
      <c r="BA12" s="102">
        <v>152</v>
      </c>
      <c r="BB12" s="102">
        <v>129</v>
      </c>
      <c r="BC12" s="102">
        <v>59</v>
      </c>
      <c r="BD12" s="103">
        <v>876</v>
      </c>
      <c r="BE12" s="104">
        <v>1126</v>
      </c>
      <c r="BF12" s="101">
        <v>151</v>
      </c>
      <c r="BG12" s="102">
        <v>98</v>
      </c>
      <c r="BH12" s="103">
        <v>249</v>
      </c>
      <c r="BI12" s="413">
        <v>0</v>
      </c>
      <c r="BJ12" s="102">
        <v>245</v>
      </c>
      <c r="BK12" s="102">
        <v>212</v>
      </c>
      <c r="BL12" s="102">
        <v>174</v>
      </c>
      <c r="BM12" s="102">
        <v>108</v>
      </c>
      <c r="BN12" s="102">
        <v>68</v>
      </c>
      <c r="BO12" s="103">
        <v>807</v>
      </c>
      <c r="BP12" s="104">
        <v>1056</v>
      </c>
      <c r="BQ12" s="101">
        <v>88</v>
      </c>
      <c r="BR12" s="102">
        <v>65</v>
      </c>
      <c r="BS12" s="103">
        <v>153</v>
      </c>
      <c r="BT12" s="413">
        <v>0</v>
      </c>
      <c r="BU12" s="102">
        <v>180</v>
      </c>
      <c r="BV12" s="102">
        <v>162</v>
      </c>
      <c r="BW12" s="102">
        <v>129</v>
      </c>
      <c r="BX12" s="102">
        <v>98</v>
      </c>
      <c r="BY12" s="102">
        <v>41</v>
      </c>
      <c r="BZ12" s="103">
        <v>610</v>
      </c>
      <c r="CA12" s="104">
        <v>763</v>
      </c>
      <c r="CB12" s="101">
        <v>15</v>
      </c>
      <c r="CC12" s="102">
        <v>19</v>
      </c>
      <c r="CD12" s="103">
        <v>34</v>
      </c>
      <c r="CE12" s="413">
        <v>0</v>
      </c>
      <c r="CF12" s="102">
        <v>35</v>
      </c>
      <c r="CG12" s="102">
        <v>52</v>
      </c>
      <c r="CH12" s="102">
        <v>26</v>
      </c>
      <c r="CI12" s="102">
        <v>16</v>
      </c>
      <c r="CJ12" s="102">
        <v>18</v>
      </c>
      <c r="CK12" s="103">
        <v>147</v>
      </c>
      <c r="CL12" s="104">
        <v>181</v>
      </c>
      <c r="CM12" s="101">
        <v>574</v>
      </c>
      <c r="CN12" s="102">
        <v>422</v>
      </c>
      <c r="CO12" s="103">
        <v>996</v>
      </c>
      <c r="CP12" s="413">
        <v>0</v>
      </c>
      <c r="CQ12" s="102">
        <v>1067</v>
      </c>
      <c r="CR12" s="102">
        <v>1007</v>
      </c>
      <c r="CS12" s="102">
        <v>681</v>
      </c>
      <c r="CT12" s="102">
        <v>539</v>
      </c>
      <c r="CU12" s="102">
        <v>303</v>
      </c>
      <c r="CV12" s="103">
        <v>3597</v>
      </c>
      <c r="CW12" s="104">
        <v>4593</v>
      </c>
      <c r="CX12" s="105">
        <v>1211</v>
      </c>
      <c r="CY12" s="97">
        <v>1044</v>
      </c>
      <c r="CZ12" s="98">
        <v>2255</v>
      </c>
      <c r="DA12" s="413">
        <v>0</v>
      </c>
      <c r="DB12" s="97">
        <v>1894</v>
      </c>
      <c r="DC12" s="97">
        <v>1621</v>
      </c>
      <c r="DD12" s="97">
        <v>1311</v>
      </c>
      <c r="DE12" s="97">
        <v>1150</v>
      </c>
      <c r="DF12" s="97">
        <v>744</v>
      </c>
      <c r="DG12" s="99">
        <v>6720</v>
      </c>
      <c r="DH12" s="100">
        <v>8975</v>
      </c>
      <c r="DI12" s="101">
        <v>29</v>
      </c>
      <c r="DJ12" s="102">
        <v>25</v>
      </c>
      <c r="DK12" s="103">
        <v>54</v>
      </c>
      <c r="DL12" s="413">
        <v>0</v>
      </c>
      <c r="DM12" s="102">
        <v>37</v>
      </c>
      <c r="DN12" s="102">
        <v>39</v>
      </c>
      <c r="DO12" s="102">
        <v>15</v>
      </c>
      <c r="DP12" s="102">
        <v>25</v>
      </c>
      <c r="DQ12" s="102">
        <v>19</v>
      </c>
      <c r="DR12" s="103">
        <v>135</v>
      </c>
      <c r="DS12" s="104">
        <v>189</v>
      </c>
      <c r="DT12" s="101">
        <v>82</v>
      </c>
      <c r="DU12" s="102">
        <v>58</v>
      </c>
      <c r="DV12" s="103">
        <v>140</v>
      </c>
      <c r="DW12" s="413">
        <v>0</v>
      </c>
      <c r="DX12" s="102">
        <v>101</v>
      </c>
      <c r="DY12" s="102">
        <v>91</v>
      </c>
      <c r="DZ12" s="102">
        <v>44</v>
      </c>
      <c r="EA12" s="102">
        <v>57</v>
      </c>
      <c r="EB12" s="102">
        <v>41</v>
      </c>
      <c r="EC12" s="103">
        <v>334</v>
      </c>
      <c r="ED12" s="104">
        <v>474</v>
      </c>
      <c r="EE12" s="101">
        <v>175</v>
      </c>
      <c r="EF12" s="102">
        <v>158</v>
      </c>
      <c r="EG12" s="103">
        <v>333</v>
      </c>
      <c r="EH12" s="413">
        <v>0</v>
      </c>
      <c r="EI12" s="102">
        <v>244</v>
      </c>
      <c r="EJ12" s="102">
        <v>160</v>
      </c>
      <c r="EK12" s="102">
        <v>114</v>
      </c>
      <c r="EL12" s="102">
        <v>113</v>
      </c>
      <c r="EM12" s="102">
        <v>71</v>
      </c>
      <c r="EN12" s="103">
        <v>702</v>
      </c>
      <c r="EO12" s="104">
        <v>1035</v>
      </c>
      <c r="EP12" s="101">
        <v>385</v>
      </c>
      <c r="EQ12" s="102">
        <v>299</v>
      </c>
      <c r="ER12" s="103">
        <v>684</v>
      </c>
      <c r="ES12" s="413">
        <v>0</v>
      </c>
      <c r="ET12" s="102">
        <v>500</v>
      </c>
      <c r="EU12" s="102">
        <v>335</v>
      </c>
      <c r="EV12" s="102">
        <v>262</v>
      </c>
      <c r="EW12" s="102">
        <v>217</v>
      </c>
      <c r="EX12" s="102">
        <v>150</v>
      </c>
      <c r="EY12" s="103">
        <v>1464</v>
      </c>
      <c r="EZ12" s="104">
        <v>2148</v>
      </c>
      <c r="FA12" s="101">
        <v>359</v>
      </c>
      <c r="FB12" s="102">
        <v>298</v>
      </c>
      <c r="FC12" s="103">
        <v>657</v>
      </c>
      <c r="FD12" s="413">
        <v>0</v>
      </c>
      <c r="FE12" s="102">
        <v>546</v>
      </c>
      <c r="FF12" s="102">
        <v>456</v>
      </c>
      <c r="FG12" s="102">
        <v>357</v>
      </c>
      <c r="FH12" s="102">
        <v>278</v>
      </c>
      <c r="FI12" s="102">
        <v>185</v>
      </c>
      <c r="FJ12" s="103">
        <v>1822</v>
      </c>
      <c r="FK12" s="104">
        <v>2479</v>
      </c>
      <c r="FL12" s="101">
        <v>181</v>
      </c>
      <c r="FM12" s="102">
        <v>206</v>
      </c>
      <c r="FN12" s="103">
        <v>387</v>
      </c>
      <c r="FO12" s="413">
        <v>0</v>
      </c>
      <c r="FP12" s="102">
        <v>466</v>
      </c>
      <c r="FQ12" s="102">
        <v>540</v>
      </c>
      <c r="FR12" s="102">
        <v>519</v>
      </c>
      <c r="FS12" s="102">
        <v>460</v>
      </c>
      <c r="FT12" s="102">
        <v>278</v>
      </c>
      <c r="FU12" s="103">
        <v>2263</v>
      </c>
      <c r="FV12" s="104">
        <v>2650</v>
      </c>
      <c r="FW12" s="101">
        <v>7</v>
      </c>
      <c r="FX12" s="102">
        <v>18</v>
      </c>
      <c r="FY12" s="103">
        <v>25</v>
      </c>
      <c r="FZ12" s="413">
        <v>0</v>
      </c>
      <c r="GA12" s="102">
        <v>29</v>
      </c>
      <c r="GB12" s="102">
        <v>36</v>
      </c>
      <c r="GC12" s="102">
        <v>20</v>
      </c>
      <c r="GD12" s="102">
        <v>19</v>
      </c>
      <c r="GE12" s="102">
        <v>13</v>
      </c>
      <c r="GF12" s="103">
        <v>117</v>
      </c>
      <c r="GG12" s="104">
        <v>142</v>
      </c>
      <c r="GH12" s="101">
        <v>1218</v>
      </c>
      <c r="GI12" s="102">
        <v>1062</v>
      </c>
      <c r="GJ12" s="103">
        <v>2280</v>
      </c>
      <c r="GK12" s="413">
        <v>0</v>
      </c>
      <c r="GL12" s="102">
        <v>1923</v>
      </c>
      <c r="GM12" s="102">
        <v>1657</v>
      </c>
      <c r="GN12" s="102">
        <v>1331</v>
      </c>
      <c r="GO12" s="102">
        <v>1169</v>
      </c>
      <c r="GP12" s="102">
        <v>757</v>
      </c>
      <c r="GQ12" s="103">
        <v>6837</v>
      </c>
      <c r="GR12" s="104">
        <v>9117</v>
      </c>
      <c r="GS12" s="105">
        <v>1770</v>
      </c>
      <c r="GT12" s="97">
        <v>1447</v>
      </c>
      <c r="GU12" s="98">
        <v>3217</v>
      </c>
      <c r="GV12" s="413">
        <v>0</v>
      </c>
      <c r="GW12" s="97">
        <v>2926</v>
      </c>
      <c r="GX12" s="97">
        <v>2576</v>
      </c>
      <c r="GY12" s="97">
        <v>1966</v>
      </c>
      <c r="GZ12" s="97">
        <v>1673</v>
      </c>
      <c r="HA12" s="97">
        <v>1029</v>
      </c>
      <c r="HB12" s="99">
        <v>10170</v>
      </c>
      <c r="HC12" s="100">
        <v>13387</v>
      </c>
      <c r="HD12" s="101">
        <v>43</v>
      </c>
      <c r="HE12" s="102">
        <v>54</v>
      </c>
      <c r="HF12" s="103">
        <v>97</v>
      </c>
      <c r="HG12" s="416">
        <v>0</v>
      </c>
      <c r="HH12" s="102">
        <v>81</v>
      </c>
      <c r="HI12" s="102">
        <v>88</v>
      </c>
      <c r="HJ12" s="102">
        <v>49</v>
      </c>
      <c r="HK12" s="102">
        <v>56</v>
      </c>
      <c r="HL12" s="102">
        <v>43</v>
      </c>
      <c r="HM12" s="103">
        <v>317</v>
      </c>
      <c r="HN12" s="104">
        <v>414</v>
      </c>
      <c r="HO12" s="101">
        <v>131</v>
      </c>
      <c r="HP12" s="102">
        <v>102</v>
      </c>
      <c r="HQ12" s="103">
        <v>233</v>
      </c>
      <c r="HR12" s="413">
        <v>0</v>
      </c>
      <c r="HS12" s="102">
        <v>200</v>
      </c>
      <c r="HT12" s="102">
        <v>190</v>
      </c>
      <c r="HU12" s="102">
        <v>97</v>
      </c>
      <c r="HV12" s="102">
        <v>122</v>
      </c>
      <c r="HW12" s="102">
        <v>87</v>
      </c>
      <c r="HX12" s="103">
        <v>696</v>
      </c>
      <c r="HY12" s="104">
        <v>929</v>
      </c>
      <c r="HZ12" s="101">
        <v>275</v>
      </c>
      <c r="IA12" s="102">
        <v>232</v>
      </c>
      <c r="IB12" s="103">
        <v>507</v>
      </c>
      <c r="IC12" s="413">
        <v>0</v>
      </c>
      <c r="ID12" s="102">
        <v>433</v>
      </c>
      <c r="IE12" s="102">
        <v>332</v>
      </c>
      <c r="IF12" s="102">
        <v>227</v>
      </c>
      <c r="IG12" s="102">
        <v>205</v>
      </c>
      <c r="IH12" s="102">
        <v>118</v>
      </c>
      <c r="II12" s="103">
        <v>1315</v>
      </c>
      <c r="IJ12" s="104">
        <v>1822</v>
      </c>
      <c r="IK12" s="101">
        <v>542</v>
      </c>
      <c r="IL12" s="102">
        <v>392</v>
      </c>
      <c r="IM12" s="103">
        <v>934</v>
      </c>
      <c r="IN12" s="413">
        <v>0</v>
      </c>
      <c r="IO12" s="102">
        <v>775</v>
      </c>
      <c r="IP12" s="102">
        <v>596</v>
      </c>
      <c r="IQ12" s="102">
        <v>414</v>
      </c>
      <c r="IR12" s="102">
        <v>346</v>
      </c>
      <c r="IS12" s="102">
        <v>209</v>
      </c>
      <c r="IT12" s="103">
        <v>2340</v>
      </c>
      <c r="IU12" s="104">
        <v>3274</v>
      </c>
      <c r="IV12" s="101">
        <v>510</v>
      </c>
      <c r="IW12" s="102">
        <v>396</v>
      </c>
      <c r="IX12" s="103">
        <v>906</v>
      </c>
      <c r="IY12" s="413">
        <v>0</v>
      </c>
      <c r="IZ12" s="102">
        <v>791</v>
      </c>
      <c r="JA12" s="102">
        <v>668</v>
      </c>
      <c r="JB12" s="102">
        <v>531</v>
      </c>
      <c r="JC12" s="102">
        <v>386</v>
      </c>
      <c r="JD12" s="102">
        <v>253</v>
      </c>
      <c r="JE12" s="103">
        <v>2629</v>
      </c>
      <c r="JF12" s="104">
        <v>3535</v>
      </c>
      <c r="JG12" s="101">
        <v>269</v>
      </c>
      <c r="JH12" s="102">
        <v>271</v>
      </c>
      <c r="JI12" s="103">
        <v>540</v>
      </c>
      <c r="JJ12" s="413">
        <v>0</v>
      </c>
      <c r="JK12" s="102">
        <v>646</v>
      </c>
      <c r="JL12" s="102">
        <v>702</v>
      </c>
      <c r="JM12" s="102">
        <v>648</v>
      </c>
      <c r="JN12" s="102">
        <v>558</v>
      </c>
      <c r="JO12" s="102">
        <v>319</v>
      </c>
      <c r="JP12" s="103">
        <v>2873</v>
      </c>
      <c r="JQ12" s="104">
        <v>3413</v>
      </c>
      <c r="JR12" s="101">
        <v>22</v>
      </c>
      <c r="JS12" s="102">
        <v>37</v>
      </c>
      <c r="JT12" s="103">
        <v>59</v>
      </c>
      <c r="JU12" s="413">
        <v>0</v>
      </c>
      <c r="JV12" s="102">
        <v>64</v>
      </c>
      <c r="JW12" s="102">
        <v>88</v>
      </c>
      <c r="JX12" s="102">
        <v>46</v>
      </c>
      <c r="JY12" s="102">
        <v>35</v>
      </c>
      <c r="JZ12" s="102">
        <v>31</v>
      </c>
      <c r="KA12" s="103">
        <v>264</v>
      </c>
      <c r="KB12" s="104">
        <v>323</v>
      </c>
      <c r="KC12" s="101">
        <v>1792</v>
      </c>
      <c r="KD12" s="102">
        <v>1484</v>
      </c>
      <c r="KE12" s="103">
        <v>3276</v>
      </c>
      <c r="KF12" s="413">
        <v>0</v>
      </c>
      <c r="KG12" s="102">
        <v>2990</v>
      </c>
      <c r="KH12" s="102">
        <v>2664</v>
      </c>
      <c r="KI12" s="102">
        <v>2012</v>
      </c>
      <c r="KJ12" s="102">
        <v>1708</v>
      </c>
      <c r="KK12" s="102">
        <v>1060</v>
      </c>
      <c r="KL12" s="103">
        <v>10434</v>
      </c>
      <c r="KM12" s="104">
        <v>13710</v>
      </c>
    </row>
    <row r="13" spans="2:299" s="70" customFormat="1" ht="21" customHeight="1" x14ac:dyDescent="0.2">
      <c r="B13" s="106" t="s">
        <v>9</v>
      </c>
      <c r="C13" s="96">
        <v>758</v>
      </c>
      <c r="D13" s="97">
        <v>408</v>
      </c>
      <c r="E13" s="98">
        <v>1166</v>
      </c>
      <c r="F13" s="413">
        <v>0</v>
      </c>
      <c r="G13" s="97">
        <v>878</v>
      </c>
      <c r="H13" s="97">
        <v>584</v>
      </c>
      <c r="I13" s="97">
        <v>481</v>
      </c>
      <c r="J13" s="97">
        <v>401</v>
      </c>
      <c r="K13" s="97">
        <v>225</v>
      </c>
      <c r="L13" s="99">
        <v>2569</v>
      </c>
      <c r="M13" s="100">
        <v>3735</v>
      </c>
      <c r="N13" s="101">
        <v>20</v>
      </c>
      <c r="O13" s="102">
        <v>15</v>
      </c>
      <c r="P13" s="103">
        <v>35</v>
      </c>
      <c r="Q13" s="413">
        <v>0</v>
      </c>
      <c r="R13" s="102">
        <v>21</v>
      </c>
      <c r="S13" s="102">
        <v>25</v>
      </c>
      <c r="T13" s="102">
        <v>15</v>
      </c>
      <c r="U13" s="102">
        <v>12</v>
      </c>
      <c r="V13" s="102">
        <v>12</v>
      </c>
      <c r="W13" s="103">
        <v>85</v>
      </c>
      <c r="X13" s="104">
        <v>120</v>
      </c>
      <c r="Y13" s="101">
        <v>45</v>
      </c>
      <c r="Z13" s="102">
        <v>26</v>
      </c>
      <c r="AA13" s="103">
        <v>71</v>
      </c>
      <c r="AB13" s="413">
        <v>0</v>
      </c>
      <c r="AC13" s="102">
        <v>44</v>
      </c>
      <c r="AD13" s="102">
        <v>37</v>
      </c>
      <c r="AE13" s="102">
        <v>25</v>
      </c>
      <c r="AF13" s="102">
        <v>29</v>
      </c>
      <c r="AG13" s="102">
        <v>20</v>
      </c>
      <c r="AH13" s="103">
        <v>155</v>
      </c>
      <c r="AI13" s="104">
        <v>226</v>
      </c>
      <c r="AJ13" s="101">
        <v>88</v>
      </c>
      <c r="AK13" s="102">
        <v>45</v>
      </c>
      <c r="AL13" s="103">
        <v>133</v>
      </c>
      <c r="AM13" s="413">
        <v>0</v>
      </c>
      <c r="AN13" s="102">
        <v>97</v>
      </c>
      <c r="AO13" s="102">
        <v>82</v>
      </c>
      <c r="AP13" s="102">
        <v>67</v>
      </c>
      <c r="AQ13" s="102">
        <v>59</v>
      </c>
      <c r="AR13" s="102">
        <v>27</v>
      </c>
      <c r="AS13" s="103">
        <v>332</v>
      </c>
      <c r="AT13" s="104">
        <v>465</v>
      </c>
      <c r="AU13" s="101">
        <v>197</v>
      </c>
      <c r="AV13" s="102">
        <v>96</v>
      </c>
      <c r="AW13" s="103">
        <v>293</v>
      </c>
      <c r="AX13" s="413">
        <v>0</v>
      </c>
      <c r="AY13" s="102">
        <v>209</v>
      </c>
      <c r="AZ13" s="102">
        <v>120</v>
      </c>
      <c r="BA13" s="102">
        <v>101</v>
      </c>
      <c r="BB13" s="102">
        <v>73</v>
      </c>
      <c r="BC13" s="102">
        <v>52</v>
      </c>
      <c r="BD13" s="103">
        <v>555</v>
      </c>
      <c r="BE13" s="104">
        <v>848</v>
      </c>
      <c r="BF13" s="101">
        <v>251</v>
      </c>
      <c r="BG13" s="102">
        <v>127</v>
      </c>
      <c r="BH13" s="103">
        <v>378</v>
      </c>
      <c r="BI13" s="413">
        <v>0</v>
      </c>
      <c r="BJ13" s="102">
        <v>260</v>
      </c>
      <c r="BK13" s="102">
        <v>145</v>
      </c>
      <c r="BL13" s="102">
        <v>126</v>
      </c>
      <c r="BM13" s="102">
        <v>85</v>
      </c>
      <c r="BN13" s="102">
        <v>61</v>
      </c>
      <c r="BO13" s="103">
        <v>677</v>
      </c>
      <c r="BP13" s="104">
        <v>1055</v>
      </c>
      <c r="BQ13" s="101">
        <v>157</v>
      </c>
      <c r="BR13" s="102">
        <v>99</v>
      </c>
      <c r="BS13" s="103">
        <v>256</v>
      </c>
      <c r="BT13" s="413">
        <v>0</v>
      </c>
      <c r="BU13" s="102">
        <v>247</v>
      </c>
      <c r="BV13" s="102">
        <v>175</v>
      </c>
      <c r="BW13" s="102">
        <v>147</v>
      </c>
      <c r="BX13" s="102">
        <v>143</v>
      </c>
      <c r="BY13" s="102">
        <v>53</v>
      </c>
      <c r="BZ13" s="103">
        <v>765</v>
      </c>
      <c r="CA13" s="104">
        <v>1021</v>
      </c>
      <c r="CB13" s="101">
        <v>4</v>
      </c>
      <c r="CC13" s="102">
        <v>16</v>
      </c>
      <c r="CD13" s="103">
        <v>20</v>
      </c>
      <c r="CE13" s="413">
        <v>0</v>
      </c>
      <c r="CF13" s="102">
        <v>24</v>
      </c>
      <c r="CG13" s="102">
        <v>29</v>
      </c>
      <c r="CH13" s="102">
        <v>14</v>
      </c>
      <c r="CI13" s="102">
        <v>17</v>
      </c>
      <c r="CJ13" s="102">
        <v>11</v>
      </c>
      <c r="CK13" s="103">
        <v>95</v>
      </c>
      <c r="CL13" s="104">
        <v>115</v>
      </c>
      <c r="CM13" s="101">
        <v>762</v>
      </c>
      <c r="CN13" s="102">
        <v>424</v>
      </c>
      <c r="CO13" s="103">
        <v>1186</v>
      </c>
      <c r="CP13" s="413">
        <v>0</v>
      </c>
      <c r="CQ13" s="102">
        <v>902</v>
      </c>
      <c r="CR13" s="102">
        <v>613</v>
      </c>
      <c r="CS13" s="102">
        <v>495</v>
      </c>
      <c r="CT13" s="102">
        <v>418</v>
      </c>
      <c r="CU13" s="102">
        <v>236</v>
      </c>
      <c r="CV13" s="103">
        <v>2664</v>
      </c>
      <c r="CW13" s="104">
        <v>3850</v>
      </c>
      <c r="CX13" s="105">
        <v>1539</v>
      </c>
      <c r="CY13" s="97">
        <v>1064</v>
      </c>
      <c r="CZ13" s="98">
        <v>2603</v>
      </c>
      <c r="DA13" s="413">
        <v>0</v>
      </c>
      <c r="DB13" s="97">
        <v>1745</v>
      </c>
      <c r="DC13" s="97">
        <v>1172</v>
      </c>
      <c r="DD13" s="97">
        <v>1018</v>
      </c>
      <c r="DE13" s="97">
        <v>1048</v>
      </c>
      <c r="DF13" s="97">
        <v>758</v>
      </c>
      <c r="DG13" s="99">
        <v>5741</v>
      </c>
      <c r="DH13" s="100">
        <v>8344</v>
      </c>
      <c r="DI13" s="101">
        <v>31</v>
      </c>
      <c r="DJ13" s="102">
        <v>28</v>
      </c>
      <c r="DK13" s="103">
        <v>59</v>
      </c>
      <c r="DL13" s="413">
        <v>0</v>
      </c>
      <c r="DM13" s="102">
        <v>12</v>
      </c>
      <c r="DN13" s="102">
        <v>17</v>
      </c>
      <c r="DO13" s="102">
        <v>15</v>
      </c>
      <c r="DP13" s="102">
        <v>8</v>
      </c>
      <c r="DQ13" s="102">
        <v>14</v>
      </c>
      <c r="DR13" s="103">
        <v>66</v>
      </c>
      <c r="DS13" s="104">
        <v>125</v>
      </c>
      <c r="DT13" s="101">
        <v>64</v>
      </c>
      <c r="DU13" s="102">
        <v>53</v>
      </c>
      <c r="DV13" s="103">
        <v>117</v>
      </c>
      <c r="DW13" s="413">
        <v>0</v>
      </c>
      <c r="DX13" s="102">
        <v>53</v>
      </c>
      <c r="DY13" s="102">
        <v>27</v>
      </c>
      <c r="DZ13" s="102">
        <v>33</v>
      </c>
      <c r="EA13" s="102">
        <v>18</v>
      </c>
      <c r="EB13" s="102">
        <v>33</v>
      </c>
      <c r="EC13" s="103">
        <v>164</v>
      </c>
      <c r="ED13" s="104">
        <v>281</v>
      </c>
      <c r="EE13" s="101">
        <v>220</v>
      </c>
      <c r="EF13" s="102">
        <v>134</v>
      </c>
      <c r="EG13" s="103">
        <v>354</v>
      </c>
      <c r="EH13" s="413">
        <v>0</v>
      </c>
      <c r="EI13" s="102">
        <v>183</v>
      </c>
      <c r="EJ13" s="102">
        <v>108</v>
      </c>
      <c r="EK13" s="102">
        <v>74</v>
      </c>
      <c r="EL13" s="102">
        <v>61</v>
      </c>
      <c r="EM13" s="102">
        <v>62</v>
      </c>
      <c r="EN13" s="103">
        <v>488</v>
      </c>
      <c r="EO13" s="104">
        <v>842</v>
      </c>
      <c r="EP13" s="101">
        <v>451</v>
      </c>
      <c r="EQ13" s="102">
        <v>287</v>
      </c>
      <c r="ER13" s="103">
        <v>738</v>
      </c>
      <c r="ES13" s="413">
        <v>0</v>
      </c>
      <c r="ET13" s="102">
        <v>408</v>
      </c>
      <c r="EU13" s="102">
        <v>194</v>
      </c>
      <c r="EV13" s="102">
        <v>172</v>
      </c>
      <c r="EW13" s="102">
        <v>163</v>
      </c>
      <c r="EX13" s="102">
        <v>113</v>
      </c>
      <c r="EY13" s="103">
        <v>1050</v>
      </c>
      <c r="EZ13" s="104">
        <v>1788</v>
      </c>
      <c r="FA13" s="101">
        <v>495</v>
      </c>
      <c r="FB13" s="102">
        <v>307</v>
      </c>
      <c r="FC13" s="103">
        <v>802</v>
      </c>
      <c r="FD13" s="413">
        <v>0</v>
      </c>
      <c r="FE13" s="102">
        <v>527</v>
      </c>
      <c r="FF13" s="102">
        <v>301</v>
      </c>
      <c r="FG13" s="102">
        <v>259</v>
      </c>
      <c r="FH13" s="102">
        <v>264</v>
      </c>
      <c r="FI13" s="102">
        <v>170</v>
      </c>
      <c r="FJ13" s="103">
        <v>1521</v>
      </c>
      <c r="FK13" s="104">
        <v>2323</v>
      </c>
      <c r="FL13" s="101">
        <v>278</v>
      </c>
      <c r="FM13" s="102">
        <v>255</v>
      </c>
      <c r="FN13" s="103">
        <v>533</v>
      </c>
      <c r="FO13" s="413">
        <v>0</v>
      </c>
      <c r="FP13" s="102">
        <v>562</v>
      </c>
      <c r="FQ13" s="102">
        <v>525</v>
      </c>
      <c r="FR13" s="102">
        <v>465</v>
      </c>
      <c r="FS13" s="102">
        <v>534</v>
      </c>
      <c r="FT13" s="102">
        <v>366</v>
      </c>
      <c r="FU13" s="103">
        <v>2452</v>
      </c>
      <c r="FV13" s="104">
        <v>2985</v>
      </c>
      <c r="FW13" s="101">
        <v>7</v>
      </c>
      <c r="FX13" s="102">
        <v>14</v>
      </c>
      <c r="FY13" s="103">
        <v>21</v>
      </c>
      <c r="FZ13" s="413">
        <v>0</v>
      </c>
      <c r="GA13" s="102">
        <v>19</v>
      </c>
      <c r="GB13" s="102">
        <v>21</v>
      </c>
      <c r="GC13" s="102">
        <v>11</v>
      </c>
      <c r="GD13" s="102">
        <v>9</v>
      </c>
      <c r="GE13" s="102">
        <v>9</v>
      </c>
      <c r="GF13" s="103">
        <v>69</v>
      </c>
      <c r="GG13" s="104">
        <v>90</v>
      </c>
      <c r="GH13" s="101">
        <v>1546</v>
      </c>
      <c r="GI13" s="102">
        <v>1078</v>
      </c>
      <c r="GJ13" s="103">
        <v>2624</v>
      </c>
      <c r="GK13" s="413">
        <v>0</v>
      </c>
      <c r="GL13" s="102">
        <v>1764</v>
      </c>
      <c r="GM13" s="102">
        <v>1193</v>
      </c>
      <c r="GN13" s="102">
        <v>1029</v>
      </c>
      <c r="GO13" s="102">
        <v>1057</v>
      </c>
      <c r="GP13" s="102">
        <v>767</v>
      </c>
      <c r="GQ13" s="103">
        <v>5810</v>
      </c>
      <c r="GR13" s="104">
        <v>8434</v>
      </c>
      <c r="GS13" s="105">
        <v>2297</v>
      </c>
      <c r="GT13" s="97">
        <v>1472</v>
      </c>
      <c r="GU13" s="98">
        <v>3769</v>
      </c>
      <c r="GV13" s="413">
        <v>0</v>
      </c>
      <c r="GW13" s="97">
        <v>2623</v>
      </c>
      <c r="GX13" s="97">
        <v>1756</v>
      </c>
      <c r="GY13" s="97">
        <v>1499</v>
      </c>
      <c r="GZ13" s="97">
        <v>1449</v>
      </c>
      <c r="HA13" s="97">
        <v>983</v>
      </c>
      <c r="HB13" s="99">
        <v>8310</v>
      </c>
      <c r="HC13" s="100">
        <v>12079</v>
      </c>
      <c r="HD13" s="101">
        <v>51</v>
      </c>
      <c r="HE13" s="102">
        <v>43</v>
      </c>
      <c r="HF13" s="103">
        <v>94</v>
      </c>
      <c r="HG13" s="416">
        <v>0</v>
      </c>
      <c r="HH13" s="102">
        <v>33</v>
      </c>
      <c r="HI13" s="102">
        <v>42</v>
      </c>
      <c r="HJ13" s="102">
        <v>30</v>
      </c>
      <c r="HK13" s="102">
        <v>20</v>
      </c>
      <c r="HL13" s="102">
        <v>26</v>
      </c>
      <c r="HM13" s="103">
        <v>151</v>
      </c>
      <c r="HN13" s="104">
        <v>245</v>
      </c>
      <c r="HO13" s="101">
        <v>109</v>
      </c>
      <c r="HP13" s="102">
        <v>79</v>
      </c>
      <c r="HQ13" s="103">
        <v>188</v>
      </c>
      <c r="HR13" s="413">
        <v>0</v>
      </c>
      <c r="HS13" s="102">
        <v>97</v>
      </c>
      <c r="HT13" s="102">
        <v>64</v>
      </c>
      <c r="HU13" s="102">
        <v>58</v>
      </c>
      <c r="HV13" s="102">
        <v>47</v>
      </c>
      <c r="HW13" s="102">
        <v>53</v>
      </c>
      <c r="HX13" s="103">
        <v>319</v>
      </c>
      <c r="HY13" s="104">
        <v>507</v>
      </c>
      <c r="HZ13" s="101">
        <v>308</v>
      </c>
      <c r="IA13" s="102">
        <v>179</v>
      </c>
      <c r="IB13" s="103">
        <v>487</v>
      </c>
      <c r="IC13" s="413">
        <v>0</v>
      </c>
      <c r="ID13" s="102">
        <v>280</v>
      </c>
      <c r="IE13" s="102">
        <v>190</v>
      </c>
      <c r="IF13" s="102">
        <v>141</v>
      </c>
      <c r="IG13" s="102">
        <v>120</v>
      </c>
      <c r="IH13" s="102">
        <v>89</v>
      </c>
      <c r="II13" s="103">
        <v>820</v>
      </c>
      <c r="IJ13" s="104">
        <v>1307</v>
      </c>
      <c r="IK13" s="101">
        <v>648</v>
      </c>
      <c r="IL13" s="102">
        <v>383</v>
      </c>
      <c r="IM13" s="103">
        <v>1031</v>
      </c>
      <c r="IN13" s="413">
        <v>0</v>
      </c>
      <c r="IO13" s="102">
        <v>617</v>
      </c>
      <c r="IP13" s="102">
        <v>314</v>
      </c>
      <c r="IQ13" s="102">
        <v>273</v>
      </c>
      <c r="IR13" s="102">
        <v>236</v>
      </c>
      <c r="IS13" s="102">
        <v>165</v>
      </c>
      <c r="IT13" s="103">
        <v>1605</v>
      </c>
      <c r="IU13" s="104">
        <v>2636</v>
      </c>
      <c r="IV13" s="101">
        <v>746</v>
      </c>
      <c r="IW13" s="102">
        <v>434</v>
      </c>
      <c r="IX13" s="103">
        <v>1180</v>
      </c>
      <c r="IY13" s="413">
        <v>0</v>
      </c>
      <c r="IZ13" s="102">
        <v>787</v>
      </c>
      <c r="JA13" s="102">
        <v>446</v>
      </c>
      <c r="JB13" s="102">
        <v>385</v>
      </c>
      <c r="JC13" s="102">
        <v>349</v>
      </c>
      <c r="JD13" s="102">
        <v>231</v>
      </c>
      <c r="JE13" s="103">
        <v>2198</v>
      </c>
      <c r="JF13" s="104">
        <v>3378</v>
      </c>
      <c r="JG13" s="101">
        <v>435</v>
      </c>
      <c r="JH13" s="102">
        <v>354</v>
      </c>
      <c r="JI13" s="103">
        <v>789</v>
      </c>
      <c r="JJ13" s="413">
        <v>0</v>
      </c>
      <c r="JK13" s="102">
        <v>809</v>
      </c>
      <c r="JL13" s="102">
        <v>700</v>
      </c>
      <c r="JM13" s="102">
        <v>612</v>
      </c>
      <c r="JN13" s="102">
        <v>677</v>
      </c>
      <c r="JO13" s="102">
        <v>419</v>
      </c>
      <c r="JP13" s="103">
        <v>3217</v>
      </c>
      <c r="JQ13" s="104">
        <v>4006</v>
      </c>
      <c r="JR13" s="101">
        <v>11</v>
      </c>
      <c r="JS13" s="102">
        <v>30</v>
      </c>
      <c r="JT13" s="103">
        <v>41</v>
      </c>
      <c r="JU13" s="413">
        <v>0</v>
      </c>
      <c r="JV13" s="102">
        <v>43</v>
      </c>
      <c r="JW13" s="102">
        <v>50</v>
      </c>
      <c r="JX13" s="102">
        <v>25</v>
      </c>
      <c r="JY13" s="102">
        <v>26</v>
      </c>
      <c r="JZ13" s="102">
        <v>20</v>
      </c>
      <c r="KA13" s="103">
        <v>164</v>
      </c>
      <c r="KB13" s="104">
        <v>205</v>
      </c>
      <c r="KC13" s="101">
        <v>2308</v>
      </c>
      <c r="KD13" s="102">
        <v>1502</v>
      </c>
      <c r="KE13" s="103">
        <v>3810</v>
      </c>
      <c r="KF13" s="413">
        <v>0</v>
      </c>
      <c r="KG13" s="102">
        <v>2666</v>
      </c>
      <c r="KH13" s="102">
        <v>1806</v>
      </c>
      <c r="KI13" s="102">
        <v>1524</v>
      </c>
      <c r="KJ13" s="102">
        <v>1475</v>
      </c>
      <c r="KK13" s="102">
        <v>1003</v>
      </c>
      <c r="KL13" s="103">
        <v>8474</v>
      </c>
      <c r="KM13" s="104">
        <v>12284</v>
      </c>
    </row>
    <row r="14" spans="2:299" s="70" customFormat="1" ht="21" customHeight="1" x14ac:dyDescent="0.2">
      <c r="B14" s="106" t="s">
        <v>10</v>
      </c>
      <c r="C14" s="96">
        <v>1619</v>
      </c>
      <c r="D14" s="97">
        <v>966</v>
      </c>
      <c r="E14" s="98">
        <v>2585</v>
      </c>
      <c r="F14" s="413">
        <v>0</v>
      </c>
      <c r="G14" s="97">
        <v>1774</v>
      </c>
      <c r="H14" s="97">
        <v>1023</v>
      </c>
      <c r="I14" s="97">
        <v>705</v>
      </c>
      <c r="J14" s="97">
        <v>665</v>
      </c>
      <c r="K14" s="97">
        <v>436</v>
      </c>
      <c r="L14" s="99">
        <v>4603</v>
      </c>
      <c r="M14" s="100">
        <v>7188</v>
      </c>
      <c r="N14" s="101">
        <v>68</v>
      </c>
      <c r="O14" s="102">
        <v>40</v>
      </c>
      <c r="P14" s="103">
        <v>108</v>
      </c>
      <c r="Q14" s="413">
        <v>0</v>
      </c>
      <c r="R14" s="102">
        <v>70</v>
      </c>
      <c r="S14" s="102">
        <v>43</v>
      </c>
      <c r="T14" s="102">
        <v>29</v>
      </c>
      <c r="U14" s="102">
        <v>53</v>
      </c>
      <c r="V14" s="102">
        <v>28</v>
      </c>
      <c r="W14" s="103">
        <v>223</v>
      </c>
      <c r="X14" s="104">
        <v>331</v>
      </c>
      <c r="Y14" s="101">
        <v>129</v>
      </c>
      <c r="Z14" s="102">
        <v>90</v>
      </c>
      <c r="AA14" s="103">
        <v>219</v>
      </c>
      <c r="AB14" s="413">
        <v>0</v>
      </c>
      <c r="AC14" s="102">
        <v>138</v>
      </c>
      <c r="AD14" s="102">
        <v>122</v>
      </c>
      <c r="AE14" s="102">
        <v>63</v>
      </c>
      <c r="AF14" s="102">
        <v>61</v>
      </c>
      <c r="AG14" s="102">
        <v>60</v>
      </c>
      <c r="AH14" s="103">
        <v>444</v>
      </c>
      <c r="AI14" s="104">
        <v>663</v>
      </c>
      <c r="AJ14" s="101">
        <v>251</v>
      </c>
      <c r="AK14" s="102">
        <v>159</v>
      </c>
      <c r="AL14" s="103">
        <v>410</v>
      </c>
      <c r="AM14" s="413">
        <v>0</v>
      </c>
      <c r="AN14" s="102">
        <v>282</v>
      </c>
      <c r="AO14" s="102">
        <v>157</v>
      </c>
      <c r="AP14" s="102">
        <v>109</v>
      </c>
      <c r="AQ14" s="102">
        <v>107</v>
      </c>
      <c r="AR14" s="102">
        <v>84</v>
      </c>
      <c r="AS14" s="103">
        <v>739</v>
      </c>
      <c r="AT14" s="104">
        <v>1149</v>
      </c>
      <c r="AU14" s="101">
        <v>391</v>
      </c>
      <c r="AV14" s="102">
        <v>225</v>
      </c>
      <c r="AW14" s="103">
        <v>616</v>
      </c>
      <c r="AX14" s="413">
        <v>0</v>
      </c>
      <c r="AY14" s="102">
        <v>476</v>
      </c>
      <c r="AZ14" s="102">
        <v>235</v>
      </c>
      <c r="BA14" s="102">
        <v>154</v>
      </c>
      <c r="BB14" s="102">
        <v>150</v>
      </c>
      <c r="BC14" s="102">
        <v>100</v>
      </c>
      <c r="BD14" s="103">
        <v>1115</v>
      </c>
      <c r="BE14" s="104">
        <v>1731</v>
      </c>
      <c r="BF14" s="101">
        <v>486</v>
      </c>
      <c r="BG14" s="102">
        <v>257</v>
      </c>
      <c r="BH14" s="103">
        <v>743</v>
      </c>
      <c r="BI14" s="413">
        <v>0</v>
      </c>
      <c r="BJ14" s="102">
        <v>487</v>
      </c>
      <c r="BK14" s="102">
        <v>250</v>
      </c>
      <c r="BL14" s="102">
        <v>177</v>
      </c>
      <c r="BM14" s="102">
        <v>142</v>
      </c>
      <c r="BN14" s="102">
        <v>82</v>
      </c>
      <c r="BO14" s="103">
        <v>1138</v>
      </c>
      <c r="BP14" s="104">
        <v>1881</v>
      </c>
      <c r="BQ14" s="101">
        <v>294</v>
      </c>
      <c r="BR14" s="102">
        <v>195</v>
      </c>
      <c r="BS14" s="103">
        <v>489</v>
      </c>
      <c r="BT14" s="413">
        <v>0</v>
      </c>
      <c r="BU14" s="102">
        <v>321</v>
      </c>
      <c r="BV14" s="102">
        <v>216</v>
      </c>
      <c r="BW14" s="102">
        <v>173</v>
      </c>
      <c r="BX14" s="102">
        <v>152</v>
      </c>
      <c r="BY14" s="102">
        <v>82</v>
      </c>
      <c r="BZ14" s="103">
        <v>944</v>
      </c>
      <c r="CA14" s="104">
        <v>1433</v>
      </c>
      <c r="CB14" s="101">
        <v>48</v>
      </c>
      <c r="CC14" s="102">
        <v>30</v>
      </c>
      <c r="CD14" s="103">
        <v>78</v>
      </c>
      <c r="CE14" s="413">
        <v>0</v>
      </c>
      <c r="CF14" s="102">
        <v>70</v>
      </c>
      <c r="CG14" s="102">
        <v>46</v>
      </c>
      <c r="CH14" s="102">
        <v>40</v>
      </c>
      <c r="CI14" s="102">
        <v>29</v>
      </c>
      <c r="CJ14" s="102">
        <v>37</v>
      </c>
      <c r="CK14" s="103">
        <v>222</v>
      </c>
      <c r="CL14" s="104">
        <v>300</v>
      </c>
      <c r="CM14" s="101">
        <v>1667</v>
      </c>
      <c r="CN14" s="102">
        <v>996</v>
      </c>
      <c r="CO14" s="103">
        <v>2663</v>
      </c>
      <c r="CP14" s="413">
        <v>0</v>
      </c>
      <c r="CQ14" s="102">
        <v>1844</v>
      </c>
      <c r="CR14" s="102">
        <v>1069</v>
      </c>
      <c r="CS14" s="102">
        <v>745</v>
      </c>
      <c r="CT14" s="102">
        <v>694</v>
      </c>
      <c r="CU14" s="102">
        <v>473</v>
      </c>
      <c r="CV14" s="103">
        <v>4825</v>
      </c>
      <c r="CW14" s="104">
        <v>7488</v>
      </c>
      <c r="CX14" s="105">
        <v>3306</v>
      </c>
      <c r="CY14" s="97">
        <v>2260</v>
      </c>
      <c r="CZ14" s="98">
        <v>5566</v>
      </c>
      <c r="DA14" s="413">
        <v>0</v>
      </c>
      <c r="DB14" s="97">
        <v>3538</v>
      </c>
      <c r="DC14" s="97">
        <v>1776</v>
      </c>
      <c r="DD14" s="97">
        <v>1428</v>
      </c>
      <c r="DE14" s="97">
        <v>1617</v>
      </c>
      <c r="DF14" s="97">
        <v>1163</v>
      </c>
      <c r="DG14" s="99">
        <v>9522</v>
      </c>
      <c r="DH14" s="100">
        <v>15088</v>
      </c>
      <c r="DI14" s="101">
        <v>67</v>
      </c>
      <c r="DJ14" s="102">
        <v>61</v>
      </c>
      <c r="DK14" s="103">
        <v>128</v>
      </c>
      <c r="DL14" s="413">
        <v>0</v>
      </c>
      <c r="DM14" s="102">
        <v>60</v>
      </c>
      <c r="DN14" s="102">
        <v>22</v>
      </c>
      <c r="DO14" s="102">
        <v>20</v>
      </c>
      <c r="DP14" s="102">
        <v>23</v>
      </c>
      <c r="DQ14" s="102">
        <v>22</v>
      </c>
      <c r="DR14" s="103">
        <v>147</v>
      </c>
      <c r="DS14" s="104">
        <v>275</v>
      </c>
      <c r="DT14" s="101">
        <v>183</v>
      </c>
      <c r="DU14" s="102">
        <v>119</v>
      </c>
      <c r="DV14" s="103">
        <v>302</v>
      </c>
      <c r="DW14" s="413">
        <v>0</v>
      </c>
      <c r="DX14" s="102">
        <v>176</v>
      </c>
      <c r="DY14" s="102">
        <v>83</v>
      </c>
      <c r="DZ14" s="102">
        <v>53</v>
      </c>
      <c r="EA14" s="102">
        <v>48</v>
      </c>
      <c r="EB14" s="102">
        <v>45</v>
      </c>
      <c r="EC14" s="103">
        <v>405</v>
      </c>
      <c r="ED14" s="104">
        <v>707</v>
      </c>
      <c r="EE14" s="101">
        <v>481</v>
      </c>
      <c r="EF14" s="102">
        <v>276</v>
      </c>
      <c r="EG14" s="103">
        <v>757</v>
      </c>
      <c r="EH14" s="413">
        <v>0</v>
      </c>
      <c r="EI14" s="102">
        <v>399</v>
      </c>
      <c r="EJ14" s="102">
        <v>206</v>
      </c>
      <c r="EK14" s="102">
        <v>105</v>
      </c>
      <c r="EL14" s="102">
        <v>129</v>
      </c>
      <c r="EM14" s="102">
        <v>107</v>
      </c>
      <c r="EN14" s="103">
        <v>946</v>
      </c>
      <c r="EO14" s="104">
        <v>1703</v>
      </c>
      <c r="EP14" s="101">
        <v>996</v>
      </c>
      <c r="EQ14" s="102">
        <v>625</v>
      </c>
      <c r="ER14" s="103">
        <v>1621</v>
      </c>
      <c r="ES14" s="413">
        <v>0</v>
      </c>
      <c r="ET14" s="102">
        <v>838</v>
      </c>
      <c r="EU14" s="102">
        <v>344</v>
      </c>
      <c r="EV14" s="102">
        <v>262</v>
      </c>
      <c r="EW14" s="102">
        <v>244</v>
      </c>
      <c r="EX14" s="102">
        <v>231</v>
      </c>
      <c r="EY14" s="103">
        <v>1919</v>
      </c>
      <c r="EZ14" s="104">
        <v>3540</v>
      </c>
      <c r="FA14" s="101">
        <v>1028</v>
      </c>
      <c r="FB14" s="102">
        <v>677</v>
      </c>
      <c r="FC14" s="103">
        <v>1705</v>
      </c>
      <c r="FD14" s="413">
        <v>0</v>
      </c>
      <c r="FE14" s="102">
        <v>1025</v>
      </c>
      <c r="FF14" s="102">
        <v>482</v>
      </c>
      <c r="FG14" s="102">
        <v>382</v>
      </c>
      <c r="FH14" s="102">
        <v>404</v>
      </c>
      <c r="FI14" s="102">
        <v>280</v>
      </c>
      <c r="FJ14" s="103">
        <v>2573</v>
      </c>
      <c r="FK14" s="104">
        <v>4278</v>
      </c>
      <c r="FL14" s="101">
        <v>551</v>
      </c>
      <c r="FM14" s="102">
        <v>502</v>
      </c>
      <c r="FN14" s="103">
        <v>1053</v>
      </c>
      <c r="FO14" s="413">
        <v>0</v>
      </c>
      <c r="FP14" s="102">
        <v>1040</v>
      </c>
      <c r="FQ14" s="102">
        <v>639</v>
      </c>
      <c r="FR14" s="102">
        <v>606</v>
      </c>
      <c r="FS14" s="102">
        <v>769</v>
      </c>
      <c r="FT14" s="102">
        <v>478</v>
      </c>
      <c r="FU14" s="103">
        <v>3532</v>
      </c>
      <c r="FV14" s="104">
        <v>4585</v>
      </c>
      <c r="FW14" s="101">
        <v>30</v>
      </c>
      <c r="FX14" s="102">
        <v>42</v>
      </c>
      <c r="FY14" s="103">
        <v>72</v>
      </c>
      <c r="FZ14" s="413">
        <v>0</v>
      </c>
      <c r="GA14" s="102">
        <v>58</v>
      </c>
      <c r="GB14" s="102">
        <v>46</v>
      </c>
      <c r="GC14" s="102">
        <v>32</v>
      </c>
      <c r="GD14" s="102">
        <v>21</v>
      </c>
      <c r="GE14" s="102">
        <v>24</v>
      </c>
      <c r="GF14" s="103">
        <v>181</v>
      </c>
      <c r="GG14" s="104">
        <v>253</v>
      </c>
      <c r="GH14" s="101">
        <v>3336</v>
      </c>
      <c r="GI14" s="102">
        <v>2302</v>
      </c>
      <c r="GJ14" s="103">
        <v>5638</v>
      </c>
      <c r="GK14" s="413">
        <v>0</v>
      </c>
      <c r="GL14" s="102">
        <v>3596</v>
      </c>
      <c r="GM14" s="102">
        <v>1822</v>
      </c>
      <c r="GN14" s="102">
        <v>1460</v>
      </c>
      <c r="GO14" s="102">
        <v>1638</v>
      </c>
      <c r="GP14" s="102">
        <v>1187</v>
      </c>
      <c r="GQ14" s="103">
        <v>9703</v>
      </c>
      <c r="GR14" s="104">
        <v>15341</v>
      </c>
      <c r="GS14" s="105">
        <v>4925</v>
      </c>
      <c r="GT14" s="97">
        <v>3226</v>
      </c>
      <c r="GU14" s="98">
        <v>8151</v>
      </c>
      <c r="GV14" s="413">
        <v>0</v>
      </c>
      <c r="GW14" s="97">
        <v>5312</v>
      </c>
      <c r="GX14" s="97">
        <v>2799</v>
      </c>
      <c r="GY14" s="97">
        <v>2133</v>
      </c>
      <c r="GZ14" s="97">
        <v>2282</v>
      </c>
      <c r="HA14" s="97">
        <v>1599</v>
      </c>
      <c r="HB14" s="99">
        <v>14125</v>
      </c>
      <c r="HC14" s="100">
        <v>22276</v>
      </c>
      <c r="HD14" s="101">
        <v>135</v>
      </c>
      <c r="HE14" s="102">
        <v>101</v>
      </c>
      <c r="HF14" s="103">
        <v>236</v>
      </c>
      <c r="HG14" s="416">
        <v>0</v>
      </c>
      <c r="HH14" s="102">
        <v>130</v>
      </c>
      <c r="HI14" s="102">
        <v>65</v>
      </c>
      <c r="HJ14" s="102">
        <v>49</v>
      </c>
      <c r="HK14" s="102">
        <v>76</v>
      </c>
      <c r="HL14" s="102">
        <v>50</v>
      </c>
      <c r="HM14" s="103">
        <v>370</v>
      </c>
      <c r="HN14" s="104">
        <v>606</v>
      </c>
      <c r="HO14" s="101">
        <v>312</v>
      </c>
      <c r="HP14" s="102">
        <v>209</v>
      </c>
      <c r="HQ14" s="103">
        <v>521</v>
      </c>
      <c r="HR14" s="413">
        <v>0</v>
      </c>
      <c r="HS14" s="102">
        <v>314</v>
      </c>
      <c r="HT14" s="102">
        <v>205</v>
      </c>
      <c r="HU14" s="102">
        <v>116</v>
      </c>
      <c r="HV14" s="102">
        <v>109</v>
      </c>
      <c r="HW14" s="102">
        <v>105</v>
      </c>
      <c r="HX14" s="103">
        <v>849</v>
      </c>
      <c r="HY14" s="104">
        <v>1370</v>
      </c>
      <c r="HZ14" s="101">
        <v>732</v>
      </c>
      <c r="IA14" s="102">
        <v>435</v>
      </c>
      <c r="IB14" s="103">
        <v>1167</v>
      </c>
      <c r="IC14" s="413">
        <v>0</v>
      </c>
      <c r="ID14" s="102">
        <v>681</v>
      </c>
      <c r="IE14" s="102">
        <v>363</v>
      </c>
      <c r="IF14" s="102">
        <v>214</v>
      </c>
      <c r="IG14" s="102">
        <v>236</v>
      </c>
      <c r="IH14" s="102">
        <v>191</v>
      </c>
      <c r="II14" s="103">
        <v>1685</v>
      </c>
      <c r="IJ14" s="104">
        <v>2852</v>
      </c>
      <c r="IK14" s="101">
        <v>1387</v>
      </c>
      <c r="IL14" s="102">
        <v>850</v>
      </c>
      <c r="IM14" s="103">
        <v>2237</v>
      </c>
      <c r="IN14" s="413">
        <v>0</v>
      </c>
      <c r="IO14" s="102">
        <v>1314</v>
      </c>
      <c r="IP14" s="102">
        <v>579</v>
      </c>
      <c r="IQ14" s="102">
        <v>416</v>
      </c>
      <c r="IR14" s="102">
        <v>394</v>
      </c>
      <c r="IS14" s="102">
        <v>331</v>
      </c>
      <c r="IT14" s="103">
        <v>3034</v>
      </c>
      <c r="IU14" s="104">
        <v>5271</v>
      </c>
      <c r="IV14" s="101">
        <v>1514</v>
      </c>
      <c r="IW14" s="102">
        <v>934</v>
      </c>
      <c r="IX14" s="103">
        <v>2448</v>
      </c>
      <c r="IY14" s="413">
        <v>0</v>
      </c>
      <c r="IZ14" s="102">
        <v>1512</v>
      </c>
      <c r="JA14" s="102">
        <v>732</v>
      </c>
      <c r="JB14" s="102">
        <v>559</v>
      </c>
      <c r="JC14" s="102">
        <v>546</v>
      </c>
      <c r="JD14" s="102">
        <v>362</v>
      </c>
      <c r="JE14" s="103">
        <v>3711</v>
      </c>
      <c r="JF14" s="104">
        <v>6159</v>
      </c>
      <c r="JG14" s="101">
        <v>845</v>
      </c>
      <c r="JH14" s="102">
        <v>697</v>
      </c>
      <c r="JI14" s="103">
        <v>1542</v>
      </c>
      <c r="JJ14" s="413">
        <v>0</v>
      </c>
      <c r="JK14" s="102">
        <v>1361</v>
      </c>
      <c r="JL14" s="102">
        <v>855</v>
      </c>
      <c r="JM14" s="102">
        <v>779</v>
      </c>
      <c r="JN14" s="102">
        <v>921</v>
      </c>
      <c r="JO14" s="102">
        <v>560</v>
      </c>
      <c r="JP14" s="103">
        <v>4476</v>
      </c>
      <c r="JQ14" s="104">
        <v>6018</v>
      </c>
      <c r="JR14" s="101">
        <v>78</v>
      </c>
      <c r="JS14" s="102">
        <v>72</v>
      </c>
      <c r="JT14" s="103">
        <v>150</v>
      </c>
      <c r="JU14" s="413">
        <v>0</v>
      </c>
      <c r="JV14" s="102">
        <v>128</v>
      </c>
      <c r="JW14" s="102">
        <v>92</v>
      </c>
      <c r="JX14" s="102">
        <v>72</v>
      </c>
      <c r="JY14" s="102">
        <v>50</v>
      </c>
      <c r="JZ14" s="102">
        <v>61</v>
      </c>
      <c r="KA14" s="103">
        <v>403</v>
      </c>
      <c r="KB14" s="104">
        <v>553</v>
      </c>
      <c r="KC14" s="101">
        <v>5003</v>
      </c>
      <c r="KD14" s="102">
        <v>3298</v>
      </c>
      <c r="KE14" s="103">
        <v>8301</v>
      </c>
      <c r="KF14" s="413">
        <v>0</v>
      </c>
      <c r="KG14" s="102">
        <v>5440</v>
      </c>
      <c r="KH14" s="102">
        <v>2891</v>
      </c>
      <c r="KI14" s="102">
        <v>2205</v>
      </c>
      <c r="KJ14" s="102">
        <v>2332</v>
      </c>
      <c r="KK14" s="102">
        <v>1660</v>
      </c>
      <c r="KL14" s="103">
        <v>14528</v>
      </c>
      <c r="KM14" s="104">
        <v>22829</v>
      </c>
    </row>
    <row r="15" spans="2:299" s="70" customFormat="1" ht="21" customHeight="1" x14ac:dyDescent="0.2">
      <c r="B15" s="106" t="s">
        <v>11</v>
      </c>
      <c r="C15" s="96">
        <v>473</v>
      </c>
      <c r="D15" s="97">
        <v>393</v>
      </c>
      <c r="E15" s="98">
        <v>866</v>
      </c>
      <c r="F15" s="413">
        <v>0</v>
      </c>
      <c r="G15" s="97">
        <v>861</v>
      </c>
      <c r="H15" s="97">
        <v>634</v>
      </c>
      <c r="I15" s="97">
        <v>495</v>
      </c>
      <c r="J15" s="97">
        <v>435</v>
      </c>
      <c r="K15" s="97">
        <v>257</v>
      </c>
      <c r="L15" s="99">
        <v>2682</v>
      </c>
      <c r="M15" s="100">
        <v>3548</v>
      </c>
      <c r="N15" s="101">
        <v>16</v>
      </c>
      <c r="O15" s="102">
        <v>17</v>
      </c>
      <c r="P15" s="103">
        <v>33</v>
      </c>
      <c r="Q15" s="413">
        <v>0</v>
      </c>
      <c r="R15" s="102">
        <v>44</v>
      </c>
      <c r="S15" s="102">
        <v>24</v>
      </c>
      <c r="T15" s="102">
        <v>25</v>
      </c>
      <c r="U15" s="102">
        <v>16</v>
      </c>
      <c r="V15" s="102">
        <v>11</v>
      </c>
      <c r="W15" s="103">
        <v>120</v>
      </c>
      <c r="X15" s="104">
        <v>153</v>
      </c>
      <c r="Y15" s="101">
        <v>34</v>
      </c>
      <c r="Z15" s="102">
        <v>46</v>
      </c>
      <c r="AA15" s="103">
        <v>80</v>
      </c>
      <c r="AB15" s="413">
        <v>0</v>
      </c>
      <c r="AC15" s="102">
        <v>90</v>
      </c>
      <c r="AD15" s="102">
        <v>59</v>
      </c>
      <c r="AE15" s="102">
        <v>46</v>
      </c>
      <c r="AF15" s="102">
        <v>45</v>
      </c>
      <c r="AG15" s="102">
        <v>35</v>
      </c>
      <c r="AH15" s="103">
        <v>275</v>
      </c>
      <c r="AI15" s="104">
        <v>355</v>
      </c>
      <c r="AJ15" s="101">
        <v>74</v>
      </c>
      <c r="AK15" s="102">
        <v>60</v>
      </c>
      <c r="AL15" s="103">
        <v>134</v>
      </c>
      <c r="AM15" s="413">
        <v>0</v>
      </c>
      <c r="AN15" s="102">
        <v>136</v>
      </c>
      <c r="AO15" s="102">
        <v>119</v>
      </c>
      <c r="AP15" s="102">
        <v>84</v>
      </c>
      <c r="AQ15" s="102">
        <v>70</v>
      </c>
      <c r="AR15" s="102">
        <v>41</v>
      </c>
      <c r="AS15" s="103">
        <v>450</v>
      </c>
      <c r="AT15" s="104">
        <v>584</v>
      </c>
      <c r="AU15" s="101">
        <v>120</v>
      </c>
      <c r="AV15" s="102">
        <v>101</v>
      </c>
      <c r="AW15" s="103">
        <v>221</v>
      </c>
      <c r="AX15" s="413">
        <v>0</v>
      </c>
      <c r="AY15" s="102">
        <v>218</v>
      </c>
      <c r="AZ15" s="102">
        <v>142</v>
      </c>
      <c r="BA15" s="102">
        <v>128</v>
      </c>
      <c r="BB15" s="102">
        <v>102</v>
      </c>
      <c r="BC15" s="102">
        <v>75</v>
      </c>
      <c r="BD15" s="103">
        <v>665</v>
      </c>
      <c r="BE15" s="104">
        <v>886</v>
      </c>
      <c r="BF15" s="101">
        <v>136</v>
      </c>
      <c r="BG15" s="102">
        <v>92</v>
      </c>
      <c r="BH15" s="103">
        <v>228</v>
      </c>
      <c r="BI15" s="413">
        <v>0</v>
      </c>
      <c r="BJ15" s="102">
        <v>199</v>
      </c>
      <c r="BK15" s="102">
        <v>164</v>
      </c>
      <c r="BL15" s="102">
        <v>113</v>
      </c>
      <c r="BM15" s="102">
        <v>107</v>
      </c>
      <c r="BN15" s="102">
        <v>50</v>
      </c>
      <c r="BO15" s="103">
        <v>633</v>
      </c>
      <c r="BP15" s="104">
        <v>861</v>
      </c>
      <c r="BQ15" s="101">
        <v>93</v>
      </c>
      <c r="BR15" s="102">
        <v>77</v>
      </c>
      <c r="BS15" s="103">
        <v>170</v>
      </c>
      <c r="BT15" s="413">
        <v>0</v>
      </c>
      <c r="BU15" s="102">
        <v>174</v>
      </c>
      <c r="BV15" s="102">
        <v>126</v>
      </c>
      <c r="BW15" s="102">
        <v>99</v>
      </c>
      <c r="BX15" s="102">
        <v>95</v>
      </c>
      <c r="BY15" s="102">
        <v>45</v>
      </c>
      <c r="BZ15" s="103">
        <v>539</v>
      </c>
      <c r="CA15" s="104">
        <v>709</v>
      </c>
      <c r="CB15" s="101">
        <v>5</v>
      </c>
      <c r="CC15" s="102">
        <v>13</v>
      </c>
      <c r="CD15" s="103">
        <v>18</v>
      </c>
      <c r="CE15" s="413">
        <v>0</v>
      </c>
      <c r="CF15" s="102">
        <v>24</v>
      </c>
      <c r="CG15" s="102">
        <v>16</v>
      </c>
      <c r="CH15" s="102">
        <v>13</v>
      </c>
      <c r="CI15" s="102">
        <v>22</v>
      </c>
      <c r="CJ15" s="102">
        <v>16</v>
      </c>
      <c r="CK15" s="103">
        <v>91</v>
      </c>
      <c r="CL15" s="104">
        <v>109</v>
      </c>
      <c r="CM15" s="101">
        <v>478</v>
      </c>
      <c r="CN15" s="102">
        <v>406</v>
      </c>
      <c r="CO15" s="103">
        <v>884</v>
      </c>
      <c r="CP15" s="413">
        <v>0</v>
      </c>
      <c r="CQ15" s="102">
        <v>885</v>
      </c>
      <c r="CR15" s="102">
        <v>650</v>
      </c>
      <c r="CS15" s="102">
        <v>508</v>
      </c>
      <c r="CT15" s="102">
        <v>457</v>
      </c>
      <c r="CU15" s="102">
        <v>273</v>
      </c>
      <c r="CV15" s="103">
        <v>2773</v>
      </c>
      <c r="CW15" s="104">
        <v>3657</v>
      </c>
      <c r="CX15" s="105">
        <v>967</v>
      </c>
      <c r="CY15" s="97">
        <v>860</v>
      </c>
      <c r="CZ15" s="98">
        <v>1827</v>
      </c>
      <c r="DA15" s="413">
        <v>0</v>
      </c>
      <c r="DB15" s="97">
        <v>1661</v>
      </c>
      <c r="DC15" s="97">
        <v>1104</v>
      </c>
      <c r="DD15" s="97">
        <v>966</v>
      </c>
      <c r="DE15" s="97">
        <v>987</v>
      </c>
      <c r="DF15" s="97">
        <v>647</v>
      </c>
      <c r="DG15" s="99">
        <v>5365</v>
      </c>
      <c r="DH15" s="100">
        <v>7192</v>
      </c>
      <c r="DI15" s="101">
        <v>25</v>
      </c>
      <c r="DJ15" s="102">
        <v>19</v>
      </c>
      <c r="DK15" s="103">
        <v>44</v>
      </c>
      <c r="DL15" s="413">
        <v>0</v>
      </c>
      <c r="DM15" s="102">
        <v>45</v>
      </c>
      <c r="DN15" s="102">
        <v>11</v>
      </c>
      <c r="DO15" s="102">
        <v>20</v>
      </c>
      <c r="DP15" s="102">
        <v>12</v>
      </c>
      <c r="DQ15" s="102">
        <v>21</v>
      </c>
      <c r="DR15" s="103">
        <v>109</v>
      </c>
      <c r="DS15" s="104">
        <v>153</v>
      </c>
      <c r="DT15" s="101">
        <v>47</v>
      </c>
      <c r="DU15" s="102">
        <v>61</v>
      </c>
      <c r="DV15" s="103">
        <v>108</v>
      </c>
      <c r="DW15" s="413">
        <v>0</v>
      </c>
      <c r="DX15" s="102">
        <v>72</v>
      </c>
      <c r="DY15" s="102">
        <v>52</v>
      </c>
      <c r="DZ15" s="102">
        <v>47</v>
      </c>
      <c r="EA15" s="102">
        <v>41</v>
      </c>
      <c r="EB15" s="102">
        <v>23</v>
      </c>
      <c r="EC15" s="103">
        <v>235</v>
      </c>
      <c r="ED15" s="104">
        <v>343</v>
      </c>
      <c r="EE15" s="101">
        <v>131</v>
      </c>
      <c r="EF15" s="102">
        <v>123</v>
      </c>
      <c r="EG15" s="103">
        <v>254</v>
      </c>
      <c r="EH15" s="413">
        <v>0</v>
      </c>
      <c r="EI15" s="102">
        <v>178</v>
      </c>
      <c r="EJ15" s="102">
        <v>98</v>
      </c>
      <c r="EK15" s="102">
        <v>79</v>
      </c>
      <c r="EL15" s="102">
        <v>83</v>
      </c>
      <c r="EM15" s="102">
        <v>63</v>
      </c>
      <c r="EN15" s="103">
        <v>501</v>
      </c>
      <c r="EO15" s="104">
        <v>755</v>
      </c>
      <c r="EP15" s="101">
        <v>281</v>
      </c>
      <c r="EQ15" s="102">
        <v>220</v>
      </c>
      <c r="ER15" s="103">
        <v>501</v>
      </c>
      <c r="ES15" s="413">
        <v>0</v>
      </c>
      <c r="ET15" s="102">
        <v>386</v>
      </c>
      <c r="EU15" s="102">
        <v>269</v>
      </c>
      <c r="EV15" s="102">
        <v>171</v>
      </c>
      <c r="EW15" s="102">
        <v>164</v>
      </c>
      <c r="EX15" s="102">
        <v>123</v>
      </c>
      <c r="EY15" s="103">
        <v>1113</v>
      </c>
      <c r="EZ15" s="104">
        <v>1614</v>
      </c>
      <c r="FA15" s="101">
        <v>314</v>
      </c>
      <c r="FB15" s="102">
        <v>252</v>
      </c>
      <c r="FC15" s="103">
        <v>566</v>
      </c>
      <c r="FD15" s="413">
        <v>0</v>
      </c>
      <c r="FE15" s="102">
        <v>503</v>
      </c>
      <c r="FF15" s="102">
        <v>303</v>
      </c>
      <c r="FG15" s="102">
        <v>240</v>
      </c>
      <c r="FH15" s="102">
        <v>217</v>
      </c>
      <c r="FI15" s="102">
        <v>161</v>
      </c>
      <c r="FJ15" s="103">
        <v>1424</v>
      </c>
      <c r="FK15" s="104">
        <v>1990</v>
      </c>
      <c r="FL15" s="101">
        <v>169</v>
      </c>
      <c r="FM15" s="102">
        <v>185</v>
      </c>
      <c r="FN15" s="103">
        <v>354</v>
      </c>
      <c r="FO15" s="413">
        <v>0</v>
      </c>
      <c r="FP15" s="102">
        <v>477</v>
      </c>
      <c r="FQ15" s="102">
        <v>371</v>
      </c>
      <c r="FR15" s="102">
        <v>409</v>
      </c>
      <c r="FS15" s="102">
        <v>470</v>
      </c>
      <c r="FT15" s="102">
        <v>256</v>
      </c>
      <c r="FU15" s="103">
        <v>1983</v>
      </c>
      <c r="FV15" s="104">
        <v>2337</v>
      </c>
      <c r="FW15" s="101">
        <v>12</v>
      </c>
      <c r="FX15" s="102">
        <v>14</v>
      </c>
      <c r="FY15" s="103">
        <v>26</v>
      </c>
      <c r="FZ15" s="413">
        <v>0</v>
      </c>
      <c r="GA15" s="102">
        <v>24</v>
      </c>
      <c r="GB15" s="102">
        <v>13</v>
      </c>
      <c r="GC15" s="102">
        <v>18</v>
      </c>
      <c r="GD15" s="102">
        <v>13</v>
      </c>
      <c r="GE15" s="102">
        <v>13</v>
      </c>
      <c r="GF15" s="103">
        <v>81</v>
      </c>
      <c r="GG15" s="104">
        <v>107</v>
      </c>
      <c r="GH15" s="101">
        <v>979</v>
      </c>
      <c r="GI15" s="102">
        <v>874</v>
      </c>
      <c r="GJ15" s="103">
        <v>1853</v>
      </c>
      <c r="GK15" s="413">
        <v>0</v>
      </c>
      <c r="GL15" s="102">
        <v>1685</v>
      </c>
      <c r="GM15" s="102">
        <v>1117</v>
      </c>
      <c r="GN15" s="102">
        <v>984</v>
      </c>
      <c r="GO15" s="102">
        <v>1000</v>
      </c>
      <c r="GP15" s="102">
        <v>660</v>
      </c>
      <c r="GQ15" s="103">
        <v>5446</v>
      </c>
      <c r="GR15" s="104">
        <v>7299</v>
      </c>
      <c r="GS15" s="105">
        <v>1440</v>
      </c>
      <c r="GT15" s="97">
        <v>1253</v>
      </c>
      <c r="GU15" s="98">
        <v>2693</v>
      </c>
      <c r="GV15" s="413">
        <v>0</v>
      </c>
      <c r="GW15" s="97">
        <v>2522</v>
      </c>
      <c r="GX15" s="97">
        <v>1738</v>
      </c>
      <c r="GY15" s="97">
        <v>1461</v>
      </c>
      <c r="GZ15" s="97">
        <v>1422</v>
      </c>
      <c r="HA15" s="97">
        <v>904</v>
      </c>
      <c r="HB15" s="99">
        <v>8047</v>
      </c>
      <c r="HC15" s="100">
        <v>10740</v>
      </c>
      <c r="HD15" s="101">
        <v>41</v>
      </c>
      <c r="HE15" s="102">
        <v>36</v>
      </c>
      <c r="HF15" s="103">
        <v>77</v>
      </c>
      <c r="HG15" s="416">
        <v>0</v>
      </c>
      <c r="HH15" s="102">
        <v>89</v>
      </c>
      <c r="HI15" s="102">
        <v>35</v>
      </c>
      <c r="HJ15" s="102">
        <v>45</v>
      </c>
      <c r="HK15" s="102">
        <v>28</v>
      </c>
      <c r="HL15" s="102">
        <v>32</v>
      </c>
      <c r="HM15" s="103">
        <v>229</v>
      </c>
      <c r="HN15" s="104">
        <v>306</v>
      </c>
      <c r="HO15" s="101">
        <v>81</v>
      </c>
      <c r="HP15" s="102">
        <v>107</v>
      </c>
      <c r="HQ15" s="103">
        <v>188</v>
      </c>
      <c r="HR15" s="413">
        <v>0</v>
      </c>
      <c r="HS15" s="102">
        <v>162</v>
      </c>
      <c r="HT15" s="102">
        <v>111</v>
      </c>
      <c r="HU15" s="102">
        <v>93</v>
      </c>
      <c r="HV15" s="102">
        <v>86</v>
      </c>
      <c r="HW15" s="102">
        <v>58</v>
      </c>
      <c r="HX15" s="103">
        <v>510</v>
      </c>
      <c r="HY15" s="104">
        <v>698</v>
      </c>
      <c r="HZ15" s="101">
        <v>205</v>
      </c>
      <c r="IA15" s="102">
        <v>183</v>
      </c>
      <c r="IB15" s="103">
        <v>388</v>
      </c>
      <c r="IC15" s="413">
        <v>0</v>
      </c>
      <c r="ID15" s="102">
        <v>314</v>
      </c>
      <c r="IE15" s="102">
        <v>217</v>
      </c>
      <c r="IF15" s="102">
        <v>163</v>
      </c>
      <c r="IG15" s="102">
        <v>153</v>
      </c>
      <c r="IH15" s="102">
        <v>104</v>
      </c>
      <c r="II15" s="103">
        <v>951</v>
      </c>
      <c r="IJ15" s="104">
        <v>1339</v>
      </c>
      <c r="IK15" s="101">
        <v>401</v>
      </c>
      <c r="IL15" s="102">
        <v>321</v>
      </c>
      <c r="IM15" s="103">
        <v>722</v>
      </c>
      <c r="IN15" s="413">
        <v>0</v>
      </c>
      <c r="IO15" s="102">
        <v>604</v>
      </c>
      <c r="IP15" s="102">
        <v>411</v>
      </c>
      <c r="IQ15" s="102">
        <v>299</v>
      </c>
      <c r="IR15" s="102">
        <v>266</v>
      </c>
      <c r="IS15" s="102">
        <v>198</v>
      </c>
      <c r="IT15" s="103">
        <v>1778</v>
      </c>
      <c r="IU15" s="104">
        <v>2500</v>
      </c>
      <c r="IV15" s="101">
        <v>450</v>
      </c>
      <c r="IW15" s="102">
        <v>344</v>
      </c>
      <c r="IX15" s="103">
        <v>794</v>
      </c>
      <c r="IY15" s="413">
        <v>0</v>
      </c>
      <c r="IZ15" s="102">
        <v>702</v>
      </c>
      <c r="JA15" s="102">
        <v>467</v>
      </c>
      <c r="JB15" s="102">
        <v>353</v>
      </c>
      <c r="JC15" s="102">
        <v>324</v>
      </c>
      <c r="JD15" s="102">
        <v>211</v>
      </c>
      <c r="JE15" s="103">
        <v>2057</v>
      </c>
      <c r="JF15" s="104">
        <v>2851</v>
      </c>
      <c r="JG15" s="101">
        <v>262</v>
      </c>
      <c r="JH15" s="102">
        <v>262</v>
      </c>
      <c r="JI15" s="103">
        <v>524</v>
      </c>
      <c r="JJ15" s="413">
        <v>0</v>
      </c>
      <c r="JK15" s="102">
        <v>651</v>
      </c>
      <c r="JL15" s="102">
        <v>497</v>
      </c>
      <c r="JM15" s="102">
        <v>508</v>
      </c>
      <c r="JN15" s="102">
        <v>565</v>
      </c>
      <c r="JO15" s="102">
        <v>301</v>
      </c>
      <c r="JP15" s="103">
        <v>2522</v>
      </c>
      <c r="JQ15" s="104">
        <v>3046</v>
      </c>
      <c r="JR15" s="101">
        <v>17</v>
      </c>
      <c r="JS15" s="102">
        <v>27</v>
      </c>
      <c r="JT15" s="103">
        <v>44</v>
      </c>
      <c r="JU15" s="413">
        <v>0</v>
      </c>
      <c r="JV15" s="102">
        <v>48</v>
      </c>
      <c r="JW15" s="102">
        <v>29</v>
      </c>
      <c r="JX15" s="102">
        <v>31</v>
      </c>
      <c r="JY15" s="102">
        <v>35</v>
      </c>
      <c r="JZ15" s="102">
        <v>29</v>
      </c>
      <c r="KA15" s="103">
        <v>172</v>
      </c>
      <c r="KB15" s="104">
        <v>216</v>
      </c>
      <c r="KC15" s="101">
        <v>1457</v>
      </c>
      <c r="KD15" s="102">
        <v>1280</v>
      </c>
      <c r="KE15" s="103">
        <v>2737</v>
      </c>
      <c r="KF15" s="413">
        <v>0</v>
      </c>
      <c r="KG15" s="102">
        <v>2570</v>
      </c>
      <c r="KH15" s="102">
        <v>1767</v>
      </c>
      <c r="KI15" s="102">
        <v>1492</v>
      </c>
      <c r="KJ15" s="102">
        <v>1457</v>
      </c>
      <c r="KK15" s="102">
        <v>933</v>
      </c>
      <c r="KL15" s="103">
        <v>8219</v>
      </c>
      <c r="KM15" s="104">
        <v>10956</v>
      </c>
    </row>
    <row r="16" spans="2:299" s="70" customFormat="1" ht="21" customHeight="1" x14ac:dyDescent="0.2">
      <c r="B16" s="106" t="s">
        <v>12</v>
      </c>
      <c r="C16" s="96">
        <v>750</v>
      </c>
      <c r="D16" s="97">
        <v>718</v>
      </c>
      <c r="E16" s="98">
        <v>1468</v>
      </c>
      <c r="F16" s="413">
        <v>0</v>
      </c>
      <c r="G16" s="97">
        <v>754</v>
      </c>
      <c r="H16" s="97">
        <v>735</v>
      </c>
      <c r="I16" s="97">
        <v>455</v>
      </c>
      <c r="J16" s="97">
        <v>486</v>
      </c>
      <c r="K16" s="97">
        <v>209</v>
      </c>
      <c r="L16" s="99">
        <v>2639</v>
      </c>
      <c r="M16" s="100">
        <v>4107</v>
      </c>
      <c r="N16" s="107">
        <v>27</v>
      </c>
      <c r="O16" s="102">
        <v>23</v>
      </c>
      <c r="P16" s="103">
        <v>50</v>
      </c>
      <c r="Q16" s="413">
        <v>0</v>
      </c>
      <c r="R16" s="102">
        <v>18</v>
      </c>
      <c r="S16" s="102">
        <v>37</v>
      </c>
      <c r="T16" s="102">
        <v>12</v>
      </c>
      <c r="U16" s="102">
        <v>20</v>
      </c>
      <c r="V16" s="102">
        <v>6</v>
      </c>
      <c r="W16" s="103">
        <v>93</v>
      </c>
      <c r="X16" s="104">
        <v>143</v>
      </c>
      <c r="Y16" s="101">
        <v>50</v>
      </c>
      <c r="Z16" s="102">
        <v>65</v>
      </c>
      <c r="AA16" s="103">
        <v>115</v>
      </c>
      <c r="AB16" s="413">
        <v>0</v>
      </c>
      <c r="AC16" s="102">
        <v>45</v>
      </c>
      <c r="AD16" s="102">
        <v>50</v>
      </c>
      <c r="AE16" s="102">
        <v>43</v>
      </c>
      <c r="AF16" s="102">
        <v>45</v>
      </c>
      <c r="AG16" s="102">
        <v>20</v>
      </c>
      <c r="AH16" s="103">
        <v>203</v>
      </c>
      <c r="AI16" s="104">
        <v>318</v>
      </c>
      <c r="AJ16" s="107">
        <v>104</v>
      </c>
      <c r="AK16" s="102">
        <v>111</v>
      </c>
      <c r="AL16" s="103">
        <v>215</v>
      </c>
      <c r="AM16" s="413">
        <v>0</v>
      </c>
      <c r="AN16" s="102">
        <v>113</v>
      </c>
      <c r="AO16" s="102">
        <v>107</v>
      </c>
      <c r="AP16" s="102">
        <v>65</v>
      </c>
      <c r="AQ16" s="102">
        <v>74</v>
      </c>
      <c r="AR16" s="102">
        <v>39</v>
      </c>
      <c r="AS16" s="103">
        <v>398</v>
      </c>
      <c r="AT16" s="104">
        <v>613</v>
      </c>
      <c r="AU16" s="101">
        <v>192</v>
      </c>
      <c r="AV16" s="102">
        <v>191</v>
      </c>
      <c r="AW16" s="103">
        <v>383</v>
      </c>
      <c r="AX16" s="413">
        <v>0</v>
      </c>
      <c r="AY16" s="102">
        <v>177</v>
      </c>
      <c r="AZ16" s="102">
        <v>193</v>
      </c>
      <c r="BA16" s="102">
        <v>105</v>
      </c>
      <c r="BB16" s="102">
        <v>104</v>
      </c>
      <c r="BC16" s="102">
        <v>53</v>
      </c>
      <c r="BD16" s="103">
        <v>632</v>
      </c>
      <c r="BE16" s="104">
        <v>1015</v>
      </c>
      <c r="BF16" s="107">
        <v>236</v>
      </c>
      <c r="BG16" s="102">
        <v>187</v>
      </c>
      <c r="BH16" s="103">
        <v>423</v>
      </c>
      <c r="BI16" s="413">
        <v>0</v>
      </c>
      <c r="BJ16" s="102">
        <v>228</v>
      </c>
      <c r="BK16" s="102">
        <v>188</v>
      </c>
      <c r="BL16" s="102">
        <v>128</v>
      </c>
      <c r="BM16" s="102">
        <v>129</v>
      </c>
      <c r="BN16" s="102">
        <v>49</v>
      </c>
      <c r="BO16" s="103">
        <v>722</v>
      </c>
      <c r="BP16" s="104">
        <v>1145</v>
      </c>
      <c r="BQ16" s="101">
        <v>141</v>
      </c>
      <c r="BR16" s="102">
        <v>141</v>
      </c>
      <c r="BS16" s="103">
        <v>282</v>
      </c>
      <c r="BT16" s="413">
        <v>0</v>
      </c>
      <c r="BU16" s="102">
        <v>173</v>
      </c>
      <c r="BV16" s="102">
        <v>160</v>
      </c>
      <c r="BW16" s="102">
        <v>102</v>
      </c>
      <c r="BX16" s="102">
        <v>114</v>
      </c>
      <c r="BY16" s="102">
        <v>42</v>
      </c>
      <c r="BZ16" s="103">
        <v>591</v>
      </c>
      <c r="CA16" s="104">
        <v>873</v>
      </c>
      <c r="CB16" s="101">
        <v>13</v>
      </c>
      <c r="CC16" s="102">
        <v>35</v>
      </c>
      <c r="CD16" s="103">
        <v>48</v>
      </c>
      <c r="CE16" s="413">
        <v>0</v>
      </c>
      <c r="CF16" s="102">
        <v>8</v>
      </c>
      <c r="CG16" s="102">
        <v>28</v>
      </c>
      <c r="CH16" s="102">
        <v>22</v>
      </c>
      <c r="CI16" s="102">
        <v>18</v>
      </c>
      <c r="CJ16" s="102">
        <v>19</v>
      </c>
      <c r="CK16" s="103">
        <v>95</v>
      </c>
      <c r="CL16" s="104">
        <v>143</v>
      </c>
      <c r="CM16" s="101">
        <v>763</v>
      </c>
      <c r="CN16" s="102">
        <v>753</v>
      </c>
      <c r="CO16" s="103">
        <v>1516</v>
      </c>
      <c r="CP16" s="413">
        <v>0</v>
      </c>
      <c r="CQ16" s="102">
        <v>762</v>
      </c>
      <c r="CR16" s="102">
        <v>763</v>
      </c>
      <c r="CS16" s="102">
        <v>477</v>
      </c>
      <c r="CT16" s="102">
        <v>504</v>
      </c>
      <c r="CU16" s="102">
        <v>228</v>
      </c>
      <c r="CV16" s="103">
        <v>2734</v>
      </c>
      <c r="CW16" s="104">
        <v>4250</v>
      </c>
      <c r="CX16" s="105">
        <v>1481</v>
      </c>
      <c r="CY16" s="97">
        <v>1575</v>
      </c>
      <c r="CZ16" s="98">
        <v>3056</v>
      </c>
      <c r="DA16" s="413">
        <v>0</v>
      </c>
      <c r="DB16" s="97">
        <v>1573</v>
      </c>
      <c r="DC16" s="97">
        <v>1179</v>
      </c>
      <c r="DD16" s="97">
        <v>997</v>
      </c>
      <c r="DE16" s="97">
        <v>1088</v>
      </c>
      <c r="DF16" s="97">
        <v>657</v>
      </c>
      <c r="DG16" s="99">
        <v>5494</v>
      </c>
      <c r="DH16" s="100">
        <v>8550</v>
      </c>
      <c r="DI16" s="107">
        <v>25</v>
      </c>
      <c r="DJ16" s="102">
        <v>34</v>
      </c>
      <c r="DK16" s="103">
        <v>59</v>
      </c>
      <c r="DL16" s="413">
        <v>0</v>
      </c>
      <c r="DM16" s="102">
        <v>22</v>
      </c>
      <c r="DN16" s="102">
        <v>16</v>
      </c>
      <c r="DO16" s="102">
        <v>22</v>
      </c>
      <c r="DP16" s="102">
        <v>13</v>
      </c>
      <c r="DQ16" s="102">
        <v>11</v>
      </c>
      <c r="DR16" s="103">
        <v>84</v>
      </c>
      <c r="DS16" s="104">
        <v>143</v>
      </c>
      <c r="DT16" s="101">
        <v>84</v>
      </c>
      <c r="DU16" s="102">
        <v>91</v>
      </c>
      <c r="DV16" s="103">
        <v>175</v>
      </c>
      <c r="DW16" s="413">
        <v>0</v>
      </c>
      <c r="DX16" s="102">
        <v>43</v>
      </c>
      <c r="DY16" s="102">
        <v>48</v>
      </c>
      <c r="DZ16" s="102">
        <v>38</v>
      </c>
      <c r="EA16" s="102">
        <v>35</v>
      </c>
      <c r="EB16" s="102">
        <v>33</v>
      </c>
      <c r="EC16" s="103">
        <v>197</v>
      </c>
      <c r="ED16" s="104">
        <v>372</v>
      </c>
      <c r="EE16" s="107">
        <v>218</v>
      </c>
      <c r="EF16" s="102">
        <v>248</v>
      </c>
      <c r="EG16" s="103">
        <v>466</v>
      </c>
      <c r="EH16" s="413">
        <v>0</v>
      </c>
      <c r="EI16" s="102">
        <v>157</v>
      </c>
      <c r="EJ16" s="102">
        <v>101</v>
      </c>
      <c r="EK16" s="102">
        <v>86</v>
      </c>
      <c r="EL16" s="102">
        <v>98</v>
      </c>
      <c r="EM16" s="102">
        <v>65</v>
      </c>
      <c r="EN16" s="103">
        <v>507</v>
      </c>
      <c r="EO16" s="104">
        <v>973</v>
      </c>
      <c r="EP16" s="101">
        <v>451</v>
      </c>
      <c r="EQ16" s="102">
        <v>405</v>
      </c>
      <c r="ER16" s="103">
        <v>856</v>
      </c>
      <c r="ES16" s="413">
        <v>0</v>
      </c>
      <c r="ET16" s="102">
        <v>376</v>
      </c>
      <c r="EU16" s="102">
        <v>246</v>
      </c>
      <c r="EV16" s="102">
        <v>169</v>
      </c>
      <c r="EW16" s="102">
        <v>181</v>
      </c>
      <c r="EX16" s="102">
        <v>115</v>
      </c>
      <c r="EY16" s="103">
        <v>1087</v>
      </c>
      <c r="EZ16" s="104">
        <v>1943</v>
      </c>
      <c r="FA16" s="107">
        <v>461</v>
      </c>
      <c r="FB16" s="102">
        <v>445</v>
      </c>
      <c r="FC16" s="103">
        <v>906</v>
      </c>
      <c r="FD16" s="413">
        <v>0</v>
      </c>
      <c r="FE16" s="102">
        <v>511</v>
      </c>
      <c r="FF16" s="102">
        <v>334</v>
      </c>
      <c r="FG16" s="102">
        <v>263</v>
      </c>
      <c r="FH16" s="102">
        <v>275</v>
      </c>
      <c r="FI16" s="102">
        <v>172</v>
      </c>
      <c r="FJ16" s="103">
        <v>1555</v>
      </c>
      <c r="FK16" s="104">
        <v>2461</v>
      </c>
      <c r="FL16" s="101">
        <v>242</v>
      </c>
      <c r="FM16" s="102">
        <v>352</v>
      </c>
      <c r="FN16" s="103">
        <v>594</v>
      </c>
      <c r="FO16" s="413">
        <v>0</v>
      </c>
      <c r="FP16" s="102">
        <v>464</v>
      </c>
      <c r="FQ16" s="102">
        <v>434</v>
      </c>
      <c r="FR16" s="102">
        <v>419</v>
      </c>
      <c r="FS16" s="102">
        <v>486</v>
      </c>
      <c r="FT16" s="102">
        <v>261</v>
      </c>
      <c r="FU16" s="103">
        <v>2064</v>
      </c>
      <c r="FV16" s="104">
        <v>2658</v>
      </c>
      <c r="FW16" s="101">
        <v>15</v>
      </c>
      <c r="FX16" s="102">
        <v>22</v>
      </c>
      <c r="FY16" s="103">
        <v>37</v>
      </c>
      <c r="FZ16" s="413">
        <v>0</v>
      </c>
      <c r="GA16" s="102">
        <v>12</v>
      </c>
      <c r="GB16" s="102">
        <v>20</v>
      </c>
      <c r="GC16" s="102">
        <v>17</v>
      </c>
      <c r="GD16" s="102">
        <v>11</v>
      </c>
      <c r="GE16" s="102">
        <v>11</v>
      </c>
      <c r="GF16" s="103">
        <v>71</v>
      </c>
      <c r="GG16" s="104">
        <v>108</v>
      </c>
      <c r="GH16" s="101">
        <v>1496</v>
      </c>
      <c r="GI16" s="102">
        <v>1597</v>
      </c>
      <c r="GJ16" s="103">
        <v>3093</v>
      </c>
      <c r="GK16" s="413">
        <v>0</v>
      </c>
      <c r="GL16" s="102">
        <v>1585</v>
      </c>
      <c r="GM16" s="102">
        <v>1199</v>
      </c>
      <c r="GN16" s="102">
        <v>1014</v>
      </c>
      <c r="GO16" s="102">
        <v>1099</v>
      </c>
      <c r="GP16" s="102">
        <v>668</v>
      </c>
      <c r="GQ16" s="103">
        <v>5565</v>
      </c>
      <c r="GR16" s="104">
        <v>8658</v>
      </c>
      <c r="GS16" s="105">
        <v>2231</v>
      </c>
      <c r="GT16" s="97">
        <v>2293</v>
      </c>
      <c r="GU16" s="98">
        <v>4524</v>
      </c>
      <c r="GV16" s="413">
        <v>0</v>
      </c>
      <c r="GW16" s="97">
        <v>2327</v>
      </c>
      <c r="GX16" s="97">
        <v>1914</v>
      </c>
      <c r="GY16" s="97">
        <v>1452</v>
      </c>
      <c r="GZ16" s="97">
        <v>1574</v>
      </c>
      <c r="HA16" s="97">
        <v>866</v>
      </c>
      <c r="HB16" s="99">
        <v>8133</v>
      </c>
      <c r="HC16" s="100">
        <v>12657</v>
      </c>
      <c r="HD16" s="107">
        <v>52</v>
      </c>
      <c r="HE16" s="102">
        <v>57</v>
      </c>
      <c r="HF16" s="103">
        <v>109</v>
      </c>
      <c r="HG16" s="416">
        <v>0</v>
      </c>
      <c r="HH16" s="102">
        <v>40</v>
      </c>
      <c r="HI16" s="102">
        <v>53</v>
      </c>
      <c r="HJ16" s="102">
        <v>34</v>
      </c>
      <c r="HK16" s="102">
        <v>33</v>
      </c>
      <c r="HL16" s="102">
        <v>17</v>
      </c>
      <c r="HM16" s="103">
        <v>177</v>
      </c>
      <c r="HN16" s="104">
        <v>286</v>
      </c>
      <c r="HO16" s="101">
        <v>134</v>
      </c>
      <c r="HP16" s="102">
        <v>156</v>
      </c>
      <c r="HQ16" s="103">
        <v>290</v>
      </c>
      <c r="HR16" s="413">
        <v>0</v>
      </c>
      <c r="HS16" s="102">
        <v>88</v>
      </c>
      <c r="HT16" s="102">
        <v>98</v>
      </c>
      <c r="HU16" s="102">
        <v>81</v>
      </c>
      <c r="HV16" s="102">
        <v>80</v>
      </c>
      <c r="HW16" s="102">
        <v>53</v>
      </c>
      <c r="HX16" s="103">
        <v>400</v>
      </c>
      <c r="HY16" s="104">
        <v>690</v>
      </c>
      <c r="HZ16" s="107">
        <v>322</v>
      </c>
      <c r="IA16" s="102">
        <v>359</v>
      </c>
      <c r="IB16" s="103">
        <v>681</v>
      </c>
      <c r="IC16" s="413">
        <v>0</v>
      </c>
      <c r="ID16" s="102">
        <v>270</v>
      </c>
      <c r="IE16" s="102">
        <v>208</v>
      </c>
      <c r="IF16" s="102">
        <v>151</v>
      </c>
      <c r="IG16" s="102">
        <v>172</v>
      </c>
      <c r="IH16" s="102">
        <v>104</v>
      </c>
      <c r="II16" s="103">
        <v>905</v>
      </c>
      <c r="IJ16" s="104">
        <v>1586</v>
      </c>
      <c r="IK16" s="101">
        <v>643</v>
      </c>
      <c r="IL16" s="102">
        <v>596</v>
      </c>
      <c r="IM16" s="103">
        <v>1239</v>
      </c>
      <c r="IN16" s="413">
        <v>0</v>
      </c>
      <c r="IO16" s="102">
        <v>553</v>
      </c>
      <c r="IP16" s="102">
        <v>439</v>
      </c>
      <c r="IQ16" s="102">
        <v>274</v>
      </c>
      <c r="IR16" s="102">
        <v>285</v>
      </c>
      <c r="IS16" s="102">
        <v>168</v>
      </c>
      <c r="IT16" s="103">
        <v>1719</v>
      </c>
      <c r="IU16" s="104">
        <v>2958</v>
      </c>
      <c r="IV16" s="107">
        <v>697</v>
      </c>
      <c r="IW16" s="102">
        <v>632</v>
      </c>
      <c r="IX16" s="103">
        <v>1329</v>
      </c>
      <c r="IY16" s="413">
        <v>0</v>
      </c>
      <c r="IZ16" s="102">
        <v>739</v>
      </c>
      <c r="JA16" s="102">
        <v>522</v>
      </c>
      <c r="JB16" s="102">
        <v>391</v>
      </c>
      <c r="JC16" s="102">
        <v>404</v>
      </c>
      <c r="JD16" s="102">
        <v>221</v>
      </c>
      <c r="JE16" s="103">
        <v>2277</v>
      </c>
      <c r="JF16" s="104">
        <v>3606</v>
      </c>
      <c r="JG16" s="101">
        <v>383</v>
      </c>
      <c r="JH16" s="102">
        <v>493</v>
      </c>
      <c r="JI16" s="103">
        <v>876</v>
      </c>
      <c r="JJ16" s="413">
        <v>0</v>
      </c>
      <c r="JK16" s="102">
        <v>637</v>
      </c>
      <c r="JL16" s="102">
        <v>594</v>
      </c>
      <c r="JM16" s="102">
        <v>521</v>
      </c>
      <c r="JN16" s="102">
        <v>600</v>
      </c>
      <c r="JO16" s="102">
        <v>303</v>
      </c>
      <c r="JP16" s="103">
        <v>2655</v>
      </c>
      <c r="JQ16" s="104">
        <v>3531</v>
      </c>
      <c r="JR16" s="101">
        <v>28</v>
      </c>
      <c r="JS16" s="102">
        <v>57</v>
      </c>
      <c r="JT16" s="103">
        <v>85</v>
      </c>
      <c r="JU16" s="413">
        <v>0</v>
      </c>
      <c r="JV16" s="102">
        <v>20</v>
      </c>
      <c r="JW16" s="102">
        <v>48</v>
      </c>
      <c r="JX16" s="102">
        <v>39</v>
      </c>
      <c r="JY16" s="102">
        <v>29</v>
      </c>
      <c r="JZ16" s="102">
        <v>30</v>
      </c>
      <c r="KA16" s="103">
        <v>166</v>
      </c>
      <c r="KB16" s="104">
        <v>251</v>
      </c>
      <c r="KC16" s="101">
        <v>2259</v>
      </c>
      <c r="KD16" s="102">
        <v>2350</v>
      </c>
      <c r="KE16" s="103">
        <v>4609</v>
      </c>
      <c r="KF16" s="413">
        <v>0</v>
      </c>
      <c r="KG16" s="102">
        <v>2347</v>
      </c>
      <c r="KH16" s="102">
        <v>1962</v>
      </c>
      <c r="KI16" s="102">
        <v>1491</v>
      </c>
      <c r="KJ16" s="102">
        <v>1603</v>
      </c>
      <c r="KK16" s="102">
        <v>896</v>
      </c>
      <c r="KL16" s="103">
        <v>8299</v>
      </c>
      <c r="KM16" s="104">
        <v>12908</v>
      </c>
    </row>
    <row r="17" spans="2:299" s="70" customFormat="1" ht="21" customHeight="1" x14ac:dyDescent="0.2">
      <c r="B17" s="106" t="s">
        <v>13</v>
      </c>
      <c r="C17" s="96">
        <v>168</v>
      </c>
      <c r="D17" s="97">
        <v>164</v>
      </c>
      <c r="E17" s="98">
        <v>332</v>
      </c>
      <c r="F17" s="413">
        <v>0</v>
      </c>
      <c r="G17" s="97">
        <v>333</v>
      </c>
      <c r="H17" s="97">
        <v>285</v>
      </c>
      <c r="I17" s="97">
        <v>180</v>
      </c>
      <c r="J17" s="97">
        <v>127</v>
      </c>
      <c r="K17" s="97">
        <v>103</v>
      </c>
      <c r="L17" s="99">
        <v>1028</v>
      </c>
      <c r="M17" s="100">
        <v>1360</v>
      </c>
      <c r="N17" s="101">
        <v>6</v>
      </c>
      <c r="O17" s="102">
        <v>4</v>
      </c>
      <c r="P17" s="103">
        <v>10</v>
      </c>
      <c r="Q17" s="413">
        <v>0</v>
      </c>
      <c r="R17" s="102">
        <v>12</v>
      </c>
      <c r="S17" s="102">
        <v>8</v>
      </c>
      <c r="T17" s="102">
        <v>4</v>
      </c>
      <c r="U17" s="102">
        <v>6</v>
      </c>
      <c r="V17" s="102">
        <v>6</v>
      </c>
      <c r="W17" s="103">
        <v>36</v>
      </c>
      <c r="X17" s="104">
        <v>46</v>
      </c>
      <c r="Y17" s="101">
        <v>9</v>
      </c>
      <c r="Z17" s="102">
        <v>8</v>
      </c>
      <c r="AA17" s="103">
        <v>17</v>
      </c>
      <c r="AB17" s="413">
        <v>0</v>
      </c>
      <c r="AC17" s="102">
        <v>19</v>
      </c>
      <c r="AD17" s="102">
        <v>20</v>
      </c>
      <c r="AE17" s="102">
        <v>11</v>
      </c>
      <c r="AF17" s="102">
        <v>14</v>
      </c>
      <c r="AG17" s="102">
        <v>11</v>
      </c>
      <c r="AH17" s="103">
        <v>75</v>
      </c>
      <c r="AI17" s="104">
        <v>92</v>
      </c>
      <c r="AJ17" s="101">
        <v>18</v>
      </c>
      <c r="AK17" s="102">
        <v>17</v>
      </c>
      <c r="AL17" s="103">
        <v>35</v>
      </c>
      <c r="AM17" s="413">
        <v>0</v>
      </c>
      <c r="AN17" s="102">
        <v>47</v>
      </c>
      <c r="AO17" s="102">
        <v>44</v>
      </c>
      <c r="AP17" s="102">
        <v>23</v>
      </c>
      <c r="AQ17" s="102">
        <v>17</v>
      </c>
      <c r="AR17" s="102">
        <v>13</v>
      </c>
      <c r="AS17" s="103">
        <v>144</v>
      </c>
      <c r="AT17" s="104">
        <v>179</v>
      </c>
      <c r="AU17" s="101">
        <v>46</v>
      </c>
      <c r="AV17" s="102">
        <v>38</v>
      </c>
      <c r="AW17" s="103">
        <v>84</v>
      </c>
      <c r="AX17" s="413">
        <v>0</v>
      </c>
      <c r="AY17" s="102">
        <v>75</v>
      </c>
      <c r="AZ17" s="102">
        <v>64</v>
      </c>
      <c r="BA17" s="102">
        <v>44</v>
      </c>
      <c r="BB17" s="102">
        <v>20</v>
      </c>
      <c r="BC17" s="102">
        <v>18</v>
      </c>
      <c r="BD17" s="103">
        <v>221</v>
      </c>
      <c r="BE17" s="104">
        <v>305</v>
      </c>
      <c r="BF17" s="101">
        <v>50</v>
      </c>
      <c r="BG17" s="102">
        <v>54</v>
      </c>
      <c r="BH17" s="103">
        <v>104</v>
      </c>
      <c r="BI17" s="413">
        <v>0</v>
      </c>
      <c r="BJ17" s="102">
        <v>102</v>
      </c>
      <c r="BK17" s="102">
        <v>86</v>
      </c>
      <c r="BL17" s="102">
        <v>50</v>
      </c>
      <c r="BM17" s="102">
        <v>38</v>
      </c>
      <c r="BN17" s="102">
        <v>26</v>
      </c>
      <c r="BO17" s="103">
        <v>302</v>
      </c>
      <c r="BP17" s="104">
        <v>406</v>
      </c>
      <c r="BQ17" s="101">
        <v>39</v>
      </c>
      <c r="BR17" s="102">
        <v>43</v>
      </c>
      <c r="BS17" s="103">
        <v>82</v>
      </c>
      <c r="BT17" s="413">
        <v>0</v>
      </c>
      <c r="BU17" s="102">
        <v>78</v>
      </c>
      <c r="BV17" s="102">
        <v>63</v>
      </c>
      <c r="BW17" s="102">
        <v>48</v>
      </c>
      <c r="BX17" s="102">
        <v>32</v>
      </c>
      <c r="BY17" s="102">
        <v>29</v>
      </c>
      <c r="BZ17" s="103">
        <v>250</v>
      </c>
      <c r="CA17" s="104">
        <v>332</v>
      </c>
      <c r="CB17" s="101">
        <v>5</v>
      </c>
      <c r="CC17" s="102">
        <v>3</v>
      </c>
      <c r="CD17" s="103">
        <v>8</v>
      </c>
      <c r="CE17" s="413">
        <v>0</v>
      </c>
      <c r="CF17" s="102">
        <v>8</v>
      </c>
      <c r="CG17" s="102">
        <v>9</v>
      </c>
      <c r="CH17" s="102">
        <v>6</v>
      </c>
      <c r="CI17" s="102">
        <v>3</v>
      </c>
      <c r="CJ17" s="102">
        <v>7</v>
      </c>
      <c r="CK17" s="103">
        <v>33</v>
      </c>
      <c r="CL17" s="104">
        <v>41</v>
      </c>
      <c r="CM17" s="101">
        <v>173</v>
      </c>
      <c r="CN17" s="102">
        <v>167</v>
      </c>
      <c r="CO17" s="103">
        <v>340</v>
      </c>
      <c r="CP17" s="413">
        <v>0</v>
      </c>
      <c r="CQ17" s="102">
        <v>341</v>
      </c>
      <c r="CR17" s="102">
        <v>294</v>
      </c>
      <c r="CS17" s="102">
        <v>186</v>
      </c>
      <c r="CT17" s="102">
        <v>130</v>
      </c>
      <c r="CU17" s="102">
        <v>110</v>
      </c>
      <c r="CV17" s="103">
        <v>1061</v>
      </c>
      <c r="CW17" s="104">
        <v>1401</v>
      </c>
      <c r="CX17" s="105">
        <v>387</v>
      </c>
      <c r="CY17" s="97">
        <v>429</v>
      </c>
      <c r="CZ17" s="98">
        <v>816</v>
      </c>
      <c r="DA17" s="413">
        <v>0</v>
      </c>
      <c r="DB17" s="97">
        <v>609</v>
      </c>
      <c r="DC17" s="97">
        <v>538</v>
      </c>
      <c r="DD17" s="97">
        <v>343</v>
      </c>
      <c r="DE17" s="97">
        <v>382</v>
      </c>
      <c r="DF17" s="97">
        <v>280</v>
      </c>
      <c r="DG17" s="99">
        <v>2152</v>
      </c>
      <c r="DH17" s="100">
        <v>2968</v>
      </c>
      <c r="DI17" s="101">
        <v>4</v>
      </c>
      <c r="DJ17" s="102">
        <v>7</v>
      </c>
      <c r="DK17" s="103">
        <v>11</v>
      </c>
      <c r="DL17" s="413">
        <v>0</v>
      </c>
      <c r="DM17" s="102">
        <v>10</v>
      </c>
      <c r="DN17" s="102">
        <v>3</v>
      </c>
      <c r="DO17" s="102">
        <v>2</v>
      </c>
      <c r="DP17" s="102">
        <v>7</v>
      </c>
      <c r="DQ17" s="102">
        <v>5</v>
      </c>
      <c r="DR17" s="103">
        <v>27</v>
      </c>
      <c r="DS17" s="104">
        <v>38</v>
      </c>
      <c r="DT17" s="101">
        <v>20</v>
      </c>
      <c r="DU17" s="102">
        <v>28</v>
      </c>
      <c r="DV17" s="103">
        <v>48</v>
      </c>
      <c r="DW17" s="413">
        <v>0</v>
      </c>
      <c r="DX17" s="102">
        <v>17</v>
      </c>
      <c r="DY17" s="102">
        <v>24</v>
      </c>
      <c r="DZ17" s="102">
        <v>9</v>
      </c>
      <c r="EA17" s="102">
        <v>9</v>
      </c>
      <c r="EB17" s="102">
        <v>7</v>
      </c>
      <c r="EC17" s="103">
        <v>66</v>
      </c>
      <c r="ED17" s="104">
        <v>114</v>
      </c>
      <c r="EE17" s="101">
        <v>43</v>
      </c>
      <c r="EF17" s="102">
        <v>33</v>
      </c>
      <c r="EG17" s="103">
        <v>76</v>
      </c>
      <c r="EH17" s="413">
        <v>0</v>
      </c>
      <c r="EI17" s="102">
        <v>56</v>
      </c>
      <c r="EJ17" s="102">
        <v>37</v>
      </c>
      <c r="EK17" s="102">
        <v>38</v>
      </c>
      <c r="EL17" s="102">
        <v>25</v>
      </c>
      <c r="EM17" s="102">
        <v>23</v>
      </c>
      <c r="EN17" s="103">
        <v>179</v>
      </c>
      <c r="EO17" s="104">
        <v>255</v>
      </c>
      <c r="EP17" s="101">
        <v>111</v>
      </c>
      <c r="EQ17" s="102">
        <v>132</v>
      </c>
      <c r="ER17" s="103">
        <v>243</v>
      </c>
      <c r="ES17" s="413">
        <v>0</v>
      </c>
      <c r="ET17" s="102">
        <v>154</v>
      </c>
      <c r="EU17" s="102">
        <v>110</v>
      </c>
      <c r="EV17" s="102">
        <v>55</v>
      </c>
      <c r="EW17" s="102">
        <v>67</v>
      </c>
      <c r="EX17" s="102">
        <v>51</v>
      </c>
      <c r="EY17" s="103">
        <v>437</v>
      </c>
      <c r="EZ17" s="104">
        <v>680</v>
      </c>
      <c r="FA17" s="101">
        <v>136</v>
      </c>
      <c r="FB17" s="102">
        <v>140</v>
      </c>
      <c r="FC17" s="103">
        <v>276</v>
      </c>
      <c r="FD17" s="413">
        <v>0</v>
      </c>
      <c r="FE17" s="102">
        <v>186</v>
      </c>
      <c r="FF17" s="102">
        <v>157</v>
      </c>
      <c r="FG17" s="102">
        <v>75</v>
      </c>
      <c r="FH17" s="102">
        <v>82</v>
      </c>
      <c r="FI17" s="102">
        <v>74</v>
      </c>
      <c r="FJ17" s="103">
        <v>574</v>
      </c>
      <c r="FK17" s="104">
        <v>850</v>
      </c>
      <c r="FL17" s="101">
        <v>73</v>
      </c>
      <c r="FM17" s="102">
        <v>89</v>
      </c>
      <c r="FN17" s="103">
        <v>162</v>
      </c>
      <c r="FO17" s="413">
        <v>0</v>
      </c>
      <c r="FP17" s="102">
        <v>186</v>
      </c>
      <c r="FQ17" s="102">
        <v>207</v>
      </c>
      <c r="FR17" s="102">
        <v>164</v>
      </c>
      <c r="FS17" s="102">
        <v>192</v>
      </c>
      <c r="FT17" s="102">
        <v>120</v>
      </c>
      <c r="FU17" s="103">
        <v>869</v>
      </c>
      <c r="FV17" s="104">
        <v>1031</v>
      </c>
      <c r="FW17" s="101">
        <v>1</v>
      </c>
      <c r="FX17" s="102">
        <v>1</v>
      </c>
      <c r="FY17" s="103">
        <v>2</v>
      </c>
      <c r="FZ17" s="413">
        <v>0</v>
      </c>
      <c r="GA17" s="102">
        <v>9</v>
      </c>
      <c r="GB17" s="102">
        <v>4</v>
      </c>
      <c r="GC17" s="102">
        <v>5</v>
      </c>
      <c r="GD17" s="102">
        <v>2</v>
      </c>
      <c r="GE17" s="102">
        <v>8</v>
      </c>
      <c r="GF17" s="103">
        <v>28</v>
      </c>
      <c r="GG17" s="104">
        <v>30</v>
      </c>
      <c r="GH17" s="101">
        <v>388</v>
      </c>
      <c r="GI17" s="102">
        <v>430</v>
      </c>
      <c r="GJ17" s="103">
        <v>818</v>
      </c>
      <c r="GK17" s="413">
        <v>0</v>
      </c>
      <c r="GL17" s="102">
        <v>618</v>
      </c>
      <c r="GM17" s="102">
        <v>542</v>
      </c>
      <c r="GN17" s="102">
        <v>348</v>
      </c>
      <c r="GO17" s="102">
        <v>384</v>
      </c>
      <c r="GP17" s="102">
        <v>288</v>
      </c>
      <c r="GQ17" s="103">
        <v>2180</v>
      </c>
      <c r="GR17" s="104">
        <v>2998</v>
      </c>
      <c r="GS17" s="105">
        <v>555</v>
      </c>
      <c r="GT17" s="97">
        <v>593</v>
      </c>
      <c r="GU17" s="98">
        <v>1148</v>
      </c>
      <c r="GV17" s="413">
        <v>0</v>
      </c>
      <c r="GW17" s="97">
        <v>942</v>
      </c>
      <c r="GX17" s="97">
        <v>823</v>
      </c>
      <c r="GY17" s="97">
        <v>523</v>
      </c>
      <c r="GZ17" s="97">
        <v>509</v>
      </c>
      <c r="HA17" s="97">
        <v>383</v>
      </c>
      <c r="HB17" s="99">
        <v>3180</v>
      </c>
      <c r="HC17" s="100">
        <v>4328</v>
      </c>
      <c r="HD17" s="101">
        <v>10</v>
      </c>
      <c r="HE17" s="102">
        <v>11</v>
      </c>
      <c r="HF17" s="103">
        <v>21</v>
      </c>
      <c r="HG17" s="416">
        <v>0</v>
      </c>
      <c r="HH17" s="102">
        <v>22</v>
      </c>
      <c r="HI17" s="102">
        <v>11</v>
      </c>
      <c r="HJ17" s="102">
        <v>6</v>
      </c>
      <c r="HK17" s="102">
        <v>13</v>
      </c>
      <c r="HL17" s="102">
        <v>11</v>
      </c>
      <c r="HM17" s="103">
        <v>63</v>
      </c>
      <c r="HN17" s="104">
        <v>84</v>
      </c>
      <c r="HO17" s="101">
        <v>29</v>
      </c>
      <c r="HP17" s="102">
        <v>36</v>
      </c>
      <c r="HQ17" s="103">
        <v>65</v>
      </c>
      <c r="HR17" s="413">
        <v>0</v>
      </c>
      <c r="HS17" s="102">
        <v>36</v>
      </c>
      <c r="HT17" s="102">
        <v>44</v>
      </c>
      <c r="HU17" s="102">
        <v>20</v>
      </c>
      <c r="HV17" s="102">
        <v>23</v>
      </c>
      <c r="HW17" s="102">
        <v>18</v>
      </c>
      <c r="HX17" s="103">
        <v>141</v>
      </c>
      <c r="HY17" s="104">
        <v>206</v>
      </c>
      <c r="HZ17" s="101">
        <v>61</v>
      </c>
      <c r="IA17" s="102">
        <v>50</v>
      </c>
      <c r="IB17" s="103">
        <v>111</v>
      </c>
      <c r="IC17" s="413">
        <v>0</v>
      </c>
      <c r="ID17" s="102">
        <v>103</v>
      </c>
      <c r="IE17" s="102">
        <v>81</v>
      </c>
      <c r="IF17" s="102">
        <v>61</v>
      </c>
      <c r="IG17" s="102">
        <v>42</v>
      </c>
      <c r="IH17" s="102">
        <v>36</v>
      </c>
      <c r="II17" s="103">
        <v>323</v>
      </c>
      <c r="IJ17" s="104">
        <v>434</v>
      </c>
      <c r="IK17" s="101">
        <v>157</v>
      </c>
      <c r="IL17" s="102">
        <v>170</v>
      </c>
      <c r="IM17" s="103">
        <v>327</v>
      </c>
      <c r="IN17" s="413">
        <v>0</v>
      </c>
      <c r="IO17" s="102">
        <v>229</v>
      </c>
      <c r="IP17" s="102">
        <v>174</v>
      </c>
      <c r="IQ17" s="102">
        <v>99</v>
      </c>
      <c r="IR17" s="102">
        <v>87</v>
      </c>
      <c r="IS17" s="102">
        <v>69</v>
      </c>
      <c r="IT17" s="103">
        <v>658</v>
      </c>
      <c r="IU17" s="104">
        <v>985</v>
      </c>
      <c r="IV17" s="101">
        <v>186</v>
      </c>
      <c r="IW17" s="102">
        <v>194</v>
      </c>
      <c r="IX17" s="103">
        <v>380</v>
      </c>
      <c r="IY17" s="413">
        <v>0</v>
      </c>
      <c r="IZ17" s="102">
        <v>288</v>
      </c>
      <c r="JA17" s="102">
        <v>243</v>
      </c>
      <c r="JB17" s="102">
        <v>125</v>
      </c>
      <c r="JC17" s="102">
        <v>120</v>
      </c>
      <c r="JD17" s="102">
        <v>100</v>
      </c>
      <c r="JE17" s="103">
        <v>876</v>
      </c>
      <c r="JF17" s="104">
        <v>1256</v>
      </c>
      <c r="JG17" s="101">
        <v>112</v>
      </c>
      <c r="JH17" s="102">
        <v>132</v>
      </c>
      <c r="JI17" s="103">
        <v>244</v>
      </c>
      <c r="JJ17" s="413">
        <v>0</v>
      </c>
      <c r="JK17" s="102">
        <v>264</v>
      </c>
      <c r="JL17" s="102">
        <v>270</v>
      </c>
      <c r="JM17" s="102">
        <v>212</v>
      </c>
      <c r="JN17" s="102">
        <v>224</v>
      </c>
      <c r="JO17" s="102">
        <v>149</v>
      </c>
      <c r="JP17" s="103">
        <v>1119</v>
      </c>
      <c r="JQ17" s="104">
        <v>1363</v>
      </c>
      <c r="JR17" s="101">
        <v>6</v>
      </c>
      <c r="JS17" s="102">
        <v>4</v>
      </c>
      <c r="JT17" s="103">
        <v>10</v>
      </c>
      <c r="JU17" s="413">
        <v>0</v>
      </c>
      <c r="JV17" s="102">
        <v>17</v>
      </c>
      <c r="JW17" s="102">
        <v>13</v>
      </c>
      <c r="JX17" s="102">
        <v>11</v>
      </c>
      <c r="JY17" s="102">
        <v>5</v>
      </c>
      <c r="JZ17" s="102">
        <v>15</v>
      </c>
      <c r="KA17" s="103">
        <v>61</v>
      </c>
      <c r="KB17" s="104">
        <v>71</v>
      </c>
      <c r="KC17" s="101">
        <v>561</v>
      </c>
      <c r="KD17" s="102">
        <v>597</v>
      </c>
      <c r="KE17" s="103">
        <v>1158</v>
      </c>
      <c r="KF17" s="413">
        <v>0</v>
      </c>
      <c r="KG17" s="102">
        <v>959</v>
      </c>
      <c r="KH17" s="102">
        <v>836</v>
      </c>
      <c r="KI17" s="102">
        <v>534</v>
      </c>
      <c r="KJ17" s="102">
        <v>514</v>
      </c>
      <c r="KK17" s="102">
        <v>398</v>
      </c>
      <c r="KL17" s="103">
        <v>3241</v>
      </c>
      <c r="KM17" s="104">
        <v>4399</v>
      </c>
    </row>
    <row r="18" spans="2:299" s="70" customFormat="1" ht="21" customHeight="1" x14ac:dyDescent="0.2">
      <c r="B18" s="106" t="s">
        <v>15</v>
      </c>
      <c r="C18" s="96">
        <v>119</v>
      </c>
      <c r="D18" s="97">
        <v>142</v>
      </c>
      <c r="E18" s="98">
        <v>261</v>
      </c>
      <c r="F18" s="413">
        <v>0</v>
      </c>
      <c r="G18" s="97">
        <v>258</v>
      </c>
      <c r="H18" s="97">
        <v>219</v>
      </c>
      <c r="I18" s="97">
        <v>131</v>
      </c>
      <c r="J18" s="97">
        <v>142</v>
      </c>
      <c r="K18" s="97">
        <v>62</v>
      </c>
      <c r="L18" s="99">
        <v>812</v>
      </c>
      <c r="M18" s="100">
        <v>1073</v>
      </c>
      <c r="N18" s="101">
        <v>6</v>
      </c>
      <c r="O18" s="102">
        <v>7</v>
      </c>
      <c r="P18" s="103">
        <v>13</v>
      </c>
      <c r="Q18" s="413">
        <v>0</v>
      </c>
      <c r="R18" s="102">
        <v>10</v>
      </c>
      <c r="S18" s="102">
        <v>17</v>
      </c>
      <c r="T18" s="102">
        <v>3</v>
      </c>
      <c r="U18" s="102">
        <v>4</v>
      </c>
      <c r="V18" s="102">
        <v>5</v>
      </c>
      <c r="W18" s="103">
        <v>39</v>
      </c>
      <c r="X18" s="104">
        <v>52</v>
      </c>
      <c r="Y18" s="101">
        <v>12</v>
      </c>
      <c r="Z18" s="102">
        <v>12</v>
      </c>
      <c r="AA18" s="103">
        <v>24</v>
      </c>
      <c r="AB18" s="413">
        <v>0</v>
      </c>
      <c r="AC18" s="102">
        <v>30</v>
      </c>
      <c r="AD18" s="102">
        <v>20</v>
      </c>
      <c r="AE18" s="102">
        <v>19</v>
      </c>
      <c r="AF18" s="102">
        <v>19</v>
      </c>
      <c r="AG18" s="102">
        <v>5</v>
      </c>
      <c r="AH18" s="103">
        <v>93</v>
      </c>
      <c r="AI18" s="104">
        <v>117</v>
      </c>
      <c r="AJ18" s="101">
        <v>20</v>
      </c>
      <c r="AK18" s="102">
        <v>23</v>
      </c>
      <c r="AL18" s="103">
        <v>43</v>
      </c>
      <c r="AM18" s="413">
        <v>0</v>
      </c>
      <c r="AN18" s="102">
        <v>40</v>
      </c>
      <c r="AO18" s="102">
        <v>45</v>
      </c>
      <c r="AP18" s="102">
        <v>19</v>
      </c>
      <c r="AQ18" s="102">
        <v>31</v>
      </c>
      <c r="AR18" s="102">
        <v>18</v>
      </c>
      <c r="AS18" s="103">
        <v>153</v>
      </c>
      <c r="AT18" s="104">
        <v>196</v>
      </c>
      <c r="AU18" s="101">
        <v>36</v>
      </c>
      <c r="AV18" s="102">
        <v>37</v>
      </c>
      <c r="AW18" s="103">
        <v>73</v>
      </c>
      <c r="AX18" s="413">
        <v>0</v>
      </c>
      <c r="AY18" s="102">
        <v>80</v>
      </c>
      <c r="AZ18" s="102">
        <v>48</v>
      </c>
      <c r="BA18" s="102">
        <v>29</v>
      </c>
      <c r="BB18" s="102">
        <v>31</v>
      </c>
      <c r="BC18" s="102">
        <v>13</v>
      </c>
      <c r="BD18" s="103">
        <v>201</v>
      </c>
      <c r="BE18" s="104">
        <v>274</v>
      </c>
      <c r="BF18" s="101">
        <v>32</v>
      </c>
      <c r="BG18" s="102">
        <v>39</v>
      </c>
      <c r="BH18" s="103">
        <v>71</v>
      </c>
      <c r="BI18" s="413">
        <v>0</v>
      </c>
      <c r="BJ18" s="102">
        <v>55</v>
      </c>
      <c r="BK18" s="102">
        <v>47</v>
      </c>
      <c r="BL18" s="102">
        <v>32</v>
      </c>
      <c r="BM18" s="102">
        <v>33</v>
      </c>
      <c r="BN18" s="102">
        <v>10</v>
      </c>
      <c r="BO18" s="103">
        <v>177</v>
      </c>
      <c r="BP18" s="104">
        <v>248</v>
      </c>
      <c r="BQ18" s="101">
        <v>13</v>
      </c>
      <c r="BR18" s="102">
        <v>24</v>
      </c>
      <c r="BS18" s="103">
        <v>37</v>
      </c>
      <c r="BT18" s="413">
        <v>0</v>
      </c>
      <c r="BU18" s="102">
        <v>43</v>
      </c>
      <c r="BV18" s="102">
        <v>42</v>
      </c>
      <c r="BW18" s="102">
        <v>29</v>
      </c>
      <c r="BX18" s="102">
        <v>24</v>
      </c>
      <c r="BY18" s="102">
        <v>11</v>
      </c>
      <c r="BZ18" s="103">
        <v>149</v>
      </c>
      <c r="CA18" s="104">
        <v>186</v>
      </c>
      <c r="CB18" s="101">
        <v>0</v>
      </c>
      <c r="CC18" s="102">
        <v>2</v>
      </c>
      <c r="CD18" s="103">
        <v>2</v>
      </c>
      <c r="CE18" s="413">
        <v>0</v>
      </c>
      <c r="CF18" s="102">
        <v>5</v>
      </c>
      <c r="CG18" s="102">
        <v>11</v>
      </c>
      <c r="CH18" s="102">
        <v>8</v>
      </c>
      <c r="CI18" s="102">
        <v>11</v>
      </c>
      <c r="CJ18" s="102">
        <v>7</v>
      </c>
      <c r="CK18" s="103">
        <v>42</v>
      </c>
      <c r="CL18" s="104">
        <v>44</v>
      </c>
      <c r="CM18" s="101">
        <v>119</v>
      </c>
      <c r="CN18" s="102">
        <v>144</v>
      </c>
      <c r="CO18" s="103">
        <v>263</v>
      </c>
      <c r="CP18" s="413">
        <v>0</v>
      </c>
      <c r="CQ18" s="102">
        <v>263</v>
      </c>
      <c r="CR18" s="102">
        <v>230</v>
      </c>
      <c r="CS18" s="102">
        <v>139</v>
      </c>
      <c r="CT18" s="102">
        <v>153</v>
      </c>
      <c r="CU18" s="102">
        <v>69</v>
      </c>
      <c r="CV18" s="103">
        <v>854</v>
      </c>
      <c r="CW18" s="104">
        <v>1117</v>
      </c>
      <c r="CX18" s="105">
        <v>263</v>
      </c>
      <c r="CY18" s="97">
        <v>382</v>
      </c>
      <c r="CZ18" s="98">
        <v>645</v>
      </c>
      <c r="DA18" s="413">
        <v>0</v>
      </c>
      <c r="DB18" s="97">
        <v>456</v>
      </c>
      <c r="DC18" s="97">
        <v>469</v>
      </c>
      <c r="DD18" s="97">
        <v>272</v>
      </c>
      <c r="DE18" s="97">
        <v>322</v>
      </c>
      <c r="DF18" s="97">
        <v>171</v>
      </c>
      <c r="DG18" s="99">
        <v>1690</v>
      </c>
      <c r="DH18" s="100">
        <v>2335</v>
      </c>
      <c r="DI18" s="101">
        <v>5</v>
      </c>
      <c r="DJ18" s="102">
        <v>5</v>
      </c>
      <c r="DK18" s="103">
        <v>10</v>
      </c>
      <c r="DL18" s="413">
        <v>0</v>
      </c>
      <c r="DM18" s="102">
        <v>8</v>
      </c>
      <c r="DN18" s="102">
        <v>15</v>
      </c>
      <c r="DO18" s="102">
        <v>5</v>
      </c>
      <c r="DP18" s="102">
        <v>0</v>
      </c>
      <c r="DQ18" s="102">
        <v>3</v>
      </c>
      <c r="DR18" s="103">
        <v>31</v>
      </c>
      <c r="DS18" s="104">
        <v>41</v>
      </c>
      <c r="DT18" s="101">
        <v>16</v>
      </c>
      <c r="DU18" s="102">
        <v>22</v>
      </c>
      <c r="DV18" s="103">
        <v>38</v>
      </c>
      <c r="DW18" s="413">
        <v>0</v>
      </c>
      <c r="DX18" s="102">
        <v>24</v>
      </c>
      <c r="DY18" s="102">
        <v>24</v>
      </c>
      <c r="DZ18" s="102">
        <v>14</v>
      </c>
      <c r="EA18" s="102">
        <v>13</v>
      </c>
      <c r="EB18" s="102">
        <v>9</v>
      </c>
      <c r="EC18" s="103">
        <v>84</v>
      </c>
      <c r="ED18" s="104">
        <v>122</v>
      </c>
      <c r="EE18" s="101">
        <v>47</v>
      </c>
      <c r="EF18" s="102">
        <v>50</v>
      </c>
      <c r="EG18" s="103">
        <v>97</v>
      </c>
      <c r="EH18" s="413">
        <v>0</v>
      </c>
      <c r="EI18" s="102">
        <v>51</v>
      </c>
      <c r="EJ18" s="102">
        <v>65</v>
      </c>
      <c r="EK18" s="102">
        <v>25</v>
      </c>
      <c r="EL18" s="102">
        <v>20</v>
      </c>
      <c r="EM18" s="102">
        <v>15</v>
      </c>
      <c r="EN18" s="103">
        <v>176</v>
      </c>
      <c r="EO18" s="104">
        <v>273</v>
      </c>
      <c r="EP18" s="101">
        <v>85</v>
      </c>
      <c r="EQ18" s="102">
        <v>124</v>
      </c>
      <c r="ER18" s="103">
        <v>209</v>
      </c>
      <c r="ES18" s="413">
        <v>0</v>
      </c>
      <c r="ET18" s="102">
        <v>107</v>
      </c>
      <c r="EU18" s="102">
        <v>97</v>
      </c>
      <c r="EV18" s="102">
        <v>51</v>
      </c>
      <c r="EW18" s="102">
        <v>48</v>
      </c>
      <c r="EX18" s="102">
        <v>39</v>
      </c>
      <c r="EY18" s="103">
        <v>342</v>
      </c>
      <c r="EZ18" s="104">
        <v>551</v>
      </c>
      <c r="FA18" s="101">
        <v>68</v>
      </c>
      <c r="FB18" s="102">
        <v>115</v>
      </c>
      <c r="FC18" s="103">
        <v>183</v>
      </c>
      <c r="FD18" s="413">
        <v>0</v>
      </c>
      <c r="FE18" s="102">
        <v>133</v>
      </c>
      <c r="FF18" s="102">
        <v>141</v>
      </c>
      <c r="FG18" s="102">
        <v>77</v>
      </c>
      <c r="FH18" s="102">
        <v>78</v>
      </c>
      <c r="FI18" s="102">
        <v>47</v>
      </c>
      <c r="FJ18" s="103">
        <v>476</v>
      </c>
      <c r="FK18" s="104">
        <v>659</v>
      </c>
      <c r="FL18" s="101">
        <v>42</v>
      </c>
      <c r="FM18" s="102">
        <v>66</v>
      </c>
      <c r="FN18" s="103">
        <v>108</v>
      </c>
      <c r="FO18" s="413">
        <v>0</v>
      </c>
      <c r="FP18" s="102">
        <v>133</v>
      </c>
      <c r="FQ18" s="102">
        <v>127</v>
      </c>
      <c r="FR18" s="102">
        <v>100</v>
      </c>
      <c r="FS18" s="102">
        <v>163</v>
      </c>
      <c r="FT18" s="102">
        <v>58</v>
      </c>
      <c r="FU18" s="103">
        <v>581</v>
      </c>
      <c r="FV18" s="104">
        <v>689</v>
      </c>
      <c r="FW18" s="101">
        <v>1</v>
      </c>
      <c r="FX18" s="102">
        <v>3</v>
      </c>
      <c r="FY18" s="103">
        <v>4</v>
      </c>
      <c r="FZ18" s="413">
        <v>0</v>
      </c>
      <c r="GA18" s="102">
        <v>3</v>
      </c>
      <c r="GB18" s="102">
        <v>5</v>
      </c>
      <c r="GC18" s="102">
        <v>5</v>
      </c>
      <c r="GD18" s="102">
        <v>3</v>
      </c>
      <c r="GE18" s="102">
        <v>8</v>
      </c>
      <c r="GF18" s="103">
        <v>24</v>
      </c>
      <c r="GG18" s="104">
        <v>28</v>
      </c>
      <c r="GH18" s="101">
        <v>264</v>
      </c>
      <c r="GI18" s="102">
        <v>385</v>
      </c>
      <c r="GJ18" s="103">
        <v>649</v>
      </c>
      <c r="GK18" s="413">
        <v>0</v>
      </c>
      <c r="GL18" s="102">
        <v>459</v>
      </c>
      <c r="GM18" s="102">
        <v>474</v>
      </c>
      <c r="GN18" s="102">
        <v>277</v>
      </c>
      <c r="GO18" s="102">
        <v>325</v>
      </c>
      <c r="GP18" s="102">
        <v>179</v>
      </c>
      <c r="GQ18" s="103">
        <v>1714</v>
      </c>
      <c r="GR18" s="104">
        <v>2363</v>
      </c>
      <c r="GS18" s="105">
        <v>382</v>
      </c>
      <c r="GT18" s="97">
        <v>524</v>
      </c>
      <c r="GU18" s="98">
        <v>906</v>
      </c>
      <c r="GV18" s="413">
        <v>0</v>
      </c>
      <c r="GW18" s="97">
        <v>714</v>
      </c>
      <c r="GX18" s="97">
        <v>688</v>
      </c>
      <c r="GY18" s="97">
        <v>403</v>
      </c>
      <c r="GZ18" s="97">
        <v>464</v>
      </c>
      <c r="HA18" s="97">
        <v>233</v>
      </c>
      <c r="HB18" s="99">
        <v>2502</v>
      </c>
      <c r="HC18" s="100">
        <v>3408</v>
      </c>
      <c r="HD18" s="101">
        <v>11</v>
      </c>
      <c r="HE18" s="102">
        <v>12</v>
      </c>
      <c r="HF18" s="103">
        <v>23</v>
      </c>
      <c r="HG18" s="416">
        <v>0</v>
      </c>
      <c r="HH18" s="102">
        <v>18</v>
      </c>
      <c r="HI18" s="102">
        <v>32</v>
      </c>
      <c r="HJ18" s="102">
        <v>8</v>
      </c>
      <c r="HK18" s="102">
        <v>4</v>
      </c>
      <c r="HL18" s="102">
        <v>8</v>
      </c>
      <c r="HM18" s="103">
        <v>70</v>
      </c>
      <c r="HN18" s="104">
        <v>93</v>
      </c>
      <c r="HO18" s="101">
        <v>28</v>
      </c>
      <c r="HP18" s="102">
        <v>34</v>
      </c>
      <c r="HQ18" s="103">
        <v>62</v>
      </c>
      <c r="HR18" s="413">
        <v>0</v>
      </c>
      <c r="HS18" s="102">
        <v>54</v>
      </c>
      <c r="HT18" s="102">
        <v>44</v>
      </c>
      <c r="HU18" s="102">
        <v>33</v>
      </c>
      <c r="HV18" s="102">
        <v>32</v>
      </c>
      <c r="HW18" s="102">
        <v>14</v>
      </c>
      <c r="HX18" s="103">
        <v>177</v>
      </c>
      <c r="HY18" s="104">
        <v>239</v>
      </c>
      <c r="HZ18" s="101">
        <v>67</v>
      </c>
      <c r="IA18" s="102">
        <v>73</v>
      </c>
      <c r="IB18" s="103">
        <v>140</v>
      </c>
      <c r="IC18" s="413">
        <v>0</v>
      </c>
      <c r="ID18" s="102">
        <v>91</v>
      </c>
      <c r="IE18" s="102">
        <v>110</v>
      </c>
      <c r="IF18" s="102">
        <v>44</v>
      </c>
      <c r="IG18" s="102">
        <v>51</v>
      </c>
      <c r="IH18" s="102">
        <v>33</v>
      </c>
      <c r="II18" s="103">
        <v>329</v>
      </c>
      <c r="IJ18" s="104">
        <v>469</v>
      </c>
      <c r="IK18" s="101">
        <v>121</v>
      </c>
      <c r="IL18" s="102">
        <v>161</v>
      </c>
      <c r="IM18" s="103">
        <v>282</v>
      </c>
      <c r="IN18" s="413">
        <v>0</v>
      </c>
      <c r="IO18" s="102">
        <v>187</v>
      </c>
      <c r="IP18" s="102">
        <v>145</v>
      </c>
      <c r="IQ18" s="102">
        <v>80</v>
      </c>
      <c r="IR18" s="102">
        <v>79</v>
      </c>
      <c r="IS18" s="102">
        <v>52</v>
      </c>
      <c r="IT18" s="103">
        <v>543</v>
      </c>
      <c r="IU18" s="104">
        <v>825</v>
      </c>
      <c r="IV18" s="101">
        <v>100</v>
      </c>
      <c r="IW18" s="102">
        <v>154</v>
      </c>
      <c r="IX18" s="103">
        <v>254</v>
      </c>
      <c r="IY18" s="413">
        <v>0</v>
      </c>
      <c r="IZ18" s="102">
        <v>188</v>
      </c>
      <c r="JA18" s="102">
        <v>188</v>
      </c>
      <c r="JB18" s="102">
        <v>109</v>
      </c>
      <c r="JC18" s="102">
        <v>111</v>
      </c>
      <c r="JD18" s="102">
        <v>57</v>
      </c>
      <c r="JE18" s="103">
        <v>653</v>
      </c>
      <c r="JF18" s="104">
        <v>907</v>
      </c>
      <c r="JG18" s="101">
        <v>55</v>
      </c>
      <c r="JH18" s="102">
        <v>90</v>
      </c>
      <c r="JI18" s="103">
        <v>145</v>
      </c>
      <c r="JJ18" s="413">
        <v>0</v>
      </c>
      <c r="JK18" s="102">
        <v>176</v>
      </c>
      <c r="JL18" s="102">
        <v>169</v>
      </c>
      <c r="JM18" s="102">
        <v>129</v>
      </c>
      <c r="JN18" s="102">
        <v>187</v>
      </c>
      <c r="JO18" s="102">
        <v>69</v>
      </c>
      <c r="JP18" s="103">
        <v>730</v>
      </c>
      <c r="JQ18" s="104">
        <v>875</v>
      </c>
      <c r="JR18" s="101">
        <v>1</v>
      </c>
      <c r="JS18" s="102">
        <v>5</v>
      </c>
      <c r="JT18" s="103">
        <v>6</v>
      </c>
      <c r="JU18" s="413">
        <v>0</v>
      </c>
      <c r="JV18" s="102">
        <v>8</v>
      </c>
      <c r="JW18" s="102">
        <v>16</v>
      </c>
      <c r="JX18" s="102">
        <v>13</v>
      </c>
      <c r="JY18" s="102">
        <v>14</v>
      </c>
      <c r="JZ18" s="102">
        <v>15</v>
      </c>
      <c r="KA18" s="103">
        <v>66</v>
      </c>
      <c r="KB18" s="104">
        <v>72</v>
      </c>
      <c r="KC18" s="101">
        <v>383</v>
      </c>
      <c r="KD18" s="102">
        <v>529</v>
      </c>
      <c r="KE18" s="103">
        <v>912</v>
      </c>
      <c r="KF18" s="413">
        <v>0</v>
      </c>
      <c r="KG18" s="102">
        <v>722</v>
      </c>
      <c r="KH18" s="102">
        <v>704</v>
      </c>
      <c r="KI18" s="102">
        <v>416</v>
      </c>
      <c r="KJ18" s="102">
        <v>478</v>
      </c>
      <c r="KK18" s="102">
        <v>248</v>
      </c>
      <c r="KL18" s="103">
        <v>2568</v>
      </c>
      <c r="KM18" s="104">
        <v>3480</v>
      </c>
    </row>
    <row r="19" spans="2:299" s="70" customFormat="1" ht="21" customHeight="1" x14ac:dyDescent="0.2">
      <c r="B19" s="106" t="s">
        <v>16</v>
      </c>
      <c r="C19" s="96">
        <v>245</v>
      </c>
      <c r="D19" s="97">
        <v>307</v>
      </c>
      <c r="E19" s="98">
        <v>552</v>
      </c>
      <c r="F19" s="413">
        <v>0</v>
      </c>
      <c r="G19" s="97">
        <v>540</v>
      </c>
      <c r="H19" s="97">
        <v>627</v>
      </c>
      <c r="I19" s="97">
        <v>433</v>
      </c>
      <c r="J19" s="97">
        <v>339</v>
      </c>
      <c r="K19" s="97">
        <v>185</v>
      </c>
      <c r="L19" s="99">
        <v>2124</v>
      </c>
      <c r="M19" s="100">
        <v>2676</v>
      </c>
      <c r="N19" s="101">
        <v>8</v>
      </c>
      <c r="O19" s="102">
        <v>12</v>
      </c>
      <c r="P19" s="103">
        <v>20</v>
      </c>
      <c r="Q19" s="413">
        <v>0</v>
      </c>
      <c r="R19" s="102">
        <v>19</v>
      </c>
      <c r="S19" s="102">
        <v>28</v>
      </c>
      <c r="T19" s="102">
        <v>24</v>
      </c>
      <c r="U19" s="102">
        <v>12</v>
      </c>
      <c r="V19" s="102">
        <v>14</v>
      </c>
      <c r="W19" s="103">
        <v>97</v>
      </c>
      <c r="X19" s="104">
        <v>117</v>
      </c>
      <c r="Y19" s="101">
        <v>31</v>
      </c>
      <c r="Z19" s="102">
        <v>38</v>
      </c>
      <c r="AA19" s="103">
        <v>69</v>
      </c>
      <c r="AB19" s="413">
        <v>0</v>
      </c>
      <c r="AC19" s="102">
        <v>45</v>
      </c>
      <c r="AD19" s="102">
        <v>65</v>
      </c>
      <c r="AE19" s="102">
        <v>47</v>
      </c>
      <c r="AF19" s="102">
        <v>39</v>
      </c>
      <c r="AG19" s="102">
        <v>29</v>
      </c>
      <c r="AH19" s="103">
        <v>225</v>
      </c>
      <c r="AI19" s="104">
        <v>294</v>
      </c>
      <c r="AJ19" s="101">
        <v>57</v>
      </c>
      <c r="AK19" s="102">
        <v>65</v>
      </c>
      <c r="AL19" s="103">
        <v>122</v>
      </c>
      <c r="AM19" s="413">
        <v>0</v>
      </c>
      <c r="AN19" s="102">
        <v>92</v>
      </c>
      <c r="AO19" s="102">
        <v>105</v>
      </c>
      <c r="AP19" s="102">
        <v>74</v>
      </c>
      <c r="AQ19" s="102">
        <v>71</v>
      </c>
      <c r="AR19" s="102">
        <v>39</v>
      </c>
      <c r="AS19" s="103">
        <v>381</v>
      </c>
      <c r="AT19" s="104">
        <v>503</v>
      </c>
      <c r="AU19" s="101">
        <v>76</v>
      </c>
      <c r="AV19" s="102">
        <v>74</v>
      </c>
      <c r="AW19" s="103">
        <v>150</v>
      </c>
      <c r="AX19" s="413">
        <v>0</v>
      </c>
      <c r="AY19" s="102">
        <v>157</v>
      </c>
      <c r="AZ19" s="102">
        <v>174</v>
      </c>
      <c r="BA19" s="102">
        <v>103</v>
      </c>
      <c r="BB19" s="102">
        <v>87</v>
      </c>
      <c r="BC19" s="102">
        <v>42</v>
      </c>
      <c r="BD19" s="103">
        <v>563</v>
      </c>
      <c r="BE19" s="104">
        <v>713</v>
      </c>
      <c r="BF19" s="101">
        <v>47</v>
      </c>
      <c r="BG19" s="102">
        <v>69</v>
      </c>
      <c r="BH19" s="103">
        <v>116</v>
      </c>
      <c r="BI19" s="413">
        <v>0</v>
      </c>
      <c r="BJ19" s="102">
        <v>149</v>
      </c>
      <c r="BK19" s="102">
        <v>142</v>
      </c>
      <c r="BL19" s="102">
        <v>103</v>
      </c>
      <c r="BM19" s="102">
        <v>75</v>
      </c>
      <c r="BN19" s="102">
        <v>38</v>
      </c>
      <c r="BO19" s="103">
        <v>507</v>
      </c>
      <c r="BP19" s="104">
        <v>623</v>
      </c>
      <c r="BQ19" s="101">
        <v>26</v>
      </c>
      <c r="BR19" s="102">
        <v>49</v>
      </c>
      <c r="BS19" s="103">
        <v>75</v>
      </c>
      <c r="BT19" s="413">
        <v>0</v>
      </c>
      <c r="BU19" s="102">
        <v>78</v>
      </c>
      <c r="BV19" s="102">
        <v>113</v>
      </c>
      <c r="BW19" s="102">
        <v>82</v>
      </c>
      <c r="BX19" s="102">
        <v>55</v>
      </c>
      <c r="BY19" s="102">
        <v>23</v>
      </c>
      <c r="BZ19" s="103">
        <v>351</v>
      </c>
      <c r="CA19" s="104">
        <v>426</v>
      </c>
      <c r="CB19" s="101">
        <v>13</v>
      </c>
      <c r="CC19" s="102">
        <v>18</v>
      </c>
      <c r="CD19" s="103">
        <v>31</v>
      </c>
      <c r="CE19" s="413">
        <v>0</v>
      </c>
      <c r="CF19" s="102">
        <v>12</v>
      </c>
      <c r="CG19" s="102">
        <v>25</v>
      </c>
      <c r="CH19" s="102">
        <v>22</v>
      </c>
      <c r="CI19" s="102">
        <v>12</v>
      </c>
      <c r="CJ19" s="102">
        <v>13</v>
      </c>
      <c r="CK19" s="103">
        <v>84</v>
      </c>
      <c r="CL19" s="104">
        <v>115</v>
      </c>
      <c r="CM19" s="101">
        <v>258</v>
      </c>
      <c r="CN19" s="102">
        <v>325</v>
      </c>
      <c r="CO19" s="103">
        <v>583</v>
      </c>
      <c r="CP19" s="413">
        <v>0</v>
      </c>
      <c r="CQ19" s="102">
        <v>552</v>
      </c>
      <c r="CR19" s="102">
        <v>652</v>
      </c>
      <c r="CS19" s="102">
        <v>455</v>
      </c>
      <c r="CT19" s="102">
        <v>351</v>
      </c>
      <c r="CU19" s="102">
        <v>198</v>
      </c>
      <c r="CV19" s="103">
        <v>2208</v>
      </c>
      <c r="CW19" s="104">
        <v>2791</v>
      </c>
      <c r="CX19" s="105">
        <v>473</v>
      </c>
      <c r="CY19" s="97">
        <v>678</v>
      </c>
      <c r="CZ19" s="98">
        <v>1151</v>
      </c>
      <c r="DA19" s="413">
        <v>0</v>
      </c>
      <c r="DB19" s="97">
        <v>874</v>
      </c>
      <c r="DC19" s="97">
        <v>1003</v>
      </c>
      <c r="DD19" s="97">
        <v>759</v>
      </c>
      <c r="DE19" s="97">
        <v>796</v>
      </c>
      <c r="DF19" s="97">
        <v>471</v>
      </c>
      <c r="DG19" s="99">
        <v>3903</v>
      </c>
      <c r="DH19" s="100">
        <v>5054</v>
      </c>
      <c r="DI19" s="101">
        <v>16</v>
      </c>
      <c r="DJ19" s="102">
        <v>26</v>
      </c>
      <c r="DK19" s="103">
        <v>42</v>
      </c>
      <c r="DL19" s="413">
        <v>0</v>
      </c>
      <c r="DM19" s="102">
        <v>8</v>
      </c>
      <c r="DN19" s="102">
        <v>23</v>
      </c>
      <c r="DO19" s="102">
        <v>18</v>
      </c>
      <c r="DP19" s="102">
        <v>9</v>
      </c>
      <c r="DQ19" s="102">
        <v>10</v>
      </c>
      <c r="DR19" s="103">
        <v>68</v>
      </c>
      <c r="DS19" s="104">
        <v>110</v>
      </c>
      <c r="DT19" s="101">
        <v>37</v>
      </c>
      <c r="DU19" s="102">
        <v>64</v>
      </c>
      <c r="DV19" s="103">
        <v>101</v>
      </c>
      <c r="DW19" s="413">
        <v>0</v>
      </c>
      <c r="DX19" s="102">
        <v>42</v>
      </c>
      <c r="DY19" s="102">
        <v>76</v>
      </c>
      <c r="DZ19" s="102">
        <v>34</v>
      </c>
      <c r="EA19" s="102">
        <v>45</v>
      </c>
      <c r="EB19" s="102">
        <v>24</v>
      </c>
      <c r="EC19" s="103">
        <v>221</v>
      </c>
      <c r="ED19" s="104">
        <v>322</v>
      </c>
      <c r="EE19" s="101">
        <v>79</v>
      </c>
      <c r="EF19" s="102">
        <v>105</v>
      </c>
      <c r="EG19" s="103">
        <v>184</v>
      </c>
      <c r="EH19" s="413">
        <v>0</v>
      </c>
      <c r="EI19" s="102">
        <v>117</v>
      </c>
      <c r="EJ19" s="102">
        <v>118</v>
      </c>
      <c r="EK19" s="102">
        <v>81</v>
      </c>
      <c r="EL19" s="102">
        <v>86</v>
      </c>
      <c r="EM19" s="102">
        <v>54</v>
      </c>
      <c r="EN19" s="103">
        <v>456</v>
      </c>
      <c r="EO19" s="104">
        <v>640</v>
      </c>
      <c r="EP19" s="101">
        <v>150</v>
      </c>
      <c r="EQ19" s="102">
        <v>182</v>
      </c>
      <c r="ER19" s="103">
        <v>332</v>
      </c>
      <c r="ES19" s="413">
        <v>0</v>
      </c>
      <c r="ET19" s="102">
        <v>214</v>
      </c>
      <c r="EU19" s="102">
        <v>248</v>
      </c>
      <c r="EV19" s="102">
        <v>157</v>
      </c>
      <c r="EW19" s="102">
        <v>145</v>
      </c>
      <c r="EX19" s="102">
        <v>95</v>
      </c>
      <c r="EY19" s="103">
        <v>859</v>
      </c>
      <c r="EZ19" s="104">
        <v>1191</v>
      </c>
      <c r="FA19" s="101">
        <v>126</v>
      </c>
      <c r="FB19" s="102">
        <v>168</v>
      </c>
      <c r="FC19" s="103">
        <v>294</v>
      </c>
      <c r="FD19" s="413">
        <v>0</v>
      </c>
      <c r="FE19" s="102">
        <v>251</v>
      </c>
      <c r="FF19" s="102">
        <v>242</v>
      </c>
      <c r="FG19" s="102">
        <v>193</v>
      </c>
      <c r="FH19" s="102">
        <v>193</v>
      </c>
      <c r="FI19" s="102">
        <v>108</v>
      </c>
      <c r="FJ19" s="103">
        <v>987</v>
      </c>
      <c r="FK19" s="104">
        <v>1281</v>
      </c>
      <c r="FL19" s="101">
        <v>65</v>
      </c>
      <c r="FM19" s="102">
        <v>133</v>
      </c>
      <c r="FN19" s="103">
        <v>198</v>
      </c>
      <c r="FO19" s="413">
        <v>0</v>
      </c>
      <c r="FP19" s="102">
        <v>242</v>
      </c>
      <c r="FQ19" s="102">
        <v>296</v>
      </c>
      <c r="FR19" s="102">
        <v>276</v>
      </c>
      <c r="FS19" s="102">
        <v>318</v>
      </c>
      <c r="FT19" s="102">
        <v>180</v>
      </c>
      <c r="FU19" s="103">
        <v>1312</v>
      </c>
      <c r="FV19" s="104">
        <v>1510</v>
      </c>
      <c r="FW19" s="101">
        <v>8</v>
      </c>
      <c r="FX19" s="102">
        <v>17</v>
      </c>
      <c r="FY19" s="103">
        <v>25</v>
      </c>
      <c r="FZ19" s="413">
        <v>0</v>
      </c>
      <c r="GA19" s="102">
        <v>8</v>
      </c>
      <c r="GB19" s="102">
        <v>18</v>
      </c>
      <c r="GC19" s="102">
        <v>14</v>
      </c>
      <c r="GD19" s="102">
        <v>12</v>
      </c>
      <c r="GE19" s="102">
        <v>10</v>
      </c>
      <c r="GF19" s="103">
        <v>62</v>
      </c>
      <c r="GG19" s="104">
        <v>87</v>
      </c>
      <c r="GH19" s="101">
        <v>481</v>
      </c>
      <c r="GI19" s="102">
        <v>695</v>
      </c>
      <c r="GJ19" s="103">
        <v>1176</v>
      </c>
      <c r="GK19" s="413">
        <v>0</v>
      </c>
      <c r="GL19" s="102">
        <v>882</v>
      </c>
      <c r="GM19" s="102">
        <v>1021</v>
      </c>
      <c r="GN19" s="102">
        <v>773</v>
      </c>
      <c r="GO19" s="102">
        <v>808</v>
      </c>
      <c r="GP19" s="102">
        <v>481</v>
      </c>
      <c r="GQ19" s="103">
        <v>3965</v>
      </c>
      <c r="GR19" s="104">
        <v>5141</v>
      </c>
      <c r="GS19" s="105">
        <v>718</v>
      </c>
      <c r="GT19" s="97">
        <v>985</v>
      </c>
      <c r="GU19" s="98">
        <v>1703</v>
      </c>
      <c r="GV19" s="413">
        <v>0</v>
      </c>
      <c r="GW19" s="97">
        <v>1414</v>
      </c>
      <c r="GX19" s="97">
        <v>1630</v>
      </c>
      <c r="GY19" s="97">
        <v>1192</v>
      </c>
      <c r="GZ19" s="97">
        <v>1135</v>
      </c>
      <c r="HA19" s="97">
        <v>656</v>
      </c>
      <c r="HB19" s="99">
        <v>6027</v>
      </c>
      <c r="HC19" s="100">
        <v>7730</v>
      </c>
      <c r="HD19" s="101">
        <v>24</v>
      </c>
      <c r="HE19" s="102">
        <v>38</v>
      </c>
      <c r="HF19" s="103">
        <v>62</v>
      </c>
      <c r="HG19" s="416">
        <v>0</v>
      </c>
      <c r="HH19" s="102">
        <v>27</v>
      </c>
      <c r="HI19" s="102">
        <v>51</v>
      </c>
      <c r="HJ19" s="102">
        <v>42</v>
      </c>
      <c r="HK19" s="102">
        <v>21</v>
      </c>
      <c r="HL19" s="102">
        <v>24</v>
      </c>
      <c r="HM19" s="103">
        <v>165</v>
      </c>
      <c r="HN19" s="104">
        <v>227</v>
      </c>
      <c r="HO19" s="101">
        <v>68</v>
      </c>
      <c r="HP19" s="102">
        <v>102</v>
      </c>
      <c r="HQ19" s="103">
        <v>170</v>
      </c>
      <c r="HR19" s="413">
        <v>0</v>
      </c>
      <c r="HS19" s="102">
        <v>87</v>
      </c>
      <c r="HT19" s="102">
        <v>141</v>
      </c>
      <c r="HU19" s="102">
        <v>81</v>
      </c>
      <c r="HV19" s="102">
        <v>84</v>
      </c>
      <c r="HW19" s="102">
        <v>53</v>
      </c>
      <c r="HX19" s="103">
        <v>446</v>
      </c>
      <c r="HY19" s="104">
        <v>616</v>
      </c>
      <c r="HZ19" s="101">
        <v>136</v>
      </c>
      <c r="IA19" s="102">
        <v>170</v>
      </c>
      <c r="IB19" s="103">
        <v>306</v>
      </c>
      <c r="IC19" s="413">
        <v>0</v>
      </c>
      <c r="ID19" s="102">
        <v>209</v>
      </c>
      <c r="IE19" s="102">
        <v>223</v>
      </c>
      <c r="IF19" s="102">
        <v>155</v>
      </c>
      <c r="IG19" s="102">
        <v>157</v>
      </c>
      <c r="IH19" s="102">
        <v>93</v>
      </c>
      <c r="II19" s="103">
        <v>837</v>
      </c>
      <c r="IJ19" s="104">
        <v>1143</v>
      </c>
      <c r="IK19" s="101">
        <v>226</v>
      </c>
      <c r="IL19" s="102">
        <v>256</v>
      </c>
      <c r="IM19" s="103">
        <v>482</v>
      </c>
      <c r="IN19" s="413">
        <v>0</v>
      </c>
      <c r="IO19" s="102">
        <v>371</v>
      </c>
      <c r="IP19" s="102">
        <v>422</v>
      </c>
      <c r="IQ19" s="102">
        <v>260</v>
      </c>
      <c r="IR19" s="102">
        <v>232</v>
      </c>
      <c r="IS19" s="102">
        <v>137</v>
      </c>
      <c r="IT19" s="103">
        <v>1422</v>
      </c>
      <c r="IU19" s="104">
        <v>1904</v>
      </c>
      <c r="IV19" s="101">
        <v>173</v>
      </c>
      <c r="IW19" s="102">
        <v>237</v>
      </c>
      <c r="IX19" s="103">
        <v>410</v>
      </c>
      <c r="IY19" s="413">
        <v>0</v>
      </c>
      <c r="IZ19" s="102">
        <v>400</v>
      </c>
      <c r="JA19" s="102">
        <v>384</v>
      </c>
      <c r="JB19" s="102">
        <v>296</v>
      </c>
      <c r="JC19" s="102">
        <v>268</v>
      </c>
      <c r="JD19" s="102">
        <v>146</v>
      </c>
      <c r="JE19" s="103">
        <v>1494</v>
      </c>
      <c r="JF19" s="104">
        <v>1904</v>
      </c>
      <c r="JG19" s="101">
        <v>91</v>
      </c>
      <c r="JH19" s="102">
        <v>182</v>
      </c>
      <c r="JI19" s="103">
        <v>273</v>
      </c>
      <c r="JJ19" s="413">
        <v>0</v>
      </c>
      <c r="JK19" s="102">
        <v>320</v>
      </c>
      <c r="JL19" s="102">
        <v>409</v>
      </c>
      <c r="JM19" s="102">
        <v>358</v>
      </c>
      <c r="JN19" s="102">
        <v>373</v>
      </c>
      <c r="JO19" s="102">
        <v>203</v>
      </c>
      <c r="JP19" s="103">
        <v>1663</v>
      </c>
      <c r="JQ19" s="104">
        <v>1936</v>
      </c>
      <c r="JR19" s="101">
        <v>21</v>
      </c>
      <c r="JS19" s="102">
        <v>35</v>
      </c>
      <c r="JT19" s="103">
        <v>56</v>
      </c>
      <c r="JU19" s="413">
        <v>0</v>
      </c>
      <c r="JV19" s="102">
        <v>20</v>
      </c>
      <c r="JW19" s="102">
        <v>43</v>
      </c>
      <c r="JX19" s="102">
        <v>36</v>
      </c>
      <c r="JY19" s="102">
        <v>24</v>
      </c>
      <c r="JZ19" s="102">
        <v>23</v>
      </c>
      <c r="KA19" s="103">
        <v>146</v>
      </c>
      <c r="KB19" s="104">
        <v>202</v>
      </c>
      <c r="KC19" s="101">
        <v>739</v>
      </c>
      <c r="KD19" s="102">
        <v>1020</v>
      </c>
      <c r="KE19" s="103">
        <v>1759</v>
      </c>
      <c r="KF19" s="413">
        <v>0</v>
      </c>
      <c r="KG19" s="102">
        <v>1434</v>
      </c>
      <c r="KH19" s="102">
        <v>1673</v>
      </c>
      <c r="KI19" s="102">
        <v>1228</v>
      </c>
      <c r="KJ19" s="102">
        <v>1159</v>
      </c>
      <c r="KK19" s="102">
        <v>679</v>
      </c>
      <c r="KL19" s="103">
        <v>6173</v>
      </c>
      <c r="KM19" s="104">
        <v>7932</v>
      </c>
    </row>
    <row r="20" spans="2:299" s="70" customFormat="1" ht="21" customHeight="1" x14ac:dyDescent="0.2">
      <c r="B20" s="106" t="s">
        <v>17</v>
      </c>
      <c r="C20" s="96">
        <v>375</v>
      </c>
      <c r="D20" s="97">
        <v>396</v>
      </c>
      <c r="E20" s="98">
        <v>771</v>
      </c>
      <c r="F20" s="413">
        <v>0</v>
      </c>
      <c r="G20" s="97">
        <v>565</v>
      </c>
      <c r="H20" s="97">
        <v>840</v>
      </c>
      <c r="I20" s="97">
        <v>583</v>
      </c>
      <c r="J20" s="97">
        <v>443</v>
      </c>
      <c r="K20" s="97">
        <v>235</v>
      </c>
      <c r="L20" s="99">
        <v>2666</v>
      </c>
      <c r="M20" s="100">
        <v>3437</v>
      </c>
      <c r="N20" s="101">
        <v>16</v>
      </c>
      <c r="O20" s="102">
        <v>16</v>
      </c>
      <c r="P20" s="103">
        <v>32</v>
      </c>
      <c r="Q20" s="413">
        <v>0</v>
      </c>
      <c r="R20" s="102">
        <v>23</v>
      </c>
      <c r="S20" s="102">
        <v>47</v>
      </c>
      <c r="T20" s="102">
        <v>36</v>
      </c>
      <c r="U20" s="102">
        <v>27</v>
      </c>
      <c r="V20" s="102">
        <v>20</v>
      </c>
      <c r="W20" s="103">
        <v>153</v>
      </c>
      <c r="X20" s="104">
        <v>185</v>
      </c>
      <c r="Y20" s="101">
        <v>26</v>
      </c>
      <c r="Z20" s="102">
        <v>47</v>
      </c>
      <c r="AA20" s="103">
        <v>73</v>
      </c>
      <c r="AB20" s="413">
        <v>0</v>
      </c>
      <c r="AC20" s="102">
        <v>48</v>
      </c>
      <c r="AD20" s="102">
        <v>98</v>
      </c>
      <c r="AE20" s="102">
        <v>63</v>
      </c>
      <c r="AF20" s="102">
        <v>38</v>
      </c>
      <c r="AG20" s="102">
        <v>31</v>
      </c>
      <c r="AH20" s="103">
        <v>278</v>
      </c>
      <c r="AI20" s="104">
        <v>351</v>
      </c>
      <c r="AJ20" s="101">
        <v>55</v>
      </c>
      <c r="AK20" s="102">
        <v>87</v>
      </c>
      <c r="AL20" s="103">
        <v>142</v>
      </c>
      <c r="AM20" s="413">
        <v>0</v>
      </c>
      <c r="AN20" s="102">
        <v>93</v>
      </c>
      <c r="AO20" s="102">
        <v>156</v>
      </c>
      <c r="AP20" s="102">
        <v>99</v>
      </c>
      <c r="AQ20" s="102">
        <v>69</v>
      </c>
      <c r="AR20" s="102">
        <v>56</v>
      </c>
      <c r="AS20" s="103">
        <v>473</v>
      </c>
      <c r="AT20" s="104">
        <v>615</v>
      </c>
      <c r="AU20" s="101">
        <v>117</v>
      </c>
      <c r="AV20" s="102">
        <v>90</v>
      </c>
      <c r="AW20" s="103">
        <v>207</v>
      </c>
      <c r="AX20" s="413">
        <v>0</v>
      </c>
      <c r="AY20" s="102">
        <v>170</v>
      </c>
      <c r="AZ20" s="102">
        <v>242</v>
      </c>
      <c r="BA20" s="102">
        <v>151</v>
      </c>
      <c r="BB20" s="102">
        <v>116</v>
      </c>
      <c r="BC20" s="102">
        <v>44</v>
      </c>
      <c r="BD20" s="103">
        <v>723</v>
      </c>
      <c r="BE20" s="104">
        <v>930</v>
      </c>
      <c r="BF20" s="101">
        <v>111</v>
      </c>
      <c r="BG20" s="102">
        <v>96</v>
      </c>
      <c r="BH20" s="103">
        <v>207</v>
      </c>
      <c r="BI20" s="413">
        <v>0</v>
      </c>
      <c r="BJ20" s="102">
        <v>144</v>
      </c>
      <c r="BK20" s="102">
        <v>159</v>
      </c>
      <c r="BL20" s="102">
        <v>139</v>
      </c>
      <c r="BM20" s="102">
        <v>117</v>
      </c>
      <c r="BN20" s="102">
        <v>45</v>
      </c>
      <c r="BO20" s="103">
        <v>604</v>
      </c>
      <c r="BP20" s="104">
        <v>811</v>
      </c>
      <c r="BQ20" s="101">
        <v>50</v>
      </c>
      <c r="BR20" s="102">
        <v>60</v>
      </c>
      <c r="BS20" s="103">
        <v>110</v>
      </c>
      <c r="BT20" s="413">
        <v>0</v>
      </c>
      <c r="BU20" s="102">
        <v>87</v>
      </c>
      <c r="BV20" s="102">
        <v>138</v>
      </c>
      <c r="BW20" s="102">
        <v>95</v>
      </c>
      <c r="BX20" s="102">
        <v>76</v>
      </c>
      <c r="BY20" s="102">
        <v>39</v>
      </c>
      <c r="BZ20" s="103">
        <v>435</v>
      </c>
      <c r="CA20" s="104">
        <v>545</v>
      </c>
      <c r="CB20" s="101">
        <v>8</v>
      </c>
      <c r="CC20" s="102">
        <v>16</v>
      </c>
      <c r="CD20" s="103">
        <v>24</v>
      </c>
      <c r="CE20" s="413">
        <v>0</v>
      </c>
      <c r="CF20" s="102">
        <v>26</v>
      </c>
      <c r="CG20" s="102">
        <v>35</v>
      </c>
      <c r="CH20" s="102">
        <v>31</v>
      </c>
      <c r="CI20" s="102">
        <v>17</v>
      </c>
      <c r="CJ20" s="102">
        <v>16</v>
      </c>
      <c r="CK20" s="103">
        <v>125</v>
      </c>
      <c r="CL20" s="104">
        <v>149</v>
      </c>
      <c r="CM20" s="101">
        <v>383</v>
      </c>
      <c r="CN20" s="102">
        <v>412</v>
      </c>
      <c r="CO20" s="103">
        <v>795</v>
      </c>
      <c r="CP20" s="413">
        <v>0</v>
      </c>
      <c r="CQ20" s="102">
        <v>591</v>
      </c>
      <c r="CR20" s="102">
        <v>875</v>
      </c>
      <c r="CS20" s="102">
        <v>614</v>
      </c>
      <c r="CT20" s="102">
        <v>460</v>
      </c>
      <c r="CU20" s="102">
        <v>251</v>
      </c>
      <c r="CV20" s="103">
        <v>2791</v>
      </c>
      <c r="CW20" s="104">
        <v>3586</v>
      </c>
      <c r="CX20" s="105">
        <v>677</v>
      </c>
      <c r="CY20" s="97">
        <v>959</v>
      </c>
      <c r="CZ20" s="98">
        <v>1636</v>
      </c>
      <c r="DA20" s="413">
        <v>0</v>
      </c>
      <c r="DB20" s="97">
        <v>933</v>
      </c>
      <c r="DC20" s="97">
        <v>1399</v>
      </c>
      <c r="DD20" s="97">
        <v>987</v>
      </c>
      <c r="DE20" s="97">
        <v>945</v>
      </c>
      <c r="DF20" s="97">
        <v>600</v>
      </c>
      <c r="DG20" s="99">
        <v>4864</v>
      </c>
      <c r="DH20" s="100">
        <v>6500</v>
      </c>
      <c r="DI20" s="101">
        <v>17</v>
      </c>
      <c r="DJ20" s="102">
        <v>33</v>
      </c>
      <c r="DK20" s="103">
        <v>50</v>
      </c>
      <c r="DL20" s="413">
        <v>0</v>
      </c>
      <c r="DM20" s="102">
        <v>14</v>
      </c>
      <c r="DN20" s="102">
        <v>29</v>
      </c>
      <c r="DO20" s="102">
        <v>25</v>
      </c>
      <c r="DP20" s="102">
        <v>23</v>
      </c>
      <c r="DQ20" s="102">
        <v>17</v>
      </c>
      <c r="DR20" s="103">
        <v>108</v>
      </c>
      <c r="DS20" s="104">
        <v>158</v>
      </c>
      <c r="DT20" s="101">
        <v>43</v>
      </c>
      <c r="DU20" s="102">
        <v>65</v>
      </c>
      <c r="DV20" s="103">
        <v>108</v>
      </c>
      <c r="DW20" s="413">
        <v>0</v>
      </c>
      <c r="DX20" s="102">
        <v>65</v>
      </c>
      <c r="DY20" s="102">
        <v>76</v>
      </c>
      <c r="DZ20" s="102">
        <v>57</v>
      </c>
      <c r="EA20" s="102">
        <v>59</v>
      </c>
      <c r="EB20" s="102">
        <v>30</v>
      </c>
      <c r="EC20" s="103">
        <v>287</v>
      </c>
      <c r="ED20" s="104">
        <v>395</v>
      </c>
      <c r="EE20" s="101">
        <v>123</v>
      </c>
      <c r="EF20" s="102">
        <v>173</v>
      </c>
      <c r="EG20" s="103">
        <v>296</v>
      </c>
      <c r="EH20" s="413">
        <v>0</v>
      </c>
      <c r="EI20" s="102">
        <v>129</v>
      </c>
      <c r="EJ20" s="102">
        <v>160</v>
      </c>
      <c r="EK20" s="102">
        <v>119</v>
      </c>
      <c r="EL20" s="102">
        <v>84</v>
      </c>
      <c r="EM20" s="102">
        <v>56</v>
      </c>
      <c r="EN20" s="103">
        <v>548</v>
      </c>
      <c r="EO20" s="104">
        <v>844</v>
      </c>
      <c r="EP20" s="101">
        <v>217</v>
      </c>
      <c r="EQ20" s="102">
        <v>276</v>
      </c>
      <c r="ER20" s="103">
        <v>493</v>
      </c>
      <c r="ES20" s="413">
        <v>0</v>
      </c>
      <c r="ET20" s="102">
        <v>247</v>
      </c>
      <c r="EU20" s="102">
        <v>369</v>
      </c>
      <c r="EV20" s="102">
        <v>221</v>
      </c>
      <c r="EW20" s="102">
        <v>200</v>
      </c>
      <c r="EX20" s="102">
        <v>138</v>
      </c>
      <c r="EY20" s="103">
        <v>1175</v>
      </c>
      <c r="EZ20" s="104">
        <v>1668</v>
      </c>
      <c r="FA20" s="101">
        <v>189</v>
      </c>
      <c r="FB20" s="102">
        <v>264</v>
      </c>
      <c r="FC20" s="103">
        <v>453</v>
      </c>
      <c r="FD20" s="413">
        <v>0</v>
      </c>
      <c r="FE20" s="102">
        <v>258</v>
      </c>
      <c r="FF20" s="102">
        <v>400</v>
      </c>
      <c r="FG20" s="102">
        <v>262</v>
      </c>
      <c r="FH20" s="102">
        <v>218</v>
      </c>
      <c r="FI20" s="102">
        <v>161</v>
      </c>
      <c r="FJ20" s="103">
        <v>1299</v>
      </c>
      <c r="FK20" s="104">
        <v>1752</v>
      </c>
      <c r="FL20" s="101">
        <v>88</v>
      </c>
      <c r="FM20" s="102">
        <v>148</v>
      </c>
      <c r="FN20" s="103">
        <v>236</v>
      </c>
      <c r="FO20" s="413">
        <v>0</v>
      </c>
      <c r="FP20" s="102">
        <v>220</v>
      </c>
      <c r="FQ20" s="102">
        <v>365</v>
      </c>
      <c r="FR20" s="102">
        <v>303</v>
      </c>
      <c r="FS20" s="102">
        <v>361</v>
      </c>
      <c r="FT20" s="102">
        <v>198</v>
      </c>
      <c r="FU20" s="103">
        <v>1447</v>
      </c>
      <c r="FV20" s="104">
        <v>1683</v>
      </c>
      <c r="FW20" s="101">
        <v>6</v>
      </c>
      <c r="FX20" s="102">
        <v>17</v>
      </c>
      <c r="FY20" s="103">
        <v>23</v>
      </c>
      <c r="FZ20" s="413">
        <v>0</v>
      </c>
      <c r="GA20" s="102">
        <v>5</v>
      </c>
      <c r="GB20" s="102">
        <v>31</v>
      </c>
      <c r="GC20" s="102">
        <v>18</v>
      </c>
      <c r="GD20" s="102">
        <v>18</v>
      </c>
      <c r="GE20" s="102">
        <v>23</v>
      </c>
      <c r="GF20" s="103">
        <v>95</v>
      </c>
      <c r="GG20" s="104">
        <v>118</v>
      </c>
      <c r="GH20" s="101">
        <v>683</v>
      </c>
      <c r="GI20" s="102">
        <v>976</v>
      </c>
      <c r="GJ20" s="103">
        <v>1659</v>
      </c>
      <c r="GK20" s="413">
        <v>0</v>
      </c>
      <c r="GL20" s="102">
        <v>938</v>
      </c>
      <c r="GM20" s="102">
        <v>1430</v>
      </c>
      <c r="GN20" s="102">
        <v>1005</v>
      </c>
      <c r="GO20" s="102">
        <v>963</v>
      </c>
      <c r="GP20" s="102">
        <v>623</v>
      </c>
      <c r="GQ20" s="103">
        <v>4959</v>
      </c>
      <c r="GR20" s="104">
        <v>6618</v>
      </c>
      <c r="GS20" s="105">
        <v>1052</v>
      </c>
      <c r="GT20" s="97">
        <v>1355</v>
      </c>
      <c r="GU20" s="98">
        <v>2407</v>
      </c>
      <c r="GV20" s="413">
        <v>0</v>
      </c>
      <c r="GW20" s="97">
        <v>1498</v>
      </c>
      <c r="GX20" s="97">
        <v>2239</v>
      </c>
      <c r="GY20" s="97">
        <v>1570</v>
      </c>
      <c r="GZ20" s="97">
        <v>1388</v>
      </c>
      <c r="HA20" s="97">
        <v>835</v>
      </c>
      <c r="HB20" s="99">
        <v>7530</v>
      </c>
      <c r="HC20" s="100">
        <v>9937</v>
      </c>
      <c r="HD20" s="101">
        <v>33</v>
      </c>
      <c r="HE20" s="102">
        <v>49</v>
      </c>
      <c r="HF20" s="103">
        <v>82</v>
      </c>
      <c r="HG20" s="416">
        <v>0</v>
      </c>
      <c r="HH20" s="102">
        <v>37</v>
      </c>
      <c r="HI20" s="102">
        <v>76</v>
      </c>
      <c r="HJ20" s="102">
        <v>61</v>
      </c>
      <c r="HK20" s="102">
        <v>50</v>
      </c>
      <c r="HL20" s="102">
        <v>37</v>
      </c>
      <c r="HM20" s="103">
        <v>261</v>
      </c>
      <c r="HN20" s="104">
        <v>343</v>
      </c>
      <c r="HO20" s="101">
        <v>69</v>
      </c>
      <c r="HP20" s="102">
        <v>112</v>
      </c>
      <c r="HQ20" s="103">
        <v>181</v>
      </c>
      <c r="HR20" s="413">
        <v>0</v>
      </c>
      <c r="HS20" s="102">
        <v>113</v>
      </c>
      <c r="HT20" s="102">
        <v>174</v>
      </c>
      <c r="HU20" s="102">
        <v>120</v>
      </c>
      <c r="HV20" s="102">
        <v>97</v>
      </c>
      <c r="HW20" s="102">
        <v>61</v>
      </c>
      <c r="HX20" s="103">
        <v>565</v>
      </c>
      <c r="HY20" s="104">
        <v>746</v>
      </c>
      <c r="HZ20" s="101">
        <v>178</v>
      </c>
      <c r="IA20" s="102">
        <v>260</v>
      </c>
      <c r="IB20" s="103">
        <v>438</v>
      </c>
      <c r="IC20" s="413">
        <v>0</v>
      </c>
      <c r="ID20" s="102">
        <v>222</v>
      </c>
      <c r="IE20" s="102">
        <v>316</v>
      </c>
      <c r="IF20" s="102">
        <v>218</v>
      </c>
      <c r="IG20" s="102">
        <v>153</v>
      </c>
      <c r="IH20" s="102">
        <v>112</v>
      </c>
      <c r="II20" s="103">
        <v>1021</v>
      </c>
      <c r="IJ20" s="104">
        <v>1459</v>
      </c>
      <c r="IK20" s="101">
        <v>334</v>
      </c>
      <c r="IL20" s="102">
        <v>366</v>
      </c>
      <c r="IM20" s="103">
        <v>700</v>
      </c>
      <c r="IN20" s="413">
        <v>0</v>
      </c>
      <c r="IO20" s="102">
        <v>417</v>
      </c>
      <c r="IP20" s="102">
        <v>611</v>
      </c>
      <c r="IQ20" s="102">
        <v>372</v>
      </c>
      <c r="IR20" s="102">
        <v>316</v>
      </c>
      <c r="IS20" s="102">
        <v>182</v>
      </c>
      <c r="IT20" s="103">
        <v>1898</v>
      </c>
      <c r="IU20" s="104">
        <v>2598</v>
      </c>
      <c r="IV20" s="101">
        <v>300</v>
      </c>
      <c r="IW20" s="102">
        <v>360</v>
      </c>
      <c r="IX20" s="103">
        <v>660</v>
      </c>
      <c r="IY20" s="413">
        <v>0</v>
      </c>
      <c r="IZ20" s="102">
        <v>402</v>
      </c>
      <c r="JA20" s="102">
        <v>559</v>
      </c>
      <c r="JB20" s="102">
        <v>401</v>
      </c>
      <c r="JC20" s="102">
        <v>335</v>
      </c>
      <c r="JD20" s="102">
        <v>206</v>
      </c>
      <c r="JE20" s="103">
        <v>1903</v>
      </c>
      <c r="JF20" s="104">
        <v>2563</v>
      </c>
      <c r="JG20" s="101">
        <v>138</v>
      </c>
      <c r="JH20" s="102">
        <v>208</v>
      </c>
      <c r="JI20" s="103">
        <v>346</v>
      </c>
      <c r="JJ20" s="413">
        <v>0</v>
      </c>
      <c r="JK20" s="102">
        <v>307</v>
      </c>
      <c r="JL20" s="102">
        <v>503</v>
      </c>
      <c r="JM20" s="102">
        <v>398</v>
      </c>
      <c r="JN20" s="102">
        <v>437</v>
      </c>
      <c r="JO20" s="102">
        <v>237</v>
      </c>
      <c r="JP20" s="103">
        <v>1882</v>
      </c>
      <c r="JQ20" s="104">
        <v>2228</v>
      </c>
      <c r="JR20" s="101">
        <v>14</v>
      </c>
      <c r="JS20" s="102">
        <v>33</v>
      </c>
      <c r="JT20" s="103">
        <v>47</v>
      </c>
      <c r="JU20" s="413">
        <v>0</v>
      </c>
      <c r="JV20" s="102">
        <v>31</v>
      </c>
      <c r="JW20" s="102">
        <v>66</v>
      </c>
      <c r="JX20" s="102">
        <v>49</v>
      </c>
      <c r="JY20" s="102">
        <v>35</v>
      </c>
      <c r="JZ20" s="102">
        <v>39</v>
      </c>
      <c r="KA20" s="103">
        <v>220</v>
      </c>
      <c r="KB20" s="104">
        <v>267</v>
      </c>
      <c r="KC20" s="101">
        <v>1066</v>
      </c>
      <c r="KD20" s="102">
        <v>1388</v>
      </c>
      <c r="KE20" s="103">
        <v>2454</v>
      </c>
      <c r="KF20" s="413">
        <v>0</v>
      </c>
      <c r="KG20" s="102">
        <v>1529</v>
      </c>
      <c r="KH20" s="102">
        <v>2305</v>
      </c>
      <c r="KI20" s="102">
        <v>1619</v>
      </c>
      <c r="KJ20" s="102">
        <v>1423</v>
      </c>
      <c r="KK20" s="102">
        <v>874</v>
      </c>
      <c r="KL20" s="103">
        <v>7750</v>
      </c>
      <c r="KM20" s="104">
        <v>10204</v>
      </c>
    </row>
    <row r="21" spans="2:299" s="70" customFormat="1" ht="21" customHeight="1" x14ac:dyDescent="0.2">
      <c r="B21" s="106" t="s">
        <v>18</v>
      </c>
      <c r="C21" s="96">
        <v>458</v>
      </c>
      <c r="D21" s="97">
        <v>474</v>
      </c>
      <c r="E21" s="98">
        <v>932</v>
      </c>
      <c r="F21" s="413">
        <v>0</v>
      </c>
      <c r="G21" s="97">
        <v>982</v>
      </c>
      <c r="H21" s="97">
        <v>826</v>
      </c>
      <c r="I21" s="97">
        <v>573</v>
      </c>
      <c r="J21" s="97">
        <v>417</v>
      </c>
      <c r="K21" s="97">
        <v>294</v>
      </c>
      <c r="L21" s="99">
        <v>3092</v>
      </c>
      <c r="M21" s="100">
        <v>4024</v>
      </c>
      <c r="N21" s="101">
        <v>26</v>
      </c>
      <c r="O21" s="102">
        <v>22</v>
      </c>
      <c r="P21" s="103">
        <v>48</v>
      </c>
      <c r="Q21" s="413">
        <v>0</v>
      </c>
      <c r="R21" s="102">
        <v>42</v>
      </c>
      <c r="S21" s="102">
        <v>46</v>
      </c>
      <c r="T21" s="102">
        <v>36</v>
      </c>
      <c r="U21" s="102">
        <v>22</v>
      </c>
      <c r="V21" s="102">
        <v>25</v>
      </c>
      <c r="W21" s="103">
        <v>171</v>
      </c>
      <c r="X21" s="104">
        <v>219</v>
      </c>
      <c r="Y21" s="101">
        <v>42</v>
      </c>
      <c r="Z21" s="102">
        <v>46</v>
      </c>
      <c r="AA21" s="103">
        <v>88</v>
      </c>
      <c r="AB21" s="413">
        <v>0</v>
      </c>
      <c r="AC21" s="102">
        <v>103</v>
      </c>
      <c r="AD21" s="102">
        <v>75</v>
      </c>
      <c r="AE21" s="102">
        <v>54</v>
      </c>
      <c r="AF21" s="102">
        <v>49</v>
      </c>
      <c r="AG21" s="102">
        <v>33</v>
      </c>
      <c r="AH21" s="103">
        <v>314</v>
      </c>
      <c r="AI21" s="104">
        <v>402</v>
      </c>
      <c r="AJ21" s="101">
        <v>76</v>
      </c>
      <c r="AK21" s="102">
        <v>83</v>
      </c>
      <c r="AL21" s="103">
        <v>159</v>
      </c>
      <c r="AM21" s="413">
        <v>0</v>
      </c>
      <c r="AN21" s="102">
        <v>149</v>
      </c>
      <c r="AO21" s="102">
        <v>143</v>
      </c>
      <c r="AP21" s="102">
        <v>88</v>
      </c>
      <c r="AQ21" s="102">
        <v>68</v>
      </c>
      <c r="AR21" s="102">
        <v>52</v>
      </c>
      <c r="AS21" s="103">
        <v>500</v>
      </c>
      <c r="AT21" s="104">
        <v>659</v>
      </c>
      <c r="AU21" s="101">
        <v>135</v>
      </c>
      <c r="AV21" s="102">
        <v>131</v>
      </c>
      <c r="AW21" s="103">
        <v>266</v>
      </c>
      <c r="AX21" s="413">
        <v>0</v>
      </c>
      <c r="AY21" s="102">
        <v>281</v>
      </c>
      <c r="AZ21" s="102">
        <v>228</v>
      </c>
      <c r="BA21" s="102">
        <v>132</v>
      </c>
      <c r="BB21" s="102">
        <v>101</v>
      </c>
      <c r="BC21" s="102">
        <v>97</v>
      </c>
      <c r="BD21" s="103">
        <v>839</v>
      </c>
      <c r="BE21" s="104">
        <v>1105</v>
      </c>
      <c r="BF21" s="101">
        <v>124</v>
      </c>
      <c r="BG21" s="102">
        <v>124</v>
      </c>
      <c r="BH21" s="103">
        <v>248</v>
      </c>
      <c r="BI21" s="413">
        <v>0</v>
      </c>
      <c r="BJ21" s="102">
        <v>261</v>
      </c>
      <c r="BK21" s="102">
        <v>203</v>
      </c>
      <c r="BL21" s="102">
        <v>155</v>
      </c>
      <c r="BM21" s="102">
        <v>113</v>
      </c>
      <c r="BN21" s="102">
        <v>50</v>
      </c>
      <c r="BO21" s="103">
        <v>782</v>
      </c>
      <c r="BP21" s="104">
        <v>1030</v>
      </c>
      <c r="BQ21" s="101">
        <v>55</v>
      </c>
      <c r="BR21" s="102">
        <v>68</v>
      </c>
      <c r="BS21" s="103">
        <v>123</v>
      </c>
      <c r="BT21" s="413">
        <v>0</v>
      </c>
      <c r="BU21" s="102">
        <v>146</v>
      </c>
      <c r="BV21" s="102">
        <v>131</v>
      </c>
      <c r="BW21" s="102">
        <v>108</v>
      </c>
      <c r="BX21" s="102">
        <v>64</v>
      </c>
      <c r="BY21" s="102">
        <v>37</v>
      </c>
      <c r="BZ21" s="103">
        <v>486</v>
      </c>
      <c r="CA21" s="104">
        <v>609</v>
      </c>
      <c r="CB21" s="101">
        <v>12</v>
      </c>
      <c r="CC21" s="102">
        <v>27</v>
      </c>
      <c r="CD21" s="103">
        <v>39</v>
      </c>
      <c r="CE21" s="413">
        <v>0</v>
      </c>
      <c r="CF21" s="102">
        <v>32</v>
      </c>
      <c r="CG21" s="102">
        <v>38</v>
      </c>
      <c r="CH21" s="102">
        <v>24</v>
      </c>
      <c r="CI21" s="102">
        <v>31</v>
      </c>
      <c r="CJ21" s="102">
        <v>16</v>
      </c>
      <c r="CK21" s="103">
        <v>141</v>
      </c>
      <c r="CL21" s="104">
        <v>180</v>
      </c>
      <c r="CM21" s="101">
        <v>470</v>
      </c>
      <c r="CN21" s="102">
        <v>501</v>
      </c>
      <c r="CO21" s="103">
        <v>971</v>
      </c>
      <c r="CP21" s="413">
        <v>0</v>
      </c>
      <c r="CQ21" s="102">
        <v>1014</v>
      </c>
      <c r="CR21" s="102">
        <v>864</v>
      </c>
      <c r="CS21" s="102">
        <v>597</v>
      </c>
      <c r="CT21" s="102">
        <v>448</v>
      </c>
      <c r="CU21" s="102">
        <v>310</v>
      </c>
      <c r="CV21" s="103">
        <v>3233</v>
      </c>
      <c r="CW21" s="104">
        <v>4204</v>
      </c>
      <c r="CX21" s="105">
        <v>819</v>
      </c>
      <c r="CY21" s="97">
        <v>1210</v>
      </c>
      <c r="CZ21" s="98">
        <v>2029</v>
      </c>
      <c r="DA21" s="413">
        <v>0</v>
      </c>
      <c r="DB21" s="97">
        <v>1530</v>
      </c>
      <c r="DC21" s="97">
        <v>1302</v>
      </c>
      <c r="DD21" s="97">
        <v>1018</v>
      </c>
      <c r="DE21" s="97">
        <v>987</v>
      </c>
      <c r="DF21" s="97">
        <v>663</v>
      </c>
      <c r="DG21" s="99">
        <v>5500</v>
      </c>
      <c r="DH21" s="100">
        <v>7529</v>
      </c>
      <c r="DI21" s="101">
        <v>10</v>
      </c>
      <c r="DJ21" s="102">
        <v>34</v>
      </c>
      <c r="DK21" s="103">
        <v>44</v>
      </c>
      <c r="DL21" s="413">
        <v>0</v>
      </c>
      <c r="DM21" s="102">
        <v>37</v>
      </c>
      <c r="DN21" s="102">
        <v>19</v>
      </c>
      <c r="DO21" s="102">
        <v>19</v>
      </c>
      <c r="DP21" s="102">
        <v>24</v>
      </c>
      <c r="DQ21" s="102">
        <v>16</v>
      </c>
      <c r="DR21" s="103">
        <v>115</v>
      </c>
      <c r="DS21" s="104">
        <v>159</v>
      </c>
      <c r="DT21" s="101">
        <v>70</v>
      </c>
      <c r="DU21" s="102">
        <v>75</v>
      </c>
      <c r="DV21" s="103">
        <v>145</v>
      </c>
      <c r="DW21" s="413">
        <v>0</v>
      </c>
      <c r="DX21" s="102">
        <v>89</v>
      </c>
      <c r="DY21" s="102">
        <v>78</v>
      </c>
      <c r="DZ21" s="102">
        <v>33</v>
      </c>
      <c r="EA21" s="102">
        <v>44</v>
      </c>
      <c r="EB21" s="102">
        <v>41</v>
      </c>
      <c r="EC21" s="103">
        <v>285</v>
      </c>
      <c r="ED21" s="104">
        <v>430</v>
      </c>
      <c r="EE21" s="101">
        <v>151</v>
      </c>
      <c r="EF21" s="102">
        <v>207</v>
      </c>
      <c r="EG21" s="103">
        <v>358</v>
      </c>
      <c r="EH21" s="413">
        <v>0</v>
      </c>
      <c r="EI21" s="102">
        <v>209</v>
      </c>
      <c r="EJ21" s="102">
        <v>156</v>
      </c>
      <c r="EK21" s="102">
        <v>106</v>
      </c>
      <c r="EL21" s="102">
        <v>95</v>
      </c>
      <c r="EM21" s="102">
        <v>76</v>
      </c>
      <c r="EN21" s="103">
        <v>642</v>
      </c>
      <c r="EO21" s="104">
        <v>1000</v>
      </c>
      <c r="EP21" s="101">
        <v>283</v>
      </c>
      <c r="EQ21" s="102">
        <v>387</v>
      </c>
      <c r="ER21" s="103">
        <v>670</v>
      </c>
      <c r="ES21" s="413">
        <v>0</v>
      </c>
      <c r="ET21" s="102">
        <v>434</v>
      </c>
      <c r="EU21" s="102">
        <v>303</v>
      </c>
      <c r="EV21" s="102">
        <v>227</v>
      </c>
      <c r="EW21" s="102">
        <v>191</v>
      </c>
      <c r="EX21" s="102">
        <v>143</v>
      </c>
      <c r="EY21" s="103">
        <v>1298</v>
      </c>
      <c r="EZ21" s="104">
        <v>1968</v>
      </c>
      <c r="FA21" s="101">
        <v>209</v>
      </c>
      <c r="FB21" s="102">
        <v>326</v>
      </c>
      <c r="FC21" s="103">
        <v>535</v>
      </c>
      <c r="FD21" s="413">
        <v>0</v>
      </c>
      <c r="FE21" s="102">
        <v>418</v>
      </c>
      <c r="FF21" s="102">
        <v>403</v>
      </c>
      <c r="FG21" s="102">
        <v>304</v>
      </c>
      <c r="FH21" s="102">
        <v>245</v>
      </c>
      <c r="FI21" s="102">
        <v>163</v>
      </c>
      <c r="FJ21" s="103">
        <v>1533</v>
      </c>
      <c r="FK21" s="104">
        <v>2068</v>
      </c>
      <c r="FL21" s="101">
        <v>96</v>
      </c>
      <c r="FM21" s="102">
        <v>181</v>
      </c>
      <c r="FN21" s="103">
        <v>277</v>
      </c>
      <c r="FO21" s="413">
        <v>0</v>
      </c>
      <c r="FP21" s="102">
        <v>343</v>
      </c>
      <c r="FQ21" s="102">
        <v>343</v>
      </c>
      <c r="FR21" s="102">
        <v>329</v>
      </c>
      <c r="FS21" s="102">
        <v>388</v>
      </c>
      <c r="FT21" s="102">
        <v>224</v>
      </c>
      <c r="FU21" s="103">
        <v>1627</v>
      </c>
      <c r="FV21" s="104">
        <v>1904</v>
      </c>
      <c r="FW21" s="101">
        <v>16</v>
      </c>
      <c r="FX21" s="102">
        <v>17</v>
      </c>
      <c r="FY21" s="103">
        <v>33</v>
      </c>
      <c r="FZ21" s="413">
        <v>0</v>
      </c>
      <c r="GA21" s="102">
        <v>24</v>
      </c>
      <c r="GB21" s="102">
        <v>32</v>
      </c>
      <c r="GC21" s="102">
        <v>13</v>
      </c>
      <c r="GD21" s="102">
        <v>20</v>
      </c>
      <c r="GE21" s="102">
        <v>19</v>
      </c>
      <c r="GF21" s="103">
        <v>108</v>
      </c>
      <c r="GG21" s="104">
        <v>141</v>
      </c>
      <c r="GH21" s="101">
        <v>835</v>
      </c>
      <c r="GI21" s="102">
        <v>1227</v>
      </c>
      <c r="GJ21" s="103">
        <v>2062</v>
      </c>
      <c r="GK21" s="413">
        <v>0</v>
      </c>
      <c r="GL21" s="102">
        <v>1554</v>
      </c>
      <c r="GM21" s="102">
        <v>1334</v>
      </c>
      <c r="GN21" s="102">
        <v>1031</v>
      </c>
      <c r="GO21" s="102">
        <v>1007</v>
      </c>
      <c r="GP21" s="102">
        <v>682</v>
      </c>
      <c r="GQ21" s="103">
        <v>5608</v>
      </c>
      <c r="GR21" s="104">
        <v>7670</v>
      </c>
      <c r="GS21" s="105">
        <v>1277</v>
      </c>
      <c r="GT21" s="97">
        <v>1684</v>
      </c>
      <c r="GU21" s="98">
        <v>2961</v>
      </c>
      <c r="GV21" s="413">
        <v>0</v>
      </c>
      <c r="GW21" s="97">
        <v>2512</v>
      </c>
      <c r="GX21" s="97">
        <v>2128</v>
      </c>
      <c r="GY21" s="97">
        <v>1591</v>
      </c>
      <c r="GZ21" s="97">
        <v>1404</v>
      </c>
      <c r="HA21" s="97">
        <v>957</v>
      </c>
      <c r="HB21" s="99">
        <v>8592</v>
      </c>
      <c r="HC21" s="100">
        <v>11553</v>
      </c>
      <c r="HD21" s="101">
        <v>36</v>
      </c>
      <c r="HE21" s="102">
        <v>56</v>
      </c>
      <c r="HF21" s="103">
        <v>92</v>
      </c>
      <c r="HG21" s="416">
        <v>0</v>
      </c>
      <c r="HH21" s="102">
        <v>79</v>
      </c>
      <c r="HI21" s="102">
        <v>65</v>
      </c>
      <c r="HJ21" s="102">
        <v>55</v>
      </c>
      <c r="HK21" s="102">
        <v>46</v>
      </c>
      <c r="HL21" s="102">
        <v>41</v>
      </c>
      <c r="HM21" s="103">
        <v>286</v>
      </c>
      <c r="HN21" s="104">
        <v>378</v>
      </c>
      <c r="HO21" s="101">
        <v>112</v>
      </c>
      <c r="HP21" s="102">
        <v>121</v>
      </c>
      <c r="HQ21" s="103">
        <v>233</v>
      </c>
      <c r="HR21" s="413">
        <v>0</v>
      </c>
      <c r="HS21" s="102">
        <v>192</v>
      </c>
      <c r="HT21" s="102">
        <v>153</v>
      </c>
      <c r="HU21" s="102">
        <v>87</v>
      </c>
      <c r="HV21" s="102">
        <v>93</v>
      </c>
      <c r="HW21" s="102">
        <v>74</v>
      </c>
      <c r="HX21" s="103">
        <v>599</v>
      </c>
      <c r="HY21" s="104">
        <v>832</v>
      </c>
      <c r="HZ21" s="101">
        <v>227</v>
      </c>
      <c r="IA21" s="102">
        <v>290</v>
      </c>
      <c r="IB21" s="103">
        <v>517</v>
      </c>
      <c r="IC21" s="413">
        <v>0</v>
      </c>
      <c r="ID21" s="102">
        <v>358</v>
      </c>
      <c r="IE21" s="102">
        <v>299</v>
      </c>
      <c r="IF21" s="102">
        <v>194</v>
      </c>
      <c r="IG21" s="102">
        <v>163</v>
      </c>
      <c r="IH21" s="102">
        <v>128</v>
      </c>
      <c r="II21" s="103">
        <v>1142</v>
      </c>
      <c r="IJ21" s="104">
        <v>1659</v>
      </c>
      <c r="IK21" s="101">
        <v>418</v>
      </c>
      <c r="IL21" s="102">
        <v>518</v>
      </c>
      <c r="IM21" s="103">
        <v>936</v>
      </c>
      <c r="IN21" s="413">
        <v>0</v>
      </c>
      <c r="IO21" s="102">
        <v>715</v>
      </c>
      <c r="IP21" s="102">
        <v>531</v>
      </c>
      <c r="IQ21" s="102">
        <v>359</v>
      </c>
      <c r="IR21" s="102">
        <v>292</v>
      </c>
      <c r="IS21" s="102">
        <v>240</v>
      </c>
      <c r="IT21" s="103">
        <v>2137</v>
      </c>
      <c r="IU21" s="104">
        <v>3073</v>
      </c>
      <c r="IV21" s="101">
        <v>333</v>
      </c>
      <c r="IW21" s="102">
        <v>450</v>
      </c>
      <c r="IX21" s="103">
        <v>783</v>
      </c>
      <c r="IY21" s="413">
        <v>0</v>
      </c>
      <c r="IZ21" s="102">
        <v>679</v>
      </c>
      <c r="JA21" s="102">
        <v>606</v>
      </c>
      <c r="JB21" s="102">
        <v>459</v>
      </c>
      <c r="JC21" s="102">
        <v>358</v>
      </c>
      <c r="JD21" s="102">
        <v>213</v>
      </c>
      <c r="JE21" s="103">
        <v>2315</v>
      </c>
      <c r="JF21" s="104">
        <v>3098</v>
      </c>
      <c r="JG21" s="101">
        <v>151</v>
      </c>
      <c r="JH21" s="102">
        <v>249</v>
      </c>
      <c r="JI21" s="103">
        <v>400</v>
      </c>
      <c r="JJ21" s="413">
        <v>0</v>
      </c>
      <c r="JK21" s="102">
        <v>489</v>
      </c>
      <c r="JL21" s="102">
        <v>474</v>
      </c>
      <c r="JM21" s="102">
        <v>437</v>
      </c>
      <c r="JN21" s="102">
        <v>452</v>
      </c>
      <c r="JO21" s="102">
        <v>261</v>
      </c>
      <c r="JP21" s="103">
        <v>2113</v>
      </c>
      <c r="JQ21" s="104">
        <v>2513</v>
      </c>
      <c r="JR21" s="101">
        <v>28</v>
      </c>
      <c r="JS21" s="102">
        <v>44</v>
      </c>
      <c r="JT21" s="103">
        <v>72</v>
      </c>
      <c r="JU21" s="413">
        <v>0</v>
      </c>
      <c r="JV21" s="102">
        <v>56</v>
      </c>
      <c r="JW21" s="102">
        <v>70</v>
      </c>
      <c r="JX21" s="102">
        <v>37</v>
      </c>
      <c r="JY21" s="102">
        <v>51</v>
      </c>
      <c r="JZ21" s="102">
        <v>35</v>
      </c>
      <c r="KA21" s="103">
        <v>249</v>
      </c>
      <c r="KB21" s="104">
        <v>321</v>
      </c>
      <c r="KC21" s="101">
        <v>1305</v>
      </c>
      <c r="KD21" s="102">
        <v>1728</v>
      </c>
      <c r="KE21" s="103">
        <v>3033</v>
      </c>
      <c r="KF21" s="413">
        <v>0</v>
      </c>
      <c r="KG21" s="102">
        <v>2568</v>
      </c>
      <c r="KH21" s="102">
        <v>2198</v>
      </c>
      <c r="KI21" s="102">
        <v>1628</v>
      </c>
      <c r="KJ21" s="102">
        <v>1455</v>
      </c>
      <c r="KK21" s="102">
        <v>992</v>
      </c>
      <c r="KL21" s="103">
        <v>8841</v>
      </c>
      <c r="KM21" s="104">
        <v>11874</v>
      </c>
    </row>
    <row r="22" spans="2:299" s="70" customFormat="1" ht="21" customHeight="1" x14ac:dyDescent="0.2">
      <c r="B22" s="106" t="s">
        <v>19</v>
      </c>
      <c r="C22" s="96">
        <v>243</v>
      </c>
      <c r="D22" s="97">
        <v>203</v>
      </c>
      <c r="E22" s="98">
        <v>446</v>
      </c>
      <c r="F22" s="413">
        <v>0</v>
      </c>
      <c r="G22" s="97">
        <v>425</v>
      </c>
      <c r="H22" s="97">
        <v>321</v>
      </c>
      <c r="I22" s="97">
        <v>243</v>
      </c>
      <c r="J22" s="97">
        <v>153</v>
      </c>
      <c r="K22" s="97">
        <v>100</v>
      </c>
      <c r="L22" s="99">
        <v>1242</v>
      </c>
      <c r="M22" s="100">
        <v>1688</v>
      </c>
      <c r="N22" s="107">
        <v>6</v>
      </c>
      <c r="O22" s="102">
        <v>10</v>
      </c>
      <c r="P22" s="103">
        <v>16</v>
      </c>
      <c r="Q22" s="413">
        <v>0</v>
      </c>
      <c r="R22" s="102">
        <v>13</v>
      </c>
      <c r="S22" s="102">
        <v>12</v>
      </c>
      <c r="T22" s="102">
        <v>10</v>
      </c>
      <c r="U22" s="102">
        <v>7</v>
      </c>
      <c r="V22" s="102">
        <v>6</v>
      </c>
      <c r="W22" s="103">
        <v>48</v>
      </c>
      <c r="X22" s="104">
        <v>64</v>
      </c>
      <c r="Y22" s="101">
        <v>17</v>
      </c>
      <c r="Z22" s="102">
        <v>23</v>
      </c>
      <c r="AA22" s="103">
        <v>40</v>
      </c>
      <c r="AB22" s="413">
        <v>0</v>
      </c>
      <c r="AC22" s="102">
        <v>48</v>
      </c>
      <c r="AD22" s="102">
        <v>31</v>
      </c>
      <c r="AE22" s="102">
        <v>31</v>
      </c>
      <c r="AF22" s="102">
        <v>17</v>
      </c>
      <c r="AG22" s="102">
        <v>10</v>
      </c>
      <c r="AH22" s="103">
        <v>137</v>
      </c>
      <c r="AI22" s="104">
        <v>177</v>
      </c>
      <c r="AJ22" s="107">
        <v>36</v>
      </c>
      <c r="AK22" s="102">
        <v>32</v>
      </c>
      <c r="AL22" s="103">
        <v>68</v>
      </c>
      <c r="AM22" s="413">
        <v>0</v>
      </c>
      <c r="AN22" s="102">
        <v>71</v>
      </c>
      <c r="AO22" s="102">
        <v>56</v>
      </c>
      <c r="AP22" s="102">
        <v>38</v>
      </c>
      <c r="AQ22" s="102">
        <v>30</v>
      </c>
      <c r="AR22" s="102">
        <v>17</v>
      </c>
      <c r="AS22" s="103">
        <v>212</v>
      </c>
      <c r="AT22" s="104">
        <v>280</v>
      </c>
      <c r="AU22" s="101">
        <v>70</v>
      </c>
      <c r="AV22" s="102">
        <v>50</v>
      </c>
      <c r="AW22" s="103">
        <v>120</v>
      </c>
      <c r="AX22" s="413">
        <v>0</v>
      </c>
      <c r="AY22" s="102">
        <v>105</v>
      </c>
      <c r="AZ22" s="102">
        <v>86</v>
      </c>
      <c r="BA22" s="102">
        <v>67</v>
      </c>
      <c r="BB22" s="102">
        <v>41</v>
      </c>
      <c r="BC22" s="102">
        <v>21</v>
      </c>
      <c r="BD22" s="103">
        <v>320</v>
      </c>
      <c r="BE22" s="104">
        <v>440</v>
      </c>
      <c r="BF22" s="107">
        <v>72</v>
      </c>
      <c r="BG22" s="102">
        <v>41</v>
      </c>
      <c r="BH22" s="103">
        <v>113</v>
      </c>
      <c r="BI22" s="413">
        <v>0</v>
      </c>
      <c r="BJ22" s="102">
        <v>108</v>
      </c>
      <c r="BK22" s="102">
        <v>80</v>
      </c>
      <c r="BL22" s="102">
        <v>51</v>
      </c>
      <c r="BM22" s="102">
        <v>39</v>
      </c>
      <c r="BN22" s="102">
        <v>35</v>
      </c>
      <c r="BO22" s="103">
        <v>313</v>
      </c>
      <c r="BP22" s="104">
        <v>426</v>
      </c>
      <c r="BQ22" s="101">
        <v>42</v>
      </c>
      <c r="BR22" s="102">
        <v>47</v>
      </c>
      <c r="BS22" s="103">
        <v>89</v>
      </c>
      <c r="BT22" s="413">
        <v>0</v>
      </c>
      <c r="BU22" s="102">
        <v>80</v>
      </c>
      <c r="BV22" s="102">
        <v>56</v>
      </c>
      <c r="BW22" s="102">
        <v>46</v>
      </c>
      <c r="BX22" s="102">
        <v>19</v>
      </c>
      <c r="BY22" s="102">
        <v>11</v>
      </c>
      <c r="BZ22" s="103">
        <v>212</v>
      </c>
      <c r="CA22" s="104">
        <v>301</v>
      </c>
      <c r="CB22" s="101">
        <v>9</v>
      </c>
      <c r="CC22" s="102">
        <v>8</v>
      </c>
      <c r="CD22" s="103">
        <v>17</v>
      </c>
      <c r="CE22" s="413">
        <v>0</v>
      </c>
      <c r="CF22" s="102">
        <v>19</v>
      </c>
      <c r="CG22" s="102">
        <v>12</v>
      </c>
      <c r="CH22" s="102">
        <v>12</v>
      </c>
      <c r="CI22" s="102">
        <v>7</v>
      </c>
      <c r="CJ22" s="102">
        <v>6</v>
      </c>
      <c r="CK22" s="103">
        <v>56</v>
      </c>
      <c r="CL22" s="104">
        <v>73</v>
      </c>
      <c r="CM22" s="101">
        <v>252</v>
      </c>
      <c r="CN22" s="102">
        <v>211</v>
      </c>
      <c r="CO22" s="103">
        <v>463</v>
      </c>
      <c r="CP22" s="413">
        <v>0</v>
      </c>
      <c r="CQ22" s="102">
        <v>444</v>
      </c>
      <c r="CR22" s="102">
        <v>333</v>
      </c>
      <c r="CS22" s="102">
        <v>255</v>
      </c>
      <c r="CT22" s="102">
        <v>160</v>
      </c>
      <c r="CU22" s="102">
        <v>106</v>
      </c>
      <c r="CV22" s="103">
        <v>1298</v>
      </c>
      <c r="CW22" s="104">
        <v>1761</v>
      </c>
      <c r="CX22" s="105">
        <v>428</v>
      </c>
      <c r="CY22" s="97">
        <v>437</v>
      </c>
      <c r="CZ22" s="98">
        <v>865</v>
      </c>
      <c r="DA22" s="413">
        <v>0</v>
      </c>
      <c r="DB22" s="97">
        <v>717</v>
      </c>
      <c r="DC22" s="97">
        <v>490</v>
      </c>
      <c r="DD22" s="97">
        <v>447</v>
      </c>
      <c r="DE22" s="97">
        <v>338</v>
      </c>
      <c r="DF22" s="97">
        <v>265</v>
      </c>
      <c r="DG22" s="99">
        <v>2257</v>
      </c>
      <c r="DH22" s="100">
        <v>3122</v>
      </c>
      <c r="DI22" s="107">
        <v>12</v>
      </c>
      <c r="DJ22" s="102">
        <v>2</v>
      </c>
      <c r="DK22" s="103">
        <v>14</v>
      </c>
      <c r="DL22" s="413">
        <v>0</v>
      </c>
      <c r="DM22" s="102">
        <v>14</v>
      </c>
      <c r="DN22" s="102">
        <v>14</v>
      </c>
      <c r="DO22" s="102">
        <v>8</v>
      </c>
      <c r="DP22" s="102">
        <v>3</v>
      </c>
      <c r="DQ22" s="102">
        <v>2</v>
      </c>
      <c r="DR22" s="103">
        <v>41</v>
      </c>
      <c r="DS22" s="104">
        <v>55</v>
      </c>
      <c r="DT22" s="101">
        <v>31</v>
      </c>
      <c r="DU22" s="102">
        <v>32</v>
      </c>
      <c r="DV22" s="103">
        <v>63</v>
      </c>
      <c r="DW22" s="413">
        <v>0</v>
      </c>
      <c r="DX22" s="102">
        <v>43</v>
      </c>
      <c r="DY22" s="102">
        <v>26</v>
      </c>
      <c r="DZ22" s="102">
        <v>17</v>
      </c>
      <c r="EA22" s="102">
        <v>10</v>
      </c>
      <c r="EB22" s="102">
        <v>23</v>
      </c>
      <c r="EC22" s="103">
        <v>119</v>
      </c>
      <c r="ED22" s="104">
        <v>182</v>
      </c>
      <c r="EE22" s="107">
        <v>73</v>
      </c>
      <c r="EF22" s="102">
        <v>78</v>
      </c>
      <c r="EG22" s="103">
        <v>151</v>
      </c>
      <c r="EH22" s="413">
        <v>0</v>
      </c>
      <c r="EI22" s="102">
        <v>90</v>
      </c>
      <c r="EJ22" s="102">
        <v>49</v>
      </c>
      <c r="EK22" s="102">
        <v>40</v>
      </c>
      <c r="EL22" s="102">
        <v>34</v>
      </c>
      <c r="EM22" s="102">
        <v>18</v>
      </c>
      <c r="EN22" s="103">
        <v>231</v>
      </c>
      <c r="EO22" s="104">
        <v>382</v>
      </c>
      <c r="EP22" s="101">
        <v>132</v>
      </c>
      <c r="EQ22" s="102">
        <v>122</v>
      </c>
      <c r="ER22" s="103">
        <v>254</v>
      </c>
      <c r="ES22" s="413">
        <v>0</v>
      </c>
      <c r="ET22" s="102">
        <v>193</v>
      </c>
      <c r="EU22" s="102">
        <v>113</v>
      </c>
      <c r="EV22" s="102">
        <v>91</v>
      </c>
      <c r="EW22" s="102">
        <v>68</v>
      </c>
      <c r="EX22" s="102">
        <v>55</v>
      </c>
      <c r="EY22" s="103">
        <v>520</v>
      </c>
      <c r="EZ22" s="104">
        <v>774</v>
      </c>
      <c r="FA22" s="107">
        <v>123</v>
      </c>
      <c r="FB22" s="102">
        <v>125</v>
      </c>
      <c r="FC22" s="103">
        <v>248</v>
      </c>
      <c r="FD22" s="413">
        <v>0</v>
      </c>
      <c r="FE22" s="102">
        <v>191</v>
      </c>
      <c r="FF22" s="102">
        <v>150</v>
      </c>
      <c r="FG22" s="102">
        <v>124</v>
      </c>
      <c r="FH22" s="102">
        <v>91</v>
      </c>
      <c r="FI22" s="102">
        <v>70</v>
      </c>
      <c r="FJ22" s="103">
        <v>626</v>
      </c>
      <c r="FK22" s="104">
        <v>874</v>
      </c>
      <c r="FL22" s="101">
        <v>57</v>
      </c>
      <c r="FM22" s="102">
        <v>78</v>
      </c>
      <c r="FN22" s="103">
        <v>135</v>
      </c>
      <c r="FO22" s="413">
        <v>0</v>
      </c>
      <c r="FP22" s="102">
        <v>186</v>
      </c>
      <c r="FQ22" s="102">
        <v>138</v>
      </c>
      <c r="FR22" s="102">
        <v>167</v>
      </c>
      <c r="FS22" s="102">
        <v>132</v>
      </c>
      <c r="FT22" s="102">
        <v>97</v>
      </c>
      <c r="FU22" s="103">
        <v>720</v>
      </c>
      <c r="FV22" s="104">
        <v>855</v>
      </c>
      <c r="FW22" s="101">
        <v>4</v>
      </c>
      <c r="FX22" s="102">
        <v>10</v>
      </c>
      <c r="FY22" s="103">
        <v>14</v>
      </c>
      <c r="FZ22" s="413">
        <v>0</v>
      </c>
      <c r="GA22" s="102">
        <v>7</v>
      </c>
      <c r="GB22" s="102">
        <v>13</v>
      </c>
      <c r="GC22" s="102">
        <v>4</v>
      </c>
      <c r="GD22" s="102">
        <v>6</v>
      </c>
      <c r="GE22" s="102">
        <v>2</v>
      </c>
      <c r="GF22" s="103">
        <v>32</v>
      </c>
      <c r="GG22" s="104">
        <v>46</v>
      </c>
      <c r="GH22" s="101">
        <v>432</v>
      </c>
      <c r="GI22" s="102">
        <v>447</v>
      </c>
      <c r="GJ22" s="103">
        <v>879</v>
      </c>
      <c r="GK22" s="413">
        <v>0</v>
      </c>
      <c r="GL22" s="102">
        <v>724</v>
      </c>
      <c r="GM22" s="102">
        <v>503</v>
      </c>
      <c r="GN22" s="102">
        <v>451</v>
      </c>
      <c r="GO22" s="102">
        <v>344</v>
      </c>
      <c r="GP22" s="102">
        <v>267</v>
      </c>
      <c r="GQ22" s="103">
        <v>2289</v>
      </c>
      <c r="GR22" s="104">
        <v>3168</v>
      </c>
      <c r="GS22" s="105">
        <v>671</v>
      </c>
      <c r="GT22" s="97">
        <v>640</v>
      </c>
      <c r="GU22" s="98">
        <v>1311</v>
      </c>
      <c r="GV22" s="413">
        <v>0</v>
      </c>
      <c r="GW22" s="97">
        <v>1142</v>
      </c>
      <c r="GX22" s="97">
        <v>811</v>
      </c>
      <c r="GY22" s="97">
        <v>690</v>
      </c>
      <c r="GZ22" s="97">
        <v>491</v>
      </c>
      <c r="HA22" s="97">
        <v>365</v>
      </c>
      <c r="HB22" s="99">
        <v>3499</v>
      </c>
      <c r="HC22" s="100">
        <v>4810</v>
      </c>
      <c r="HD22" s="107">
        <v>18</v>
      </c>
      <c r="HE22" s="102">
        <v>12</v>
      </c>
      <c r="HF22" s="103">
        <v>30</v>
      </c>
      <c r="HG22" s="416">
        <v>0</v>
      </c>
      <c r="HH22" s="102">
        <v>27</v>
      </c>
      <c r="HI22" s="102">
        <v>26</v>
      </c>
      <c r="HJ22" s="102">
        <v>18</v>
      </c>
      <c r="HK22" s="102">
        <v>10</v>
      </c>
      <c r="HL22" s="102">
        <v>8</v>
      </c>
      <c r="HM22" s="103">
        <v>89</v>
      </c>
      <c r="HN22" s="104">
        <v>119</v>
      </c>
      <c r="HO22" s="101">
        <v>48</v>
      </c>
      <c r="HP22" s="102">
        <v>55</v>
      </c>
      <c r="HQ22" s="103">
        <v>103</v>
      </c>
      <c r="HR22" s="413">
        <v>0</v>
      </c>
      <c r="HS22" s="102">
        <v>91</v>
      </c>
      <c r="HT22" s="102">
        <v>57</v>
      </c>
      <c r="HU22" s="102">
        <v>48</v>
      </c>
      <c r="HV22" s="102">
        <v>27</v>
      </c>
      <c r="HW22" s="102">
        <v>33</v>
      </c>
      <c r="HX22" s="103">
        <v>256</v>
      </c>
      <c r="HY22" s="104">
        <v>359</v>
      </c>
      <c r="HZ22" s="107">
        <v>109</v>
      </c>
      <c r="IA22" s="102">
        <v>110</v>
      </c>
      <c r="IB22" s="103">
        <v>219</v>
      </c>
      <c r="IC22" s="413">
        <v>0</v>
      </c>
      <c r="ID22" s="102">
        <v>161</v>
      </c>
      <c r="IE22" s="102">
        <v>105</v>
      </c>
      <c r="IF22" s="102">
        <v>78</v>
      </c>
      <c r="IG22" s="102">
        <v>64</v>
      </c>
      <c r="IH22" s="102">
        <v>35</v>
      </c>
      <c r="II22" s="103">
        <v>443</v>
      </c>
      <c r="IJ22" s="104">
        <v>662</v>
      </c>
      <c r="IK22" s="101">
        <v>202</v>
      </c>
      <c r="IL22" s="102">
        <v>172</v>
      </c>
      <c r="IM22" s="103">
        <v>374</v>
      </c>
      <c r="IN22" s="413">
        <v>0</v>
      </c>
      <c r="IO22" s="102">
        <v>298</v>
      </c>
      <c r="IP22" s="102">
        <v>199</v>
      </c>
      <c r="IQ22" s="102">
        <v>158</v>
      </c>
      <c r="IR22" s="102">
        <v>109</v>
      </c>
      <c r="IS22" s="102">
        <v>76</v>
      </c>
      <c r="IT22" s="103">
        <v>840</v>
      </c>
      <c r="IU22" s="104">
        <v>1214</v>
      </c>
      <c r="IV22" s="107">
        <v>195</v>
      </c>
      <c r="IW22" s="102">
        <v>166</v>
      </c>
      <c r="IX22" s="103">
        <v>361</v>
      </c>
      <c r="IY22" s="413">
        <v>0</v>
      </c>
      <c r="IZ22" s="102">
        <v>299</v>
      </c>
      <c r="JA22" s="102">
        <v>230</v>
      </c>
      <c r="JB22" s="102">
        <v>175</v>
      </c>
      <c r="JC22" s="102">
        <v>130</v>
      </c>
      <c r="JD22" s="102">
        <v>105</v>
      </c>
      <c r="JE22" s="103">
        <v>939</v>
      </c>
      <c r="JF22" s="104">
        <v>1300</v>
      </c>
      <c r="JG22" s="101">
        <v>99</v>
      </c>
      <c r="JH22" s="102">
        <v>125</v>
      </c>
      <c r="JI22" s="103">
        <v>224</v>
      </c>
      <c r="JJ22" s="413">
        <v>0</v>
      </c>
      <c r="JK22" s="102">
        <v>266</v>
      </c>
      <c r="JL22" s="102">
        <v>194</v>
      </c>
      <c r="JM22" s="102">
        <v>213</v>
      </c>
      <c r="JN22" s="102">
        <v>151</v>
      </c>
      <c r="JO22" s="102">
        <v>108</v>
      </c>
      <c r="JP22" s="103">
        <v>932</v>
      </c>
      <c r="JQ22" s="104">
        <v>1156</v>
      </c>
      <c r="JR22" s="101">
        <v>13</v>
      </c>
      <c r="JS22" s="102">
        <v>18</v>
      </c>
      <c r="JT22" s="103">
        <v>31</v>
      </c>
      <c r="JU22" s="413">
        <v>0</v>
      </c>
      <c r="JV22" s="102">
        <v>26</v>
      </c>
      <c r="JW22" s="102">
        <v>25</v>
      </c>
      <c r="JX22" s="102">
        <v>16</v>
      </c>
      <c r="JY22" s="102">
        <v>13</v>
      </c>
      <c r="JZ22" s="102">
        <v>8</v>
      </c>
      <c r="KA22" s="103">
        <v>88</v>
      </c>
      <c r="KB22" s="104">
        <v>119</v>
      </c>
      <c r="KC22" s="101">
        <v>684</v>
      </c>
      <c r="KD22" s="102">
        <v>658</v>
      </c>
      <c r="KE22" s="103">
        <v>1342</v>
      </c>
      <c r="KF22" s="413">
        <v>0</v>
      </c>
      <c r="KG22" s="102">
        <v>1168</v>
      </c>
      <c r="KH22" s="102">
        <v>836</v>
      </c>
      <c r="KI22" s="102">
        <v>706</v>
      </c>
      <c r="KJ22" s="102">
        <v>504</v>
      </c>
      <c r="KK22" s="102">
        <v>373</v>
      </c>
      <c r="KL22" s="103">
        <v>3587</v>
      </c>
      <c r="KM22" s="104">
        <v>4929</v>
      </c>
    </row>
    <row r="23" spans="2:299" s="70" customFormat="1" ht="21" customHeight="1" x14ac:dyDescent="0.2">
      <c r="B23" s="106" t="s">
        <v>20</v>
      </c>
      <c r="C23" s="96">
        <v>293</v>
      </c>
      <c r="D23" s="97">
        <v>301</v>
      </c>
      <c r="E23" s="98">
        <v>594</v>
      </c>
      <c r="F23" s="413">
        <v>0</v>
      </c>
      <c r="G23" s="97">
        <v>684</v>
      </c>
      <c r="H23" s="97">
        <v>397</v>
      </c>
      <c r="I23" s="97">
        <v>302</v>
      </c>
      <c r="J23" s="97">
        <v>221</v>
      </c>
      <c r="K23" s="97">
        <v>118</v>
      </c>
      <c r="L23" s="99">
        <v>1722</v>
      </c>
      <c r="M23" s="100">
        <v>2316</v>
      </c>
      <c r="N23" s="101">
        <v>6</v>
      </c>
      <c r="O23" s="102">
        <v>7</v>
      </c>
      <c r="P23" s="103">
        <v>13</v>
      </c>
      <c r="Q23" s="413">
        <v>0</v>
      </c>
      <c r="R23" s="102">
        <v>23</v>
      </c>
      <c r="S23" s="102">
        <v>18</v>
      </c>
      <c r="T23" s="102">
        <v>18</v>
      </c>
      <c r="U23" s="102">
        <v>7</v>
      </c>
      <c r="V23" s="102">
        <v>12</v>
      </c>
      <c r="W23" s="103">
        <v>78</v>
      </c>
      <c r="X23" s="104">
        <v>91</v>
      </c>
      <c r="Y23" s="101">
        <v>30</v>
      </c>
      <c r="Z23" s="102">
        <v>19</v>
      </c>
      <c r="AA23" s="103">
        <v>49</v>
      </c>
      <c r="AB23" s="413">
        <v>0</v>
      </c>
      <c r="AC23" s="102">
        <v>59</v>
      </c>
      <c r="AD23" s="102">
        <v>32</v>
      </c>
      <c r="AE23" s="102">
        <v>29</v>
      </c>
      <c r="AF23" s="102">
        <v>30</v>
      </c>
      <c r="AG23" s="102">
        <v>14</v>
      </c>
      <c r="AH23" s="103">
        <v>164</v>
      </c>
      <c r="AI23" s="104">
        <v>213</v>
      </c>
      <c r="AJ23" s="101">
        <v>47</v>
      </c>
      <c r="AK23" s="102">
        <v>47</v>
      </c>
      <c r="AL23" s="103">
        <v>94</v>
      </c>
      <c r="AM23" s="413">
        <v>0</v>
      </c>
      <c r="AN23" s="102">
        <v>115</v>
      </c>
      <c r="AO23" s="102">
        <v>65</v>
      </c>
      <c r="AP23" s="102">
        <v>52</v>
      </c>
      <c r="AQ23" s="102">
        <v>38</v>
      </c>
      <c r="AR23" s="102">
        <v>22</v>
      </c>
      <c r="AS23" s="103">
        <v>292</v>
      </c>
      <c r="AT23" s="104">
        <v>386</v>
      </c>
      <c r="AU23" s="101">
        <v>95</v>
      </c>
      <c r="AV23" s="102">
        <v>94</v>
      </c>
      <c r="AW23" s="103">
        <v>189</v>
      </c>
      <c r="AX23" s="413">
        <v>0</v>
      </c>
      <c r="AY23" s="102">
        <v>202</v>
      </c>
      <c r="AZ23" s="102">
        <v>93</v>
      </c>
      <c r="BA23" s="102">
        <v>78</v>
      </c>
      <c r="BB23" s="102">
        <v>66</v>
      </c>
      <c r="BC23" s="102">
        <v>32</v>
      </c>
      <c r="BD23" s="103">
        <v>471</v>
      </c>
      <c r="BE23" s="104">
        <v>660</v>
      </c>
      <c r="BF23" s="101">
        <v>72</v>
      </c>
      <c r="BG23" s="102">
        <v>89</v>
      </c>
      <c r="BH23" s="103">
        <v>161</v>
      </c>
      <c r="BI23" s="413">
        <v>0</v>
      </c>
      <c r="BJ23" s="102">
        <v>191</v>
      </c>
      <c r="BK23" s="102">
        <v>113</v>
      </c>
      <c r="BL23" s="102">
        <v>83</v>
      </c>
      <c r="BM23" s="102">
        <v>51</v>
      </c>
      <c r="BN23" s="102">
        <v>24</v>
      </c>
      <c r="BO23" s="103">
        <v>462</v>
      </c>
      <c r="BP23" s="104">
        <v>623</v>
      </c>
      <c r="BQ23" s="101">
        <v>43</v>
      </c>
      <c r="BR23" s="102">
        <v>45</v>
      </c>
      <c r="BS23" s="103">
        <v>88</v>
      </c>
      <c r="BT23" s="413">
        <v>0</v>
      </c>
      <c r="BU23" s="102">
        <v>94</v>
      </c>
      <c r="BV23" s="102">
        <v>76</v>
      </c>
      <c r="BW23" s="102">
        <v>42</v>
      </c>
      <c r="BX23" s="102">
        <v>29</v>
      </c>
      <c r="BY23" s="102">
        <v>14</v>
      </c>
      <c r="BZ23" s="103">
        <v>255</v>
      </c>
      <c r="CA23" s="104">
        <v>343</v>
      </c>
      <c r="CB23" s="101">
        <v>8</v>
      </c>
      <c r="CC23" s="102">
        <v>7</v>
      </c>
      <c r="CD23" s="103">
        <v>15</v>
      </c>
      <c r="CE23" s="413">
        <v>0</v>
      </c>
      <c r="CF23" s="102">
        <v>20</v>
      </c>
      <c r="CG23" s="102">
        <v>18</v>
      </c>
      <c r="CH23" s="102">
        <v>13</v>
      </c>
      <c r="CI23" s="102">
        <v>10</v>
      </c>
      <c r="CJ23" s="102">
        <v>7</v>
      </c>
      <c r="CK23" s="103">
        <v>68</v>
      </c>
      <c r="CL23" s="104">
        <v>83</v>
      </c>
      <c r="CM23" s="101">
        <v>301</v>
      </c>
      <c r="CN23" s="102">
        <v>308</v>
      </c>
      <c r="CO23" s="103">
        <v>609</v>
      </c>
      <c r="CP23" s="413">
        <v>0</v>
      </c>
      <c r="CQ23" s="102">
        <v>704</v>
      </c>
      <c r="CR23" s="102">
        <v>415</v>
      </c>
      <c r="CS23" s="102">
        <v>315</v>
      </c>
      <c r="CT23" s="102">
        <v>231</v>
      </c>
      <c r="CU23" s="102">
        <v>125</v>
      </c>
      <c r="CV23" s="103">
        <v>1790</v>
      </c>
      <c r="CW23" s="104">
        <v>2399</v>
      </c>
      <c r="CX23" s="105">
        <v>554</v>
      </c>
      <c r="CY23" s="97">
        <v>654</v>
      </c>
      <c r="CZ23" s="98">
        <v>1208</v>
      </c>
      <c r="DA23" s="413">
        <v>0</v>
      </c>
      <c r="DB23" s="97">
        <v>992</v>
      </c>
      <c r="DC23" s="97">
        <v>590</v>
      </c>
      <c r="DD23" s="97">
        <v>497</v>
      </c>
      <c r="DE23" s="97">
        <v>494</v>
      </c>
      <c r="DF23" s="97">
        <v>282</v>
      </c>
      <c r="DG23" s="99">
        <v>2855</v>
      </c>
      <c r="DH23" s="100">
        <v>4063</v>
      </c>
      <c r="DI23" s="101">
        <v>11</v>
      </c>
      <c r="DJ23" s="102">
        <v>10</v>
      </c>
      <c r="DK23" s="103">
        <v>21</v>
      </c>
      <c r="DL23" s="413">
        <v>0</v>
      </c>
      <c r="DM23" s="102">
        <v>27</v>
      </c>
      <c r="DN23" s="102">
        <v>19</v>
      </c>
      <c r="DO23" s="102">
        <v>4</v>
      </c>
      <c r="DP23" s="102">
        <v>11</v>
      </c>
      <c r="DQ23" s="102">
        <v>4</v>
      </c>
      <c r="DR23" s="103">
        <v>65</v>
      </c>
      <c r="DS23" s="104">
        <v>86</v>
      </c>
      <c r="DT23" s="101">
        <v>33</v>
      </c>
      <c r="DU23" s="102">
        <v>38</v>
      </c>
      <c r="DV23" s="103">
        <v>71</v>
      </c>
      <c r="DW23" s="413">
        <v>0</v>
      </c>
      <c r="DX23" s="102">
        <v>39</v>
      </c>
      <c r="DY23" s="102">
        <v>29</v>
      </c>
      <c r="DZ23" s="102">
        <v>18</v>
      </c>
      <c r="EA23" s="102">
        <v>28</v>
      </c>
      <c r="EB23" s="102">
        <v>19</v>
      </c>
      <c r="EC23" s="103">
        <v>133</v>
      </c>
      <c r="ED23" s="104">
        <v>204</v>
      </c>
      <c r="EE23" s="101">
        <v>88</v>
      </c>
      <c r="EF23" s="102">
        <v>105</v>
      </c>
      <c r="EG23" s="103">
        <v>193</v>
      </c>
      <c r="EH23" s="413">
        <v>0</v>
      </c>
      <c r="EI23" s="102">
        <v>152</v>
      </c>
      <c r="EJ23" s="102">
        <v>74</v>
      </c>
      <c r="EK23" s="102">
        <v>65</v>
      </c>
      <c r="EL23" s="102">
        <v>52</v>
      </c>
      <c r="EM23" s="102">
        <v>29</v>
      </c>
      <c r="EN23" s="103">
        <v>372</v>
      </c>
      <c r="EO23" s="104">
        <v>565</v>
      </c>
      <c r="EP23" s="101">
        <v>204</v>
      </c>
      <c r="EQ23" s="102">
        <v>200</v>
      </c>
      <c r="ER23" s="103">
        <v>404</v>
      </c>
      <c r="ES23" s="413">
        <v>0</v>
      </c>
      <c r="ET23" s="102">
        <v>252</v>
      </c>
      <c r="EU23" s="102">
        <v>143</v>
      </c>
      <c r="EV23" s="102">
        <v>103</v>
      </c>
      <c r="EW23" s="102">
        <v>93</v>
      </c>
      <c r="EX23" s="102">
        <v>59</v>
      </c>
      <c r="EY23" s="103">
        <v>650</v>
      </c>
      <c r="EZ23" s="104">
        <v>1054</v>
      </c>
      <c r="FA23" s="101">
        <v>146</v>
      </c>
      <c r="FB23" s="102">
        <v>177</v>
      </c>
      <c r="FC23" s="103">
        <v>323</v>
      </c>
      <c r="FD23" s="413">
        <v>0</v>
      </c>
      <c r="FE23" s="102">
        <v>299</v>
      </c>
      <c r="FF23" s="102">
        <v>166</v>
      </c>
      <c r="FG23" s="102">
        <v>128</v>
      </c>
      <c r="FH23" s="102">
        <v>115</v>
      </c>
      <c r="FI23" s="102">
        <v>74</v>
      </c>
      <c r="FJ23" s="103">
        <v>782</v>
      </c>
      <c r="FK23" s="104">
        <v>1105</v>
      </c>
      <c r="FL23" s="101">
        <v>72</v>
      </c>
      <c r="FM23" s="102">
        <v>124</v>
      </c>
      <c r="FN23" s="103">
        <v>196</v>
      </c>
      <c r="FO23" s="413">
        <v>0</v>
      </c>
      <c r="FP23" s="102">
        <v>223</v>
      </c>
      <c r="FQ23" s="102">
        <v>159</v>
      </c>
      <c r="FR23" s="102">
        <v>179</v>
      </c>
      <c r="FS23" s="102">
        <v>195</v>
      </c>
      <c r="FT23" s="102">
        <v>97</v>
      </c>
      <c r="FU23" s="103">
        <v>853</v>
      </c>
      <c r="FV23" s="104">
        <v>1049</v>
      </c>
      <c r="FW23" s="101">
        <v>5</v>
      </c>
      <c r="FX23" s="102">
        <v>12</v>
      </c>
      <c r="FY23" s="103">
        <v>17</v>
      </c>
      <c r="FZ23" s="413">
        <v>0</v>
      </c>
      <c r="GA23" s="102">
        <v>17</v>
      </c>
      <c r="GB23" s="102">
        <v>10</v>
      </c>
      <c r="GC23" s="102">
        <v>5</v>
      </c>
      <c r="GD23" s="102">
        <v>8</v>
      </c>
      <c r="GE23" s="102">
        <v>7</v>
      </c>
      <c r="GF23" s="103">
        <v>47</v>
      </c>
      <c r="GG23" s="104">
        <v>64</v>
      </c>
      <c r="GH23" s="101">
        <v>559</v>
      </c>
      <c r="GI23" s="102">
        <v>666</v>
      </c>
      <c r="GJ23" s="103">
        <v>1225</v>
      </c>
      <c r="GK23" s="413">
        <v>0</v>
      </c>
      <c r="GL23" s="102">
        <v>1009</v>
      </c>
      <c r="GM23" s="102">
        <v>600</v>
      </c>
      <c r="GN23" s="102">
        <v>502</v>
      </c>
      <c r="GO23" s="102">
        <v>502</v>
      </c>
      <c r="GP23" s="102">
        <v>289</v>
      </c>
      <c r="GQ23" s="103">
        <v>2902</v>
      </c>
      <c r="GR23" s="104">
        <v>4127</v>
      </c>
      <c r="GS23" s="105">
        <v>847</v>
      </c>
      <c r="GT23" s="97">
        <v>955</v>
      </c>
      <c r="GU23" s="98">
        <v>1802</v>
      </c>
      <c r="GV23" s="413">
        <v>0</v>
      </c>
      <c r="GW23" s="97">
        <v>1676</v>
      </c>
      <c r="GX23" s="97">
        <v>987</v>
      </c>
      <c r="GY23" s="97">
        <v>799</v>
      </c>
      <c r="GZ23" s="97">
        <v>715</v>
      </c>
      <c r="HA23" s="97">
        <v>400</v>
      </c>
      <c r="HB23" s="99">
        <v>4577</v>
      </c>
      <c r="HC23" s="100">
        <v>6379</v>
      </c>
      <c r="HD23" s="101">
        <v>17</v>
      </c>
      <c r="HE23" s="102">
        <v>17</v>
      </c>
      <c r="HF23" s="103">
        <v>34</v>
      </c>
      <c r="HG23" s="416">
        <v>0</v>
      </c>
      <c r="HH23" s="102">
        <v>50</v>
      </c>
      <c r="HI23" s="102">
        <v>37</v>
      </c>
      <c r="HJ23" s="102">
        <v>22</v>
      </c>
      <c r="HK23" s="102">
        <v>18</v>
      </c>
      <c r="HL23" s="102">
        <v>16</v>
      </c>
      <c r="HM23" s="103">
        <v>143</v>
      </c>
      <c r="HN23" s="104">
        <v>177</v>
      </c>
      <c r="HO23" s="101">
        <v>63</v>
      </c>
      <c r="HP23" s="102">
        <v>57</v>
      </c>
      <c r="HQ23" s="103">
        <v>120</v>
      </c>
      <c r="HR23" s="413">
        <v>0</v>
      </c>
      <c r="HS23" s="102">
        <v>98</v>
      </c>
      <c r="HT23" s="102">
        <v>61</v>
      </c>
      <c r="HU23" s="102">
        <v>47</v>
      </c>
      <c r="HV23" s="102">
        <v>58</v>
      </c>
      <c r="HW23" s="102">
        <v>33</v>
      </c>
      <c r="HX23" s="103">
        <v>297</v>
      </c>
      <c r="HY23" s="104">
        <v>417</v>
      </c>
      <c r="HZ23" s="101">
        <v>135</v>
      </c>
      <c r="IA23" s="102">
        <v>152</v>
      </c>
      <c r="IB23" s="103">
        <v>287</v>
      </c>
      <c r="IC23" s="413">
        <v>0</v>
      </c>
      <c r="ID23" s="102">
        <v>267</v>
      </c>
      <c r="IE23" s="102">
        <v>139</v>
      </c>
      <c r="IF23" s="102">
        <v>117</v>
      </c>
      <c r="IG23" s="102">
        <v>90</v>
      </c>
      <c r="IH23" s="102">
        <v>51</v>
      </c>
      <c r="II23" s="103">
        <v>664</v>
      </c>
      <c r="IJ23" s="104">
        <v>951</v>
      </c>
      <c r="IK23" s="101">
        <v>299</v>
      </c>
      <c r="IL23" s="102">
        <v>294</v>
      </c>
      <c r="IM23" s="103">
        <v>593</v>
      </c>
      <c r="IN23" s="413">
        <v>0</v>
      </c>
      <c r="IO23" s="102">
        <v>454</v>
      </c>
      <c r="IP23" s="102">
        <v>236</v>
      </c>
      <c r="IQ23" s="102">
        <v>181</v>
      </c>
      <c r="IR23" s="102">
        <v>159</v>
      </c>
      <c r="IS23" s="102">
        <v>91</v>
      </c>
      <c r="IT23" s="103">
        <v>1121</v>
      </c>
      <c r="IU23" s="104">
        <v>1714</v>
      </c>
      <c r="IV23" s="101">
        <v>218</v>
      </c>
      <c r="IW23" s="102">
        <v>266</v>
      </c>
      <c r="IX23" s="103">
        <v>484</v>
      </c>
      <c r="IY23" s="413">
        <v>0</v>
      </c>
      <c r="IZ23" s="102">
        <v>490</v>
      </c>
      <c r="JA23" s="102">
        <v>279</v>
      </c>
      <c r="JB23" s="102">
        <v>211</v>
      </c>
      <c r="JC23" s="102">
        <v>166</v>
      </c>
      <c r="JD23" s="102">
        <v>98</v>
      </c>
      <c r="JE23" s="103">
        <v>1244</v>
      </c>
      <c r="JF23" s="104">
        <v>1728</v>
      </c>
      <c r="JG23" s="101">
        <v>115</v>
      </c>
      <c r="JH23" s="102">
        <v>169</v>
      </c>
      <c r="JI23" s="103">
        <v>284</v>
      </c>
      <c r="JJ23" s="413">
        <v>0</v>
      </c>
      <c r="JK23" s="102">
        <v>317</v>
      </c>
      <c r="JL23" s="102">
        <v>235</v>
      </c>
      <c r="JM23" s="102">
        <v>221</v>
      </c>
      <c r="JN23" s="102">
        <v>224</v>
      </c>
      <c r="JO23" s="102">
        <v>111</v>
      </c>
      <c r="JP23" s="103">
        <v>1108</v>
      </c>
      <c r="JQ23" s="104">
        <v>1392</v>
      </c>
      <c r="JR23" s="101">
        <v>13</v>
      </c>
      <c r="JS23" s="102">
        <v>19</v>
      </c>
      <c r="JT23" s="103">
        <v>32</v>
      </c>
      <c r="JU23" s="413">
        <v>0</v>
      </c>
      <c r="JV23" s="102">
        <v>37</v>
      </c>
      <c r="JW23" s="102">
        <v>28</v>
      </c>
      <c r="JX23" s="102">
        <v>18</v>
      </c>
      <c r="JY23" s="102">
        <v>18</v>
      </c>
      <c r="JZ23" s="102">
        <v>14</v>
      </c>
      <c r="KA23" s="103">
        <v>115</v>
      </c>
      <c r="KB23" s="104">
        <v>147</v>
      </c>
      <c r="KC23" s="101">
        <v>860</v>
      </c>
      <c r="KD23" s="102">
        <v>974</v>
      </c>
      <c r="KE23" s="103">
        <v>1834</v>
      </c>
      <c r="KF23" s="413">
        <v>0</v>
      </c>
      <c r="KG23" s="102">
        <v>1713</v>
      </c>
      <c r="KH23" s="102">
        <v>1015</v>
      </c>
      <c r="KI23" s="102">
        <v>817</v>
      </c>
      <c r="KJ23" s="102">
        <v>733</v>
      </c>
      <c r="KK23" s="102">
        <v>414</v>
      </c>
      <c r="KL23" s="103">
        <v>4692</v>
      </c>
      <c r="KM23" s="104">
        <v>6526</v>
      </c>
    </row>
    <row r="24" spans="2:299" s="70" customFormat="1" ht="21" customHeight="1" x14ac:dyDescent="0.2">
      <c r="B24" s="106" t="s">
        <v>21</v>
      </c>
      <c r="C24" s="96">
        <v>324</v>
      </c>
      <c r="D24" s="97">
        <v>241</v>
      </c>
      <c r="E24" s="98">
        <v>565</v>
      </c>
      <c r="F24" s="413">
        <v>0</v>
      </c>
      <c r="G24" s="97">
        <v>482</v>
      </c>
      <c r="H24" s="97">
        <v>444</v>
      </c>
      <c r="I24" s="97">
        <v>275</v>
      </c>
      <c r="J24" s="97">
        <v>241</v>
      </c>
      <c r="K24" s="97">
        <v>140</v>
      </c>
      <c r="L24" s="99">
        <v>1582</v>
      </c>
      <c r="M24" s="100">
        <v>2147</v>
      </c>
      <c r="N24" s="101">
        <v>16</v>
      </c>
      <c r="O24" s="102">
        <v>11</v>
      </c>
      <c r="P24" s="103">
        <v>27</v>
      </c>
      <c r="Q24" s="413">
        <v>0</v>
      </c>
      <c r="R24" s="102">
        <v>23</v>
      </c>
      <c r="S24" s="102">
        <v>19</v>
      </c>
      <c r="T24" s="102">
        <v>20</v>
      </c>
      <c r="U24" s="102">
        <v>7</v>
      </c>
      <c r="V24" s="102">
        <v>12</v>
      </c>
      <c r="W24" s="103">
        <v>81</v>
      </c>
      <c r="X24" s="104">
        <v>108</v>
      </c>
      <c r="Y24" s="101">
        <v>25</v>
      </c>
      <c r="Z24" s="102">
        <v>24</v>
      </c>
      <c r="AA24" s="103">
        <v>49</v>
      </c>
      <c r="AB24" s="413">
        <v>0</v>
      </c>
      <c r="AC24" s="102">
        <v>32</v>
      </c>
      <c r="AD24" s="102">
        <v>50</v>
      </c>
      <c r="AE24" s="102">
        <v>22</v>
      </c>
      <c r="AF24" s="102">
        <v>30</v>
      </c>
      <c r="AG24" s="102">
        <v>24</v>
      </c>
      <c r="AH24" s="103">
        <v>158</v>
      </c>
      <c r="AI24" s="104">
        <v>207</v>
      </c>
      <c r="AJ24" s="101">
        <v>55</v>
      </c>
      <c r="AK24" s="102">
        <v>49</v>
      </c>
      <c r="AL24" s="103">
        <v>104</v>
      </c>
      <c r="AM24" s="413">
        <v>0</v>
      </c>
      <c r="AN24" s="102">
        <v>89</v>
      </c>
      <c r="AO24" s="102">
        <v>76</v>
      </c>
      <c r="AP24" s="102">
        <v>43</v>
      </c>
      <c r="AQ24" s="102">
        <v>40</v>
      </c>
      <c r="AR24" s="102">
        <v>25</v>
      </c>
      <c r="AS24" s="103">
        <v>273</v>
      </c>
      <c r="AT24" s="104">
        <v>377</v>
      </c>
      <c r="AU24" s="101">
        <v>93</v>
      </c>
      <c r="AV24" s="102">
        <v>64</v>
      </c>
      <c r="AW24" s="103">
        <v>157</v>
      </c>
      <c r="AX24" s="413">
        <v>0</v>
      </c>
      <c r="AY24" s="102">
        <v>137</v>
      </c>
      <c r="AZ24" s="102">
        <v>128</v>
      </c>
      <c r="BA24" s="102">
        <v>79</v>
      </c>
      <c r="BB24" s="102">
        <v>79</v>
      </c>
      <c r="BC24" s="102">
        <v>31</v>
      </c>
      <c r="BD24" s="103">
        <v>454</v>
      </c>
      <c r="BE24" s="104">
        <v>611</v>
      </c>
      <c r="BF24" s="101">
        <v>93</v>
      </c>
      <c r="BG24" s="102">
        <v>59</v>
      </c>
      <c r="BH24" s="103">
        <v>152</v>
      </c>
      <c r="BI24" s="413">
        <v>0</v>
      </c>
      <c r="BJ24" s="102">
        <v>128</v>
      </c>
      <c r="BK24" s="102">
        <v>117</v>
      </c>
      <c r="BL24" s="102">
        <v>65</v>
      </c>
      <c r="BM24" s="102">
        <v>50</v>
      </c>
      <c r="BN24" s="102">
        <v>27</v>
      </c>
      <c r="BO24" s="103">
        <v>387</v>
      </c>
      <c r="BP24" s="104">
        <v>539</v>
      </c>
      <c r="BQ24" s="101">
        <v>42</v>
      </c>
      <c r="BR24" s="102">
        <v>34</v>
      </c>
      <c r="BS24" s="103">
        <v>76</v>
      </c>
      <c r="BT24" s="413">
        <v>0</v>
      </c>
      <c r="BU24" s="102">
        <v>73</v>
      </c>
      <c r="BV24" s="102">
        <v>54</v>
      </c>
      <c r="BW24" s="102">
        <v>46</v>
      </c>
      <c r="BX24" s="102">
        <v>35</v>
      </c>
      <c r="BY24" s="102">
        <v>21</v>
      </c>
      <c r="BZ24" s="103">
        <v>229</v>
      </c>
      <c r="CA24" s="104">
        <v>305</v>
      </c>
      <c r="CB24" s="101">
        <v>12</v>
      </c>
      <c r="CC24" s="102">
        <v>9</v>
      </c>
      <c r="CD24" s="103">
        <v>21</v>
      </c>
      <c r="CE24" s="413">
        <v>0</v>
      </c>
      <c r="CF24" s="102">
        <v>5</v>
      </c>
      <c r="CG24" s="102">
        <v>19</v>
      </c>
      <c r="CH24" s="102">
        <v>12</v>
      </c>
      <c r="CI24" s="102">
        <v>10</v>
      </c>
      <c r="CJ24" s="102">
        <v>11</v>
      </c>
      <c r="CK24" s="103">
        <v>57</v>
      </c>
      <c r="CL24" s="104">
        <v>78</v>
      </c>
      <c r="CM24" s="101">
        <v>336</v>
      </c>
      <c r="CN24" s="102">
        <v>250</v>
      </c>
      <c r="CO24" s="103">
        <v>586</v>
      </c>
      <c r="CP24" s="413">
        <v>0</v>
      </c>
      <c r="CQ24" s="102">
        <v>487</v>
      </c>
      <c r="CR24" s="102">
        <v>463</v>
      </c>
      <c r="CS24" s="102">
        <v>287</v>
      </c>
      <c r="CT24" s="102">
        <v>251</v>
      </c>
      <c r="CU24" s="102">
        <v>151</v>
      </c>
      <c r="CV24" s="103">
        <v>1639</v>
      </c>
      <c r="CW24" s="104">
        <v>2225</v>
      </c>
      <c r="CX24" s="105">
        <v>620</v>
      </c>
      <c r="CY24" s="97">
        <v>612</v>
      </c>
      <c r="CZ24" s="98">
        <v>1232</v>
      </c>
      <c r="DA24" s="413">
        <v>0</v>
      </c>
      <c r="DB24" s="97">
        <v>854</v>
      </c>
      <c r="DC24" s="97">
        <v>722</v>
      </c>
      <c r="DD24" s="97">
        <v>616</v>
      </c>
      <c r="DE24" s="97">
        <v>450</v>
      </c>
      <c r="DF24" s="97">
        <v>331</v>
      </c>
      <c r="DG24" s="99">
        <v>2973</v>
      </c>
      <c r="DH24" s="100">
        <v>4205</v>
      </c>
      <c r="DI24" s="101">
        <v>12</v>
      </c>
      <c r="DJ24" s="102">
        <v>21</v>
      </c>
      <c r="DK24" s="103">
        <v>33</v>
      </c>
      <c r="DL24" s="413">
        <v>0</v>
      </c>
      <c r="DM24" s="102">
        <v>17</v>
      </c>
      <c r="DN24" s="102">
        <v>26</v>
      </c>
      <c r="DO24" s="102">
        <v>14</v>
      </c>
      <c r="DP24" s="102">
        <v>5</v>
      </c>
      <c r="DQ24" s="102">
        <v>17</v>
      </c>
      <c r="DR24" s="103">
        <v>79</v>
      </c>
      <c r="DS24" s="104">
        <v>112</v>
      </c>
      <c r="DT24" s="101">
        <v>29</v>
      </c>
      <c r="DU24" s="102">
        <v>31</v>
      </c>
      <c r="DV24" s="103">
        <v>60</v>
      </c>
      <c r="DW24" s="413">
        <v>0</v>
      </c>
      <c r="DX24" s="102">
        <v>38</v>
      </c>
      <c r="DY24" s="102">
        <v>29</v>
      </c>
      <c r="DZ24" s="102">
        <v>35</v>
      </c>
      <c r="EA24" s="102">
        <v>19</v>
      </c>
      <c r="EB24" s="102">
        <v>20</v>
      </c>
      <c r="EC24" s="103">
        <v>141</v>
      </c>
      <c r="ED24" s="104">
        <v>201</v>
      </c>
      <c r="EE24" s="101">
        <v>92</v>
      </c>
      <c r="EF24" s="102">
        <v>112</v>
      </c>
      <c r="EG24" s="103">
        <v>204</v>
      </c>
      <c r="EH24" s="413">
        <v>0</v>
      </c>
      <c r="EI24" s="102">
        <v>110</v>
      </c>
      <c r="EJ24" s="102">
        <v>78</v>
      </c>
      <c r="EK24" s="102">
        <v>52</v>
      </c>
      <c r="EL24" s="102">
        <v>44</v>
      </c>
      <c r="EM24" s="102">
        <v>37</v>
      </c>
      <c r="EN24" s="103">
        <v>321</v>
      </c>
      <c r="EO24" s="104">
        <v>525</v>
      </c>
      <c r="EP24" s="101">
        <v>207</v>
      </c>
      <c r="EQ24" s="102">
        <v>179</v>
      </c>
      <c r="ER24" s="103">
        <v>386</v>
      </c>
      <c r="ES24" s="413">
        <v>0</v>
      </c>
      <c r="ET24" s="102">
        <v>259</v>
      </c>
      <c r="EU24" s="102">
        <v>156</v>
      </c>
      <c r="EV24" s="102">
        <v>131</v>
      </c>
      <c r="EW24" s="102">
        <v>87</v>
      </c>
      <c r="EX24" s="102">
        <v>75</v>
      </c>
      <c r="EY24" s="103">
        <v>708</v>
      </c>
      <c r="EZ24" s="104">
        <v>1094</v>
      </c>
      <c r="FA24" s="101">
        <v>175</v>
      </c>
      <c r="FB24" s="102">
        <v>188</v>
      </c>
      <c r="FC24" s="103">
        <v>363</v>
      </c>
      <c r="FD24" s="413">
        <v>0</v>
      </c>
      <c r="FE24" s="102">
        <v>218</v>
      </c>
      <c r="FF24" s="102">
        <v>220</v>
      </c>
      <c r="FG24" s="102">
        <v>165</v>
      </c>
      <c r="FH24" s="102">
        <v>128</v>
      </c>
      <c r="FI24" s="102">
        <v>83</v>
      </c>
      <c r="FJ24" s="103">
        <v>814</v>
      </c>
      <c r="FK24" s="104">
        <v>1177</v>
      </c>
      <c r="FL24" s="101">
        <v>105</v>
      </c>
      <c r="FM24" s="102">
        <v>81</v>
      </c>
      <c r="FN24" s="103">
        <v>186</v>
      </c>
      <c r="FO24" s="413">
        <v>0</v>
      </c>
      <c r="FP24" s="102">
        <v>212</v>
      </c>
      <c r="FQ24" s="102">
        <v>213</v>
      </c>
      <c r="FR24" s="102">
        <v>219</v>
      </c>
      <c r="FS24" s="102">
        <v>167</v>
      </c>
      <c r="FT24" s="102">
        <v>99</v>
      </c>
      <c r="FU24" s="103">
        <v>910</v>
      </c>
      <c r="FV24" s="104">
        <v>1096</v>
      </c>
      <c r="FW24" s="101">
        <v>5</v>
      </c>
      <c r="FX24" s="102">
        <v>12</v>
      </c>
      <c r="FY24" s="103">
        <v>17</v>
      </c>
      <c r="FZ24" s="413">
        <v>0</v>
      </c>
      <c r="GA24" s="102">
        <v>8</v>
      </c>
      <c r="GB24" s="102">
        <v>20</v>
      </c>
      <c r="GC24" s="102">
        <v>16</v>
      </c>
      <c r="GD24" s="102">
        <v>10</v>
      </c>
      <c r="GE24" s="102">
        <v>15</v>
      </c>
      <c r="GF24" s="103">
        <v>69</v>
      </c>
      <c r="GG24" s="104">
        <v>86</v>
      </c>
      <c r="GH24" s="101">
        <v>625</v>
      </c>
      <c r="GI24" s="102">
        <v>624</v>
      </c>
      <c r="GJ24" s="103">
        <v>1249</v>
      </c>
      <c r="GK24" s="413">
        <v>0</v>
      </c>
      <c r="GL24" s="102">
        <v>862</v>
      </c>
      <c r="GM24" s="102">
        <v>742</v>
      </c>
      <c r="GN24" s="102">
        <v>632</v>
      </c>
      <c r="GO24" s="102">
        <v>460</v>
      </c>
      <c r="GP24" s="102">
        <v>346</v>
      </c>
      <c r="GQ24" s="103">
        <v>3042</v>
      </c>
      <c r="GR24" s="104">
        <v>4291</v>
      </c>
      <c r="GS24" s="105">
        <v>944</v>
      </c>
      <c r="GT24" s="97">
        <v>853</v>
      </c>
      <c r="GU24" s="98">
        <v>1797</v>
      </c>
      <c r="GV24" s="413">
        <v>0</v>
      </c>
      <c r="GW24" s="97">
        <v>1336</v>
      </c>
      <c r="GX24" s="97">
        <v>1166</v>
      </c>
      <c r="GY24" s="97">
        <v>891</v>
      </c>
      <c r="GZ24" s="97">
        <v>691</v>
      </c>
      <c r="HA24" s="97">
        <v>471</v>
      </c>
      <c r="HB24" s="99">
        <v>4555</v>
      </c>
      <c r="HC24" s="100">
        <v>6352</v>
      </c>
      <c r="HD24" s="101">
        <v>28</v>
      </c>
      <c r="HE24" s="102">
        <v>32</v>
      </c>
      <c r="HF24" s="103">
        <v>60</v>
      </c>
      <c r="HG24" s="416">
        <v>0</v>
      </c>
      <c r="HH24" s="102">
        <v>40</v>
      </c>
      <c r="HI24" s="102">
        <v>45</v>
      </c>
      <c r="HJ24" s="102">
        <v>34</v>
      </c>
      <c r="HK24" s="102">
        <v>12</v>
      </c>
      <c r="HL24" s="102">
        <v>29</v>
      </c>
      <c r="HM24" s="103">
        <v>160</v>
      </c>
      <c r="HN24" s="104">
        <v>220</v>
      </c>
      <c r="HO24" s="101">
        <v>54</v>
      </c>
      <c r="HP24" s="102">
        <v>55</v>
      </c>
      <c r="HQ24" s="103">
        <v>109</v>
      </c>
      <c r="HR24" s="413">
        <v>0</v>
      </c>
      <c r="HS24" s="102">
        <v>70</v>
      </c>
      <c r="HT24" s="102">
        <v>79</v>
      </c>
      <c r="HU24" s="102">
        <v>57</v>
      </c>
      <c r="HV24" s="102">
        <v>49</v>
      </c>
      <c r="HW24" s="102">
        <v>44</v>
      </c>
      <c r="HX24" s="103">
        <v>299</v>
      </c>
      <c r="HY24" s="104">
        <v>408</v>
      </c>
      <c r="HZ24" s="101">
        <v>147</v>
      </c>
      <c r="IA24" s="102">
        <v>161</v>
      </c>
      <c r="IB24" s="103">
        <v>308</v>
      </c>
      <c r="IC24" s="413">
        <v>0</v>
      </c>
      <c r="ID24" s="102">
        <v>199</v>
      </c>
      <c r="IE24" s="102">
        <v>154</v>
      </c>
      <c r="IF24" s="102">
        <v>95</v>
      </c>
      <c r="IG24" s="102">
        <v>84</v>
      </c>
      <c r="IH24" s="102">
        <v>62</v>
      </c>
      <c r="II24" s="103">
        <v>594</v>
      </c>
      <c r="IJ24" s="104">
        <v>902</v>
      </c>
      <c r="IK24" s="101">
        <v>300</v>
      </c>
      <c r="IL24" s="102">
        <v>243</v>
      </c>
      <c r="IM24" s="103">
        <v>543</v>
      </c>
      <c r="IN24" s="413">
        <v>0</v>
      </c>
      <c r="IO24" s="102">
        <v>396</v>
      </c>
      <c r="IP24" s="102">
        <v>284</v>
      </c>
      <c r="IQ24" s="102">
        <v>210</v>
      </c>
      <c r="IR24" s="102">
        <v>166</v>
      </c>
      <c r="IS24" s="102">
        <v>106</v>
      </c>
      <c r="IT24" s="103">
        <v>1162</v>
      </c>
      <c r="IU24" s="104">
        <v>1705</v>
      </c>
      <c r="IV24" s="101">
        <v>268</v>
      </c>
      <c r="IW24" s="102">
        <v>247</v>
      </c>
      <c r="IX24" s="103">
        <v>515</v>
      </c>
      <c r="IY24" s="413">
        <v>0</v>
      </c>
      <c r="IZ24" s="102">
        <v>346</v>
      </c>
      <c r="JA24" s="102">
        <v>337</v>
      </c>
      <c r="JB24" s="102">
        <v>230</v>
      </c>
      <c r="JC24" s="102">
        <v>178</v>
      </c>
      <c r="JD24" s="102">
        <v>110</v>
      </c>
      <c r="JE24" s="103">
        <v>1201</v>
      </c>
      <c r="JF24" s="104">
        <v>1716</v>
      </c>
      <c r="JG24" s="101">
        <v>147</v>
      </c>
      <c r="JH24" s="102">
        <v>115</v>
      </c>
      <c r="JI24" s="103">
        <v>262</v>
      </c>
      <c r="JJ24" s="413">
        <v>0</v>
      </c>
      <c r="JK24" s="102">
        <v>285</v>
      </c>
      <c r="JL24" s="102">
        <v>267</v>
      </c>
      <c r="JM24" s="102">
        <v>265</v>
      </c>
      <c r="JN24" s="102">
        <v>202</v>
      </c>
      <c r="JO24" s="102">
        <v>120</v>
      </c>
      <c r="JP24" s="103">
        <v>1139</v>
      </c>
      <c r="JQ24" s="104">
        <v>1401</v>
      </c>
      <c r="JR24" s="101">
        <v>17</v>
      </c>
      <c r="JS24" s="102">
        <v>21</v>
      </c>
      <c r="JT24" s="103">
        <v>38</v>
      </c>
      <c r="JU24" s="413">
        <v>0</v>
      </c>
      <c r="JV24" s="102">
        <v>13</v>
      </c>
      <c r="JW24" s="102">
        <v>39</v>
      </c>
      <c r="JX24" s="102">
        <v>28</v>
      </c>
      <c r="JY24" s="102">
        <v>20</v>
      </c>
      <c r="JZ24" s="102">
        <v>26</v>
      </c>
      <c r="KA24" s="103">
        <v>126</v>
      </c>
      <c r="KB24" s="104">
        <v>164</v>
      </c>
      <c r="KC24" s="101">
        <v>961</v>
      </c>
      <c r="KD24" s="102">
        <v>874</v>
      </c>
      <c r="KE24" s="103">
        <v>1835</v>
      </c>
      <c r="KF24" s="413">
        <v>0</v>
      </c>
      <c r="KG24" s="102">
        <v>1349</v>
      </c>
      <c r="KH24" s="102">
        <v>1205</v>
      </c>
      <c r="KI24" s="102">
        <v>919</v>
      </c>
      <c r="KJ24" s="102">
        <v>711</v>
      </c>
      <c r="KK24" s="102">
        <v>497</v>
      </c>
      <c r="KL24" s="103">
        <v>4681</v>
      </c>
      <c r="KM24" s="104">
        <v>6516</v>
      </c>
    </row>
    <row r="25" spans="2:299" s="70" customFormat="1" ht="21" customHeight="1" x14ac:dyDescent="0.2">
      <c r="B25" s="106" t="s">
        <v>22</v>
      </c>
      <c r="C25" s="96">
        <v>98</v>
      </c>
      <c r="D25" s="97">
        <v>86</v>
      </c>
      <c r="E25" s="98">
        <v>184</v>
      </c>
      <c r="F25" s="413">
        <v>0</v>
      </c>
      <c r="G25" s="97">
        <v>199</v>
      </c>
      <c r="H25" s="97">
        <v>160</v>
      </c>
      <c r="I25" s="97">
        <v>116</v>
      </c>
      <c r="J25" s="97">
        <v>89</v>
      </c>
      <c r="K25" s="97">
        <v>46</v>
      </c>
      <c r="L25" s="99">
        <v>610</v>
      </c>
      <c r="M25" s="100">
        <v>794</v>
      </c>
      <c r="N25" s="101">
        <v>2</v>
      </c>
      <c r="O25" s="102">
        <v>3</v>
      </c>
      <c r="P25" s="103">
        <v>5</v>
      </c>
      <c r="Q25" s="413">
        <v>0</v>
      </c>
      <c r="R25" s="102">
        <v>5</v>
      </c>
      <c r="S25" s="102">
        <v>7</v>
      </c>
      <c r="T25" s="102">
        <v>3</v>
      </c>
      <c r="U25" s="102">
        <v>1</v>
      </c>
      <c r="V25" s="102">
        <v>2</v>
      </c>
      <c r="W25" s="103">
        <v>18</v>
      </c>
      <c r="X25" s="104">
        <v>23</v>
      </c>
      <c r="Y25" s="101">
        <v>2</v>
      </c>
      <c r="Z25" s="102">
        <v>9</v>
      </c>
      <c r="AA25" s="103">
        <v>11</v>
      </c>
      <c r="AB25" s="413">
        <v>0</v>
      </c>
      <c r="AC25" s="102">
        <v>10</v>
      </c>
      <c r="AD25" s="102">
        <v>11</v>
      </c>
      <c r="AE25" s="102">
        <v>9</v>
      </c>
      <c r="AF25" s="102">
        <v>5</v>
      </c>
      <c r="AG25" s="102">
        <v>10</v>
      </c>
      <c r="AH25" s="103">
        <v>45</v>
      </c>
      <c r="AI25" s="104">
        <v>56</v>
      </c>
      <c r="AJ25" s="101">
        <v>13</v>
      </c>
      <c r="AK25" s="102">
        <v>16</v>
      </c>
      <c r="AL25" s="103">
        <v>29</v>
      </c>
      <c r="AM25" s="413">
        <v>0</v>
      </c>
      <c r="AN25" s="102">
        <v>35</v>
      </c>
      <c r="AO25" s="102">
        <v>21</v>
      </c>
      <c r="AP25" s="102">
        <v>22</v>
      </c>
      <c r="AQ25" s="102">
        <v>13</v>
      </c>
      <c r="AR25" s="102">
        <v>8</v>
      </c>
      <c r="AS25" s="103">
        <v>99</v>
      </c>
      <c r="AT25" s="104">
        <v>128</v>
      </c>
      <c r="AU25" s="101">
        <v>28</v>
      </c>
      <c r="AV25" s="102">
        <v>22</v>
      </c>
      <c r="AW25" s="103">
        <v>50</v>
      </c>
      <c r="AX25" s="413">
        <v>0</v>
      </c>
      <c r="AY25" s="102">
        <v>46</v>
      </c>
      <c r="AZ25" s="102">
        <v>39</v>
      </c>
      <c r="BA25" s="102">
        <v>28</v>
      </c>
      <c r="BB25" s="102">
        <v>21</v>
      </c>
      <c r="BC25" s="102">
        <v>10</v>
      </c>
      <c r="BD25" s="103">
        <v>144</v>
      </c>
      <c r="BE25" s="104">
        <v>194</v>
      </c>
      <c r="BF25" s="101">
        <v>36</v>
      </c>
      <c r="BG25" s="102">
        <v>27</v>
      </c>
      <c r="BH25" s="103">
        <v>63</v>
      </c>
      <c r="BI25" s="413">
        <v>0</v>
      </c>
      <c r="BJ25" s="102">
        <v>52</v>
      </c>
      <c r="BK25" s="102">
        <v>42</v>
      </c>
      <c r="BL25" s="102">
        <v>23</v>
      </c>
      <c r="BM25" s="102">
        <v>24</v>
      </c>
      <c r="BN25" s="102">
        <v>10</v>
      </c>
      <c r="BO25" s="103">
        <v>151</v>
      </c>
      <c r="BP25" s="104">
        <v>214</v>
      </c>
      <c r="BQ25" s="101">
        <v>17</v>
      </c>
      <c r="BR25" s="102">
        <v>9</v>
      </c>
      <c r="BS25" s="103">
        <v>26</v>
      </c>
      <c r="BT25" s="413">
        <v>0</v>
      </c>
      <c r="BU25" s="102">
        <v>51</v>
      </c>
      <c r="BV25" s="102">
        <v>40</v>
      </c>
      <c r="BW25" s="102">
        <v>31</v>
      </c>
      <c r="BX25" s="102">
        <v>25</v>
      </c>
      <c r="BY25" s="102">
        <v>6</v>
      </c>
      <c r="BZ25" s="103">
        <v>153</v>
      </c>
      <c r="CA25" s="104">
        <v>179</v>
      </c>
      <c r="CB25" s="101">
        <v>4</v>
      </c>
      <c r="CC25" s="102">
        <v>5</v>
      </c>
      <c r="CD25" s="103">
        <v>9</v>
      </c>
      <c r="CE25" s="413">
        <v>0</v>
      </c>
      <c r="CF25" s="102">
        <v>8</v>
      </c>
      <c r="CG25" s="102">
        <v>4</v>
      </c>
      <c r="CH25" s="102">
        <v>3</v>
      </c>
      <c r="CI25" s="102">
        <v>1</v>
      </c>
      <c r="CJ25" s="102">
        <v>3</v>
      </c>
      <c r="CK25" s="103">
        <v>19</v>
      </c>
      <c r="CL25" s="104">
        <v>28</v>
      </c>
      <c r="CM25" s="101">
        <v>102</v>
      </c>
      <c r="CN25" s="102">
        <v>91</v>
      </c>
      <c r="CO25" s="103">
        <v>193</v>
      </c>
      <c r="CP25" s="413">
        <v>0</v>
      </c>
      <c r="CQ25" s="102">
        <v>207</v>
      </c>
      <c r="CR25" s="102">
        <v>164</v>
      </c>
      <c r="CS25" s="102">
        <v>119</v>
      </c>
      <c r="CT25" s="102">
        <v>90</v>
      </c>
      <c r="CU25" s="102">
        <v>49</v>
      </c>
      <c r="CV25" s="103">
        <v>629</v>
      </c>
      <c r="CW25" s="104">
        <v>822</v>
      </c>
      <c r="CX25" s="105">
        <v>149</v>
      </c>
      <c r="CY25" s="97">
        <v>279</v>
      </c>
      <c r="CZ25" s="98">
        <v>428</v>
      </c>
      <c r="DA25" s="413">
        <v>0</v>
      </c>
      <c r="DB25" s="97">
        <v>344</v>
      </c>
      <c r="DC25" s="97">
        <v>321</v>
      </c>
      <c r="DD25" s="97">
        <v>223</v>
      </c>
      <c r="DE25" s="97">
        <v>229</v>
      </c>
      <c r="DF25" s="97">
        <v>113</v>
      </c>
      <c r="DG25" s="99">
        <v>1230</v>
      </c>
      <c r="DH25" s="100">
        <v>1658</v>
      </c>
      <c r="DI25" s="101">
        <v>4</v>
      </c>
      <c r="DJ25" s="102">
        <v>6</v>
      </c>
      <c r="DK25" s="103">
        <v>10</v>
      </c>
      <c r="DL25" s="413">
        <v>0</v>
      </c>
      <c r="DM25" s="102">
        <v>6</v>
      </c>
      <c r="DN25" s="102">
        <v>5</v>
      </c>
      <c r="DO25" s="102">
        <v>6</v>
      </c>
      <c r="DP25" s="102">
        <v>2</v>
      </c>
      <c r="DQ25" s="102">
        <v>4</v>
      </c>
      <c r="DR25" s="103">
        <v>23</v>
      </c>
      <c r="DS25" s="104">
        <v>33</v>
      </c>
      <c r="DT25" s="101">
        <v>10</v>
      </c>
      <c r="DU25" s="102">
        <v>12</v>
      </c>
      <c r="DV25" s="103">
        <v>22</v>
      </c>
      <c r="DW25" s="413">
        <v>0</v>
      </c>
      <c r="DX25" s="102">
        <v>13</v>
      </c>
      <c r="DY25" s="102">
        <v>9</v>
      </c>
      <c r="DZ25" s="102">
        <v>11</v>
      </c>
      <c r="EA25" s="102">
        <v>8</v>
      </c>
      <c r="EB25" s="102">
        <v>1</v>
      </c>
      <c r="EC25" s="103">
        <v>42</v>
      </c>
      <c r="ED25" s="104">
        <v>64</v>
      </c>
      <c r="EE25" s="101">
        <v>24</v>
      </c>
      <c r="EF25" s="102">
        <v>48</v>
      </c>
      <c r="EG25" s="103">
        <v>72</v>
      </c>
      <c r="EH25" s="413">
        <v>0</v>
      </c>
      <c r="EI25" s="102">
        <v>40</v>
      </c>
      <c r="EJ25" s="102">
        <v>40</v>
      </c>
      <c r="EK25" s="102">
        <v>20</v>
      </c>
      <c r="EL25" s="102">
        <v>13</v>
      </c>
      <c r="EM25" s="102">
        <v>13</v>
      </c>
      <c r="EN25" s="103">
        <v>126</v>
      </c>
      <c r="EO25" s="104">
        <v>198</v>
      </c>
      <c r="EP25" s="101">
        <v>46</v>
      </c>
      <c r="EQ25" s="102">
        <v>76</v>
      </c>
      <c r="ER25" s="103">
        <v>122</v>
      </c>
      <c r="ES25" s="413">
        <v>0</v>
      </c>
      <c r="ET25" s="102">
        <v>77</v>
      </c>
      <c r="EU25" s="102">
        <v>66</v>
      </c>
      <c r="EV25" s="102">
        <v>42</v>
      </c>
      <c r="EW25" s="102">
        <v>41</v>
      </c>
      <c r="EX25" s="102">
        <v>20</v>
      </c>
      <c r="EY25" s="103">
        <v>246</v>
      </c>
      <c r="EZ25" s="104">
        <v>368</v>
      </c>
      <c r="FA25" s="101">
        <v>51</v>
      </c>
      <c r="FB25" s="102">
        <v>73</v>
      </c>
      <c r="FC25" s="103">
        <v>124</v>
      </c>
      <c r="FD25" s="413">
        <v>0</v>
      </c>
      <c r="FE25" s="102">
        <v>105</v>
      </c>
      <c r="FF25" s="102">
        <v>85</v>
      </c>
      <c r="FG25" s="102">
        <v>60</v>
      </c>
      <c r="FH25" s="102">
        <v>62</v>
      </c>
      <c r="FI25" s="102">
        <v>34</v>
      </c>
      <c r="FJ25" s="103">
        <v>346</v>
      </c>
      <c r="FK25" s="104">
        <v>470</v>
      </c>
      <c r="FL25" s="101">
        <v>14</v>
      </c>
      <c r="FM25" s="102">
        <v>64</v>
      </c>
      <c r="FN25" s="103">
        <v>78</v>
      </c>
      <c r="FO25" s="413">
        <v>0</v>
      </c>
      <c r="FP25" s="102">
        <v>103</v>
      </c>
      <c r="FQ25" s="102">
        <v>116</v>
      </c>
      <c r="FR25" s="102">
        <v>84</v>
      </c>
      <c r="FS25" s="102">
        <v>103</v>
      </c>
      <c r="FT25" s="102">
        <v>41</v>
      </c>
      <c r="FU25" s="103">
        <v>447</v>
      </c>
      <c r="FV25" s="104">
        <v>525</v>
      </c>
      <c r="FW25" s="101">
        <v>0</v>
      </c>
      <c r="FX25" s="102">
        <v>4</v>
      </c>
      <c r="FY25" s="103">
        <v>4</v>
      </c>
      <c r="FZ25" s="413">
        <v>0</v>
      </c>
      <c r="GA25" s="102">
        <v>3</v>
      </c>
      <c r="GB25" s="102">
        <v>5</v>
      </c>
      <c r="GC25" s="102">
        <v>2</v>
      </c>
      <c r="GD25" s="102">
        <v>1</v>
      </c>
      <c r="GE25" s="102">
        <v>3</v>
      </c>
      <c r="GF25" s="103">
        <v>14</v>
      </c>
      <c r="GG25" s="104">
        <v>18</v>
      </c>
      <c r="GH25" s="101">
        <v>149</v>
      </c>
      <c r="GI25" s="102">
        <v>283</v>
      </c>
      <c r="GJ25" s="103">
        <v>432</v>
      </c>
      <c r="GK25" s="413">
        <v>0</v>
      </c>
      <c r="GL25" s="102">
        <v>347</v>
      </c>
      <c r="GM25" s="102">
        <v>326</v>
      </c>
      <c r="GN25" s="102">
        <v>225</v>
      </c>
      <c r="GO25" s="102">
        <v>230</v>
      </c>
      <c r="GP25" s="102">
        <v>116</v>
      </c>
      <c r="GQ25" s="103">
        <v>1244</v>
      </c>
      <c r="GR25" s="104">
        <v>1676</v>
      </c>
      <c r="GS25" s="105">
        <v>247</v>
      </c>
      <c r="GT25" s="97">
        <v>365</v>
      </c>
      <c r="GU25" s="98">
        <v>612</v>
      </c>
      <c r="GV25" s="413">
        <v>0</v>
      </c>
      <c r="GW25" s="97">
        <v>543</v>
      </c>
      <c r="GX25" s="97">
        <v>481</v>
      </c>
      <c r="GY25" s="97">
        <v>339</v>
      </c>
      <c r="GZ25" s="97">
        <v>318</v>
      </c>
      <c r="HA25" s="97">
        <v>159</v>
      </c>
      <c r="HB25" s="99">
        <v>1840</v>
      </c>
      <c r="HC25" s="100">
        <v>2452</v>
      </c>
      <c r="HD25" s="101">
        <v>6</v>
      </c>
      <c r="HE25" s="102">
        <v>9</v>
      </c>
      <c r="HF25" s="103">
        <v>15</v>
      </c>
      <c r="HG25" s="416">
        <v>0</v>
      </c>
      <c r="HH25" s="102">
        <v>11</v>
      </c>
      <c r="HI25" s="102">
        <v>12</v>
      </c>
      <c r="HJ25" s="102">
        <v>9</v>
      </c>
      <c r="HK25" s="102">
        <v>3</v>
      </c>
      <c r="HL25" s="102">
        <v>6</v>
      </c>
      <c r="HM25" s="103">
        <v>41</v>
      </c>
      <c r="HN25" s="104">
        <v>56</v>
      </c>
      <c r="HO25" s="101">
        <v>12</v>
      </c>
      <c r="HP25" s="102">
        <v>21</v>
      </c>
      <c r="HQ25" s="103">
        <v>33</v>
      </c>
      <c r="HR25" s="413">
        <v>0</v>
      </c>
      <c r="HS25" s="102">
        <v>23</v>
      </c>
      <c r="HT25" s="102">
        <v>20</v>
      </c>
      <c r="HU25" s="102">
        <v>20</v>
      </c>
      <c r="HV25" s="102">
        <v>13</v>
      </c>
      <c r="HW25" s="102">
        <v>11</v>
      </c>
      <c r="HX25" s="103">
        <v>87</v>
      </c>
      <c r="HY25" s="104">
        <v>120</v>
      </c>
      <c r="HZ25" s="101">
        <v>37</v>
      </c>
      <c r="IA25" s="102">
        <v>64</v>
      </c>
      <c r="IB25" s="103">
        <v>101</v>
      </c>
      <c r="IC25" s="413">
        <v>0</v>
      </c>
      <c r="ID25" s="102">
        <v>75</v>
      </c>
      <c r="IE25" s="102">
        <v>61</v>
      </c>
      <c r="IF25" s="102">
        <v>42</v>
      </c>
      <c r="IG25" s="102">
        <v>26</v>
      </c>
      <c r="IH25" s="102">
        <v>21</v>
      </c>
      <c r="II25" s="103">
        <v>225</v>
      </c>
      <c r="IJ25" s="104">
        <v>326</v>
      </c>
      <c r="IK25" s="101">
        <v>74</v>
      </c>
      <c r="IL25" s="102">
        <v>98</v>
      </c>
      <c r="IM25" s="103">
        <v>172</v>
      </c>
      <c r="IN25" s="413">
        <v>0</v>
      </c>
      <c r="IO25" s="102">
        <v>123</v>
      </c>
      <c r="IP25" s="102">
        <v>105</v>
      </c>
      <c r="IQ25" s="102">
        <v>70</v>
      </c>
      <c r="IR25" s="102">
        <v>62</v>
      </c>
      <c r="IS25" s="102">
        <v>30</v>
      </c>
      <c r="IT25" s="103">
        <v>390</v>
      </c>
      <c r="IU25" s="104">
        <v>562</v>
      </c>
      <c r="IV25" s="101">
        <v>87</v>
      </c>
      <c r="IW25" s="102">
        <v>100</v>
      </c>
      <c r="IX25" s="103">
        <v>187</v>
      </c>
      <c r="IY25" s="413">
        <v>0</v>
      </c>
      <c r="IZ25" s="102">
        <v>157</v>
      </c>
      <c r="JA25" s="102">
        <v>127</v>
      </c>
      <c r="JB25" s="102">
        <v>83</v>
      </c>
      <c r="JC25" s="102">
        <v>86</v>
      </c>
      <c r="JD25" s="102">
        <v>44</v>
      </c>
      <c r="JE25" s="103">
        <v>497</v>
      </c>
      <c r="JF25" s="104">
        <v>684</v>
      </c>
      <c r="JG25" s="101">
        <v>31</v>
      </c>
      <c r="JH25" s="102">
        <v>73</v>
      </c>
      <c r="JI25" s="103">
        <v>104</v>
      </c>
      <c r="JJ25" s="413">
        <v>0</v>
      </c>
      <c r="JK25" s="102">
        <v>154</v>
      </c>
      <c r="JL25" s="102">
        <v>156</v>
      </c>
      <c r="JM25" s="102">
        <v>115</v>
      </c>
      <c r="JN25" s="102">
        <v>128</v>
      </c>
      <c r="JO25" s="102">
        <v>47</v>
      </c>
      <c r="JP25" s="103">
        <v>600</v>
      </c>
      <c r="JQ25" s="104">
        <v>704</v>
      </c>
      <c r="JR25" s="101">
        <v>4</v>
      </c>
      <c r="JS25" s="102">
        <v>9</v>
      </c>
      <c r="JT25" s="103">
        <v>13</v>
      </c>
      <c r="JU25" s="413">
        <v>0</v>
      </c>
      <c r="JV25" s="102">
        <v>11</v>
      </c>
      <c r="JW25" s="102">
        <v>9</v>
      </c>
      <c r="JX25" s="102">
        <v>5</v>
      </c>
      <c r="JY25" s="102">
        <v>2</v>
      </c>
      <c r="JZ25" s="102">
        <v>6</v>
      </c>
      <c r="KA25" s="103">
        <v>33</v>
      </c>
      <c r="KB25" s="104">
        <v>46</v>
      </c>
      <c r="KC25" s="101">
        <v>251</v>
      </c>
      <c r="KD25" s="102">
        <v>374</v>
      </c>
      <c r="KE25" s="103">
        <v>625</v>
      </c>
      <c r="KF25" s="413">
        <v>0</v>
      </c>
      <c r="KG25" s="102">
        <v>554</v>
      </c>
      <c r="KH25" s="102">
        <v>490</v>
      </c>
      <c r="KI25" s="102">
        <v>344</v>
      </c>
      <c r="KJ25" s="102">
        <v>320</v>
      </c>
      <c r="KK25" s="102">
        <v>165</v>
      </c>
      <c r="KL25" s="103">
        <v>1873</v>
      </c>
      <c r="KM25" s="104">
        <v>2498</v>
      </c>
    </row>
    <row r="26" spans="2:299" s="70" customFormat="1" ht="21" customHeight="1" x14ac:dyDescent="0.2">
      <c r="B26" s="106" t="s">
        <v>23</v>
      </c>
      <c r="C26" s="96">
        <v>217</v>
      </c>
      <c r="D26" s="97">
        <v>220</v>
      </c>
      <c r="E26" s="98">
        <v>437</v>
      </c>
      <c r="F26" s="413">
        <v>0</v>
      </c>
      <c r="G26" s="97">
        <v>343</v>
      </c>
      <c r="H26" s="97">
        <v>311</v>
      </c>
      <c r="I26" s="97">
        <v>188</v>
      </c>
      <c r="J26" s="97">
        <v>163</v>
      </c>
      <c r="K26" s="97">
        <v>99</v>
      </c>
      <c r="L26" s="99">
        <v>1104</v>
      </c>
      <c r="M26" s="100">
        <v>1541</v>
      </c>
      <c r="N26" s="101">
        <v>9</v>
      </c>
      <c r="O26" s="102">
        <v>8</v>
      </c>
      <c r="P26" s="103">
        <v>17</v>
      </c>
      <c r="Q26" s="413">
        <v>0</v>
      </c>
      <c r="R26" s="102">
        <v>7</v>
      </c>
      <c r="S26" s="102">
        <v>17</v>
      </c>
      <c r="T26" s="102">
        <v>4</v>
      </c>
      <c r="U26" s="102">
        <v>10</v>
      </c>
      <c r="V26" s="102">
        <v>3</v>
      </c>
      <c r="W26" s="103">
        <v>41</v>
      </c>
      <c r="X26" s="104">
        <v>58</v>
      </c>
      <c r="Y26" s="101">
        <v>15</v>
      </c>
      <c r="Z26" s="102">
        <v>21</v>
      </c>
      <c r="AA26" s="103">
        <v>36</v>
      </c>
      <c r="AB26" s="413">
        <v>0</v>
      </c>
      <c r="AC26" s="102">
        <v>23</v>
      </c>
      <c r="AD26" s="102">
        <v>27</v>
      </c>
      <c r="AE26" s="102">
        <v>21</v>
      </c>
      <c r="AF26" s="102">
        <v>19</v>
      </c>
      <c r="AG26" s="102">
        <v>9</v>
      </c>
      <c r="AH26" s="103">
        <v>99</v>
      </c>
      <c r="AI26" s="104">
        <v>135</v>
      </c>
      <c r="AJ26" s="101">
        <v>47</v>
      </c>
      <c r="AK26" s="102">
        <v>35</v>
      </c>
      <c r="AL26" s="103">
        <v>82</v>
      </c>
      <c r="AM26" s="413">
        <v>0</v>
      </c>
      <c r="AN26" s="102">
        <v>52</v>
      </c>
      <c r="AO26" s="102">
        <v>49</v>
      </c>
      <c r="AP26" s="102">
        <v>30</v>
      </c>
      <c r="AQ26" s="102">
        <v>21</v>
      </c>
      <c r="AR26" s="102">
        <v>21</v>
      </c>
      <c r="AS26" s="103">
        <v>173</v>
      </c>
      <c r="AT26" s="104">
        <v>255</v>
      </c>
      <c r="AU26" s="101">
        <v>64</v>
      </c>
      <c r="AV26" s="102">
        <v>72</v>
      </c>
      <c r="AW26" s="103">
        <v>136</v>
      </c>
      <c r="AX26" s="413">
        <v>0</v>
      </c>
      <c r="AY26" s="102">
        <v>104</v>
      </c>
      <c r="AZ26" s="102">
        <v>93</v>
      </c>
      <c r="BA26" s="102">
        <v>51</v>
      </c>
      <c r="BB26" s="102">
        <v>38</v>
      </c>
      <c r="BC26" s="102">
        <v>24</v>
      </c>
      <c r="BD26" s="103">
        <v>310</v>
      </c>
      <c r="BE26" s="104">
        <v>446</v>
      </c>
      <c r="BF26" s="101">
        <v>60</v>
      </c>
      <c r="BG26" s="102">
        <v>65</v>
      </c>
      <c r="BH26" s="103">
        <v>125</v>
      </c>
      <c r="BI26" s="413">
        <v>0</v>
      </c>
      <c r="BJ26" s="102">
        <v>117</v>
      </c>
      <c r="BK26" s="102">
        <v>87</v>
      </c>
      <c r="BL26" s="102">
        <v>53</v>
      </c>
      <c r="BM26" s="102">
        <v>43</v>
      </c>
      <c r="BN26" s="102">
        <v>26</v>
      </c>
      <c r="BO26" s="103">
        <v>326</v>
      </c>
      <c r="BP26" s="104">
        <v>451</v>
      </c>
      <c r="BQ26" s="101">
        <v>22</v>
      </c>
      <c r="BR26" s="102">
        <v>19</v>
      </c>
      <c r="BS26" s="103">
        <v>41</v>
      </c>
      <c r="BT26" s="413">
        <v>0</v>
      </c>
      <c r="BU26" s="102">
        <v>40</v>
      </c>
      <c r="BV26" s="102">
        <v>38</v>
      </c>
      <c r="BW26" s="102">
        <v>29</v>
      </c>
      <c r="BX26" s="102">
        <v>32</v>
      </c>
      <c r="BY26" s="102">
        <v>16</v>
      </c>
      <c r="BZ26" s="103">
        <v>155</v>
      </c>
      <c r="CA26" s="104">
        <v>196</v>
      </c>
      <c r="CB26" s="101">
        <v>5</v>
      </c>
      <c r="CC26" s="102">
        <v>13</v>
      </c>
      <c r="CD26" s="103">
        <v>18</v>
      </c>
      <c r="CE26" s="413">
        <v>0</v>
      </c>
      <c r="CF26" s="102">
        <v>6</v>
      </c>
      <c r="CG26" s="102">
        <v>12</v>
      </c>
      <c r="CH26" s="102">
        <v>8</v>
      </c>
      <c r="CI26" s="102">
        <v>7</v>
      </c>
      <c r="CJ26" s="102">
        <v>4</v>
      </c>
      <c r="CK26" s="103">
        <v>37</v>
      </c>
      <c r="CL26" s="104">
        <v>55</v>
      </c>
      <c r="CM26" s="101">
        <v>222</v>
      </c>
      <c r="CN26" s="102">
        <v>233</v>
      </c>
      <c r="CO26" s="103">
        <v>455</v>
      </c>
      <c r="CP26" s="413">
        <v>0</v>
      </c>
      <c r="CQ26" s="102">
        <v>349</v>
      </c>
      <c r="CR26" s="102">
        <v>323</v>
      </c>
      <c r="CS26" s="102">
        <v>196</v>
      </c>
      <c r="CT26" s="102">
        <v>170</v>
      </c>
      <c r="CU26" s="102">
        <v>103</v>
      </c>
      <c r="CV26" s="103">
        <v>1141</v>
      </c>
      <c r="CW26" s="104">
        <v>1596</v>
      </c>
      <c r="CX26" s="105">
        <v>387</v>
      </c>
      <c r="CY26" s="97">
        <v>476</v>
      </c>
      <c r="CZ26" s="98">
        <v>863</v>
      </c>
      <c r="DA26" s="413">
        <v>0</v>
      </c>
      <c r="DB26" s="97">
        <v>556</v>
      </c>
      <c r="DC26" s="97">
        <v>456</v>
      </c>
      <c r="DD26" s="97">
        <v>329</v>
      </c>
      <c r="DE26" s="97">
        <v>391</v>
      </c>
      <c r="DF26" s="97">
        <v>221</v>
      </c>
      <c r="DG26" s="99">
        <v>1953</v>
      </c>
      <c r="DH26" s="100">
        <v>2816</v>
      </c>
      <c r="DI26" s="101">
        <v>12</v>
      </c>
      <c r="DJ26" s="102">
        <v>10</v>
      </c>
      <c r="DK26" s="103">
        <v>22</v>
      </c>
      <c r="DL26" s="413">
        <v>0</v>
      </c>
      <c r="DM26" s="102">
        <v>11</v>
      </c>
      <c r="DN26" s="102">
        <v>9</v>
      </c>
      <c r="DO26" s="102">
        <v>3</v>
      </c>
      <c r="DP26" s="102">
        <v>4</v>
      </c>
      <c r="DQ26" s="102">
        <v>4</v>
      </c>
      <c r="DR26" s="103">
        <v>31</v>
      </c>
      <c r="DS26" s="104">
        <v>53</v>
      </c>
      <c r="DT26" s="101">
        <v>26</v>
      </c>
      <c r="DU26" s="102">
        <v>38</v>
      </c>
      <c r="DV26" s="103">
        <v>64</v>
      </c>
      <c r="DW26" s="413">
        <v>0</v>
      </c>
      <c r="DX26" s="102">
        <v>21</v>
      </c>
      <c r="DY26" s="102">
        <v>29</v>
      </c>
      <c r="DZ26" s="102">
        <v>20</v>
      </c>
      <c r="EA26" s="102">
        <v>22</v>
      </c>
      <c r="EB26" s="102">
        <v>9</v>
      </c>
      <c r="EC26" s="103">
        <v>101</v>
      </c>
      <c r="ED26" s="104">
        <v>165</v>
      </c>
      <c r="EE26" s="101">
        <v>66</v>
      </c>
      <c r="EF26" s="102">
        <v>79</v>
      </c>
      <c r="EG26" s="103">
        <v>145</v>
      </c>
      <c r="EH26" s="413">
        <v>0</v>
      </c>
      <c r="EI26" s="102">
        <v>74</v>
      </c>
      <c r="EJ26" s="102">
        <v>68</v>
      </c>
      <c r="EK26" s="102">
        <v>41</v>
      </c>
      <c r="EL26" s="102">
        <v>37</v>
      </c>
      <c r="EM26" s="102">
        <v>34</v>
      </c>
      <c r="EN26" s="103">
        <v>254</v>
      </c>
      <c r="EO26" s="104">
        <v>399</v>
      </c>
      <c r="EP26" s="101">
        <v>160</v>
      </c>
      <c r="EQ26" s="102">
        <v>162</v>
      </c>
      <c r="ER26" s="103">
        <v>322</v>
      </c>
      <c r="ES26" s="413">
        <v>0</v>
      </c>
      <c r="ET26" s="102">
        <v>158</v>
      </c>
      <c r="EU26" s="102">
        <v>112</v>
      </c>
      <c r="EV26" s="102">
        <v>75</v>
      </c>
      <c r="EW26" s="102">
        <v>92</v>
      </c>
      <c r="EX26" s="102">
        <v>55</v>
      </c>
      <c r="EY26" s="103">
        <v>492</v>
      </c>
      <c r="EZ26" s="104">
        <v>814</v>
      </c>
      <c r="FA26" s="101">
        <v>84</v>
      </c>
      <c r="FB26" s="102">
        <v>128</v>
      </c>
      <c r="FC26" s="103">
        <v>212</v>
      </c>
      <c r="FD26" s="413">
        <v>0</v>
      </c>
      <c r="FE26" s="102">
        <v>176</v>
      </c>
      <c r="FF26" s="102">
        <v>108</v>
      </c>
      <c r="FG26" s="102">
        <v>100</v>
      </c>
      <c r="FH26" s="102">
        <v>103</v>
      </c>
      <c r="FI26" s="102">
        <v>53</v>
      </c>
      <c r="FJ26" s="103">
        <v>540</v>
      </c>
      <c r="FK26" s="104">
        <v>752</v>
      </c>
      <c r="FL26" s="101">
        <v>39</v>
      </c>
      <c r="FM26" s="102">
        <v>59</v>
      </c>
      <c r="FN26" s="103">
        <v>98</v>
      </c>
      <c r="FO26" s="413">
        <v>0</v>
      </c>
      <c r="FP26" s="102">
        <v>116</v>
      </c>
      <c r="FQ26" s="102">
        <v>130</v>
      </c>
      <c r="FR26" s="102">
        <v>90</v>
      </c>
      <c r="FS26" s="102">
        <v>133</v>
      </c>
      <c r="FT26" s="102">
        <v>66</v>
      </c>
      <c r="FU26" s="103">
        <v>535</v>
      </c>
      <c r="FV26" s="104">
        <v>633</v>
      </c>
      <c r="FW26" s="101">
        <v>5</v>
      </c>
      <c r="FX26" s="102">
        <v>11</v>
      </c>
      <c r="FY26" s="103">
        <v>16</v>
      </c>
      <c r="FZ26" s="413">
        <v>0</v>
      </c>
      <c r="GA26" s="102">
        <v>5</v>
      </c>
      <c r="GB26" s="102">
        <v>13</v>
      </c>
      <c r="GC26" s="102">
        <v>4</v>
      </c>
      <c r="GD26" s="102">
        <v>3</v>
      </c>
      <c r="GE26" s="102">
        <v>5</v>
      </c>
      <c r="GF26" s="103">
        <v>30</v>
      </c>
      <c r="GG26" s="104">
        <v>46</v>
      </c>
      <c r="GH26" s="101">
        <v>392</v>
      </c>
      <c r="GI26" s="102">
        <v>487</v>
      </c>
      <c r="GJ26" s="103">
        <v>879</v>
      </c>
      <c r="GK26" s="413">
        <v>0</v>
      </c>
      <c r="GL26" s="102">
        <v>561</v>
      </c>
      <c r="GM26" s="102">
        <v>469</v>
      </c>
      <c r="GN26" s="102">
        <v>333</v>
      </c>
      <c r="GO26" s="102">
        <v>394</v>
      </c>
      <c r="GP26" s="102">
        <v>226</v>
      </c>
      <c r="GQ26" s="103">
        <v>1983</v>
      </c>
      <c r="GR26" s="104">
        <v>2862</v>
      </c>
      <c r="GS26" s="105">
        <v>604</v>
      </c>
      <c r="GT26" s="97">
        <v>696</v>
      </c>
      <c r="GU26" s="98">
        <v>1300</v>
      </c>
      <c r="GV26" s="413">
        <v>0</v>
      </c>
      <c r="GW26" s="97">
        <v>899</v>
      </c>
      <c r="GX26" s="97">
        <v>767</v>
      </c>
      <c r="GY26" s="97">
        <v>517</v>
      </c>
      <c r="GZ26" s="97">
        <v>554</v>
      </c>
      <c r="HA26" s="97">
        <v>320</v>
      </c>
      <c r="HB26" s="99">
        <v>3057</v>
      </c>
      <c r="HC26" s="100">
        <v>4357</v>
      </c>
      <c r="HD26" s="101">
        <v>21</v>
      </c>
      <c r="HE26" s="102">
        <v>18</v>
      </c>
      <c r="HF26" s="103">
        <v>39</v>
      </c>
      <c r="HG26" s="416">
        <v>0</v>
      </c>
      <c r="HH26" s="102">
        <v>18</v>
      </c>
      <c r="HI26" s="102">
        <v>26</v>
      </c>
      <c r="HJ26" s="102">
        <v>7</v>
      </c>
      <c r="HK26" s="102">
        <v>14</v>
      </c>
      <c r="HL26" s="102">
        <v>7</v>
      </c>
      <c r="HM26" s="103">
        <v>72</v>
      </c>
      <c r="HN26" s="104">
        <v>111</v>
      </c>
      <c r="HO26" s="101">
        <v>41</v>
      </c>
      <c r="HP26" s="102">
        <v>59</v>
      </c>
      <c r="HQ26" s="103">
        <v>100</v>
      </c>
      <c r="HR26" s="413">
        <v>0</v>
      </c>
      <c r="HS26" s="102">
        <v>44</v>
      </c>
      <c r="HT26" s="102">
        <v>56</v>
      </c>
      <c r="HU26" s="102">
        <v>41</v>
      </c>
      <c r="HV26" s="102">
        <v>41</v>
      </c>
      <c r="HW26" s="102">
        <v>18</v>
      </c>
      <c r="HX26" s="103">
        <v>200</v>
      </c>
      <c r="HY26" s="104">
        <v>300</v>
      </c>
      <c r="HZ26" s="101">
        <v>113</v>
      </c>
      <c r="IA26" s="102">
        <v>114</v>
      </c>
      <c r="IB26" s="103">
        <v>227</v>
      </c>
      <c r="IC26" s="413">
        <v>0</v>
      </c>
      <c r="ID26" s="102">
        <v>126</v>
      </c>
      <c r="IE26" s="102">
        <v>117</v>
      </c>
      <c r="IF26" s="102">
        <v>71</v>
      </c>
      <c r="IG26" s="102">
        <v>58</v>
      </c>
      <c r="IH26" s="102">
        <v>55</v>
      </c>
      <c r="II26" s="103">
        <v>427</v>
      </c>
      <c r="IJ26" s="104">
        <v>654</v>
      </c>
      <c r="IK26" s="101">
        <v>224</v>
      </c>
      <c r="IL26" s="102">
        <v>234</v>
      </c>
      <c r="IM26" s="103">
        <v>458</v>
      </c>
      <c r="IN26" s="413">
        <v>0</v>
      </c>
      <c r="IO26" s="102">
        <v>262</v>
      </c>
      <c r="IP26" s="102">
        <v>205</v>
      </c>
      <c r="IQ26" s="102">
        <v>126</v>
      </c>
      <c r="IR26" s="102">
        <v>130</v>
      </c>
      <c r="IS26" s="102">
        <v>79</v>
      </c>
      <c r="IT26" s="103">
        <v>802</v>
      </c>
      <c r="IU26" s="104">
        <v>1260</v>
      </c>
      <c r="IV26" s="101">
        <v>144</v>
      </c>
      <c r="IW26" s="102">
        <v>193</v>
      </c>
      <c r="IX26" s="103">
        <v>337</v>
      </c>
      <c r="IY26" s="413">
        <v>0</v>
      </c>
      <c r="IZ26" s="102">
        <v>293</v>
      </c>
      <c r="JA26" s="102">
        <v>195</v>
      </c>
      <c r="JB26" s="102">
        <v>153</v>
      </c>
      <c r="JC26" s="102">
        <v>146</v>
      </c>
      <c r="JD26" s="102">
        <v>79</v>
      </c>
      <c r="JE26" s="103">
        <v>866</v>
      </c>
      <c r="JF26" s="104">
        <v>1203</v>
      </c>
      <c r="JG26" s="101">
        <v>61</v>
      </c>
      <c r="JH26" s="102">
        <v>78</v>
      </c>
      <c r="JI26" s="103">
        <v>139</v>
      </c>
      <c r="JJ26" s="413">
        <v>0</v>
      </c>
      <c r="JK26" s="102">
        <v>156</v>
      </c>
      <c r="JL26" s="102">
        <v>168</v>
      </c>
      <c r="JM26" s="102">
        <v>119</v>
      </c>
      <c r="JN26" s="102">
        <v>165</v>
      </c>
      <c r="JO26" s="102">
        <v>82</v>
      </c>
      <c r="JP26" s="103">
        <v>690</v>
      </c>
      <c r="JQ26" s="104">
        <v>829</v>
      </c>
      <c r="JR26" s="101">
        <v>10</v>
      </c>
      <c r="JS26" s="102">
        <v>24</v>
      </c>
      <c r="JT26" s="103">
        <v>34</v>
      </c>
      <c r="JU26" s="413">
        <v>0</v>
      </c>
      <c r="JV26" s="102">
        <v>11</v>
      </c>
      <c r="JW26" s="102">
        <v>25</v>
      </c>
      <c r="JX26" s="102">
        <v>12</v>
      </c>
      <c r="JY26" s="102">
        <v>10</v>
      </c>
      <c r="JZ26" s="102">
        <v>9</v>
      </c>
      <c r="KA26" s="103">
        <v>67</v>
      </c>
      <c r="KB26" s="104">
        <v>101</v>
      </c>
      <c r="KC26" s="101">
        <v>614</v>
      </c>
      <c r="KD26" s="102">
        <v>720</v>
      </c>
      <c r="KE26" s="103">
        <v>1334</v>
      </c>
      <c r="KF26" s="413">
        <v>0</v>
      </c>
      <c r="KG26" s="102">
        <v>910</v>
      </c>
      <c r="KH26" s="102">
        <v>792</v>
      </c>
      <c r="KI26" s="102">
        <v>529</v>
      </c>
      <c r="KJ26" s="102">
        <v>564</v>
      </c>
      <c r="KK26" s="102">
        <v>329</v>
      </c>
      <c r="KL26" s="103">
        <v>3124</v>
      </c>
      <c r="KM26" s="104">
        <v>4458</v>
      </c>
    </row>
    <row r="27" spans="2:299" s="70" customFormat="1" ht="21" customHeight="1" x14ac:dyDescent="0.2">
      <c r="B27" s="106" t="s">
        <v>24</v>
      </c>
      <c r="C27" s="96">
        <v>109</v>
      </c>
      <c r="D27" s="97">
        <v>80</v>
      </c>
      <c r="E27" s="98">
        <v>189</v>
      </c>
      <c r="F27" s="413">
        <v>0</v>
      </c>
      <c r="G27" s="97">
        <v>165</v>
      </c>
      <c r="H27" s="97">
        <v>105</v>
      </c>
      <c r="I27" s="97">
        <v>73</v>
      </c>
      <c r="J27" s="97">
        <v>59</v>
      </c>
      <c r="K27" s="97">
        <v>46</v>
      </c>
      <c r="L27" s="99">
        <v>448</v>
      </c>
      <c r="M27" s="100">
        <v>637</v>
      </c>
      <c r="N27" s="101">
        <v>2</v>
      </c>
      <c r="O27" s="102">
        <v>2</v>
      </c>
      <c r="P27" s="103">
        <v>4</v>
      </c>
      <c r="Q27" s="413">
        <v>0</v>
      </c>
      <c r="R27" s="102">
        <v>8</v>
      </c>
      <c r="S27" s="102">
        <v>0</v>
      </c>
      <c r="T27" s="102">
        <v>2</v>
      </c>
      <c r="U27" s="102">
        <v>0</v>
      </c>
      <c r="V27" s="102">
        <v>2</v>
      </c>
      <c r="W27" s="103">
        <v>12</v>
      </c>
      <c r="X27" s="104">
        <v>16</v>
      </c>
      <c r="Y27" s="101">
        <v>7</v>
      </c>
      <c r="Z27" s="102">
        <v>4</v>
      </c>
      <c r="AA27" s="103">
        <v>11</v>
      </c>
      <c r="AB27" s="413">
        <v>0</v>
      </c>
      <c r="AC27" s="102">
        <v>12</v>
      </c>
      <c r="AD27" s="102">
        <v>8</v>
      </c>
      <c r="AE27" s="102">
        <v>5</v>
      </c>
      <c r="AF27" s="102">
        <v>5</v>
      </c>
      <c r="AG27" s="102">
        <v>9</v>
      </c>
      <c r="AH27" s="103">
        <v>39</v>
      </c>
      <c r="AI27" s="104">
        <v>50</v>
      </c>
      <c r="AJ27" s="101">
        <v>10</v>
      </c>
      <c r="AK27" s="102">
        <v>17</v>
      </c>
      <c r="AL27" s="103">
        <v>27</v>
      </c>
      <c r="AM27" s="413">
        <v>0</v>
      </c>
      <c r="AN27" s="102">
        <v>22</v>
      </c>
      <c r="AO27" s="102">
        <v>12</v>
      </c>
      <c r="AP27" s="102">
        <v>10</v>
      </c>
      <c r="AQ27" s="102">
        <v>7</v>
      </c>
      <c r="AR27" s="102">
        <v>3</v>
      </c>
      <c r="AS27" s="103">
        <v>54</v>
      </c>
      <c r="AT27" s="104">
        <v>81</v>
      </c>
      <c r="AU27" s="101">
        <v>23</v>
      </c>
      <c r="AV27" s="102">
        <v>16</v>
      </c>
      <c r="AW27" s="103">
        <v>39</v>
      </c>
      <c r="AX27" s="413">
        <v>0</v>
      </c>
      <c r="AY27" s="102">
        <v>44</v>
      </c>
      <c r="AZ27" s="102">
        <v>26</v>
      </c>
      <c r="BA27" s="102">
        <v>17</v>
      </c>
      <c r="BB27" s="102">
        <v>13</v>
      </c>
      <c r="BC27" s="102">
        <v>9</v>
      </c>
      <c r="BD27" s="103">
        <v>109</v>
      </c>
      <c r="BE27" s="104">
        <v>148</v>
      </c>
      <c r="BF27" s="101">
        <v>37</v>
      </c>
      <c r="BG27" s="102">
        <v>22</v>
      </c>
      <c r="BH27" s="103">
        <v>59</v>
      </c>
      <c r="BI27" s="413">
        <v>0</v>
      </c>
      <c r="BJ27" s="102">
        <v>43</v>
      </c>
      <c r="BK27" s="102">
        <v>26</v>
      </c>
      <c r="BL27" s="102">
        <v>17</v>
      </c>
      <c r="BM27" s="102">
        <v>11</v>
      </c>
      <c r="BN27" s="102">
        <v>7</v>
      </c>
      <c r="BO27" s="103">
        <v>104</v>
      </c>
      <c r="BP27" s="104">
        <v>163</v>
      </c>
      <c r="BQ27" s="101">
        <v>30</v>
      </c>
      <c r="BR27" s="102">
        <v>19</v>
      </c>
      <c r="BS27" s="103">
        <v>49</v>
      </c>
      <c r="BT27" s="413">
        <v>0</v>
      </c>
      <c r="BU27" s="102">
        <v>36</v>
      </c>
      <c r="BV27" s="102">
        <v>33</v>
      </c>
      <c r="BW27" s="102">
        <v>22</v>
      </c>
      <c r="BX27" s="102">
        <v>23</v>
      </c>
      <c r="BY27" s="102">
        <v>16</v>
      </c>
      <c r="BZ27" s="103">
        <v>130</v>
      </c>
      <c r="CA27" s="104">
        <v>179</v>
      </c>
      <c r="CB27" s="101">
        <v>1</v>
      </c>
      <c r="CC27" s="102">
        <v>1</v>
      </c>
      <c r="CD27" s="103">
        <v>2</v>
      </c>
      <c r="CE27" s="413">
        <v>0</v>
      </c>
      <c r="CF27" s="102">
        <v>4</v>
      </c>
      <c r="CG27" s="102">
        <v>3</v>
      </c>
      <c r="CH27" s="102">
        <v>5</v>
      </c>
      <c r="CI27" s="102">
        <v>2</v>
      </c>
      <c r="CJ27" s="102">
        <v>0</v>
      </c>
      <c r="CK27" s="103">
        <v>14</v>
      </c>
      <c r="CL27" s="104">
        <v>16</v>
      </c>
      <c r="CM27" s="101">
        <v>110</v>
      </c>
      <c r="CN27" s="102">
        <v>81</v>
      </c>
      <c r="CO27" s="103">
        <v>191</v>
      </c>
      <c r="CP27" s="413">
        <v>0</v>
      </c>
      <c r="CQ27" s="102">
        <v>169</v>
      </c>
      <c r="CR27" s="102">
        <v>108</v>
      </c>
      <c r="CS27" s="102">
        <v>78</v>
      </c>
      <c r="CT27" s="102">
        <v>61</v>
      </c>
      <c r="CU27" s="102">
        <v>46</v>
      </c>
      <c r="CV27" s="103">
        <v>462</v>
      </c>
      <c r="CW27" s="104">
        <v>653</v>
      </c>
      <c r="CX27" s="105">
        <v>251</v>
      </c>
      <c r="CY27" s="97">
        <v>174</v>
      </c>
      <c r="CZ27" s="98">
        <v>425</v>
      </c>
      <c r="DA27" s="413">
        <v>0</v>
      </c>
      <c r="DB27" s="97">
        <v>285</v>
      </c>
      <c r="DC27" s="97">
        <v>191</v>
      </c>
      <c r="DD27" s="97">
        <v>149</v>
      </c>
      <c r="DE27" s="97">
        <v>210</v>
      </c>
      <c r="DF27" s="97">
        <v>116</v>
      </c>
      <c r="DG27" s="99">
        <v>951</v>
      </c>
      <c r="DH27" s="100">
        <v>1376</v>
      </c>
      <c r="DI27" s="101">
        <v>5</v>
      </c>
      <c r="DJ27" s="102">
        <v>6</v>
      </c>
      <c r="DK27" s="103">
        <v>11</v>
      </c>
      <c r="DL27" s="413">
        <v>0</v>
      </c>
      <c r="DM27" s="102">
        <v>4</v>
      </c>
      <c r="DN27" s="102">
        <v>2</v>
      </c>
      <c r="DO27" s="102">
        <v>3</v>
      </c>
      <c r="DP27" s="102">
        <v>3</v>
      </c>
      <c r="DQ27" s="102">
        <v>2</v>
      </c>
      <c r="DR27" s="103">
        <v>14</v>
      </c>
      <c r="DS27" s="104">
        <v>25</v>
      </c>
      <c r="DT27" s="101">
        <v>10</v>
      </c>
      <c r="DU27" s="102">
        <v>6</v>
      </c>
      <c r="DV27" s="103">
        <v>16</v>
      </c>
      <c r="DW27" s="413">
        <v>0</v>
      </c>
      <c r="DX27" s="102">
        <v>8</v>
      </c>
      <c r="DY27" s="102">
        <v>5</v>
      </c>
      <c r="DZ27" s="102">
        <v>2</v>
      </c>
      <c r="EA27" s="102">
        <v>7</v>
      </c>
      <c r="EB27" s="102">
        <v>3</v>
      </c>
      <c r="EC27" s="103">
        <v>25</v>
      </c>
      <c r="ED27" s="104">
        <v>41</v>
      </c>
      <c r="EE27" s="101">
        <v>33</v>
      </c>
      <c r="EF27" s="102">
        <v>18</v>
      </c>
      <c r="EG27" s="103">
        <v>51</v>
      </c>
      <c r="EH27" s="413">
        <v>0</v>
      </c>
      <c r="EI27" s="102">
        <v>31</v>
      </c>
      <c r="EJ27" s="102">
        <v>25</v>
      </c>
      <c r="EK27" s="102">
        <v>11</v>
      </c>
      <c r="EL27" s="102">
        <v>17</v>
      </c>
      <c r="EM27" s="102">
        <v>6</v>
      </c>
      <c r="EN27" s="103">
        <v>90</v>
      </c>
      <c r="EO27" s="104">
        <v>141</v>
      </c>
      <c r="EP27" s="101">
        <v>63</v>
      </c>
      <c r="EQ27" s="102">
        <v>39</v>
      </c>
      <c r="ER27" s="103">
        <v>102</v>
      </c>
      <c r="ES27" s="413">
        <v>0</v>
      </c>
      <c r="ET27" s="102">
        <v>64</v>
      </c>
      <c r="EU27" s="102">
        <v>27</v>
      </c>
      <c r="EV27" s="102">
        <v>34</v>
      </c>
      <c r="EW27" s="102">
        <v>30</v>
      </c>
      <c r="EX27" s="102">
        <v>19</v>
      </c>
      <c r="EY27" s="103">
        <v>174</v>
      </c>
      <c r="EZ27" s="104">
        <v>276</v>
      </c>
      <c r="FA27" s="101">
        <v>82</v>
      </c>
      <c r="FB27" s="102">
        <v>56</v>
      </c>
      <c r="FC27" s="103">
        <v>138</v>
      </c>
      <c r="FD27" s="413">
        <v>0</v>
      </c>
      <c r="FE27" s="102">
        <v>96</v>
      </c>
      <c r="FF27" s="102">
        <v>61</v>
      </c>
      <c r="FG27" s="102">
        <v>27</v>
      </c>
      <c r="FH27" s="102">
        <v>47</v>
      </c>
      <c r="FI27" s="102">
        <v>33</v>
      </c>
      <c r="FJ27" s="103">
        <v>264</v>
      </c>
      <c r="FK27" s="104">
        <v>402</v>
      </c>
      <c r="FL27" s="101">
        <v>58</v>
      </c>
      <c r="FM27" s="102">
        <v>49</v>
      </c>
      <c r="FN27" s="103">
        <v>107</v>
      </c>
      <c r="FO27" s="413">
        <v>0</v>
      </c>
      <c r="FP27" s="102">
        <v>82</v>
      </c>
      <c r="FQ27" s="102">
        <v>71</v>
      </c>
      <c r="FR27" s="102">
        <v>72</v>
      </c>
      <c r="FS27" s="102">
        <v>106</v>
      </c>
      <c r="FT27" s="102">
        <v>53</v>
      </c>
      <c r="FU27" s="103">
        <v>384</v>
      </c>
      <c r="FV27" s="104">
        <v>491</v>
      </c>
      <c r="FW27" s="101">
        <v>2</v>
      </c>
      <c r="FX27" s="102">
        <v>2</v>
      </c>
      <c r="FY27" s="103">
        <v>4</v>
      </c>
      <c r="FZ27" s="413">
        <v>0</v>
      </c>
      <c r="GA27" s="102">
        <v>1</v>
      </c>
      <c r="GB27" s="102">
        <v>5</v>
      </c>
      <c r="GC27" s="102">
        <v>1</v>
      </c>
      <c r="GD27" s="102">
        <v>2</v>
      </c>
      <c r="GE27" s="102">
        <v>4</v>
      </c>
      <c r="GF27" s="103">
        <v>13</v>
      </c>
      <c r="GG27" s="104">
        <v>17</v>
      </c>
      <c r="GH27" s="101">
        <v>253</v>
      </c>
      <c r="GI27" s="102">
        <v>176</v>
      </c>
      <c r="GJ27" s="103">
        <v>429</v>
      </c>
      <c r="GK27" s="413">
        <v>0</v>
      </c>
      <c r="GL27" s="102">
        <v>286</v>
      </c>
      <c r="GM27" s="102">
        <v>196</v>
      </c>
      <c r="GN27" s="102">
        <v>150</v>
      </c>
      <c r="GO27" s="102">
        <v>212</v>
      </c>
      <c r="GP27" s="102">
        <v>120</v>
      </c>
      <c r="GQ27" s="103">
        <v>964</v>
      </c>
      <c r="GR27" s="104">
        <v>1393</v>
      </c>
      <c r="GS27" s="105">
        <v>360</v>
      </c>
      <c r="GT27" s="97">
        <v>254</v>
      </c>
      <c r="GU27" s="98">
        <v>614</v>
      </c>
      <c r="GV27" s="413">
        <v>0</v>
      </c>
      <c r="GW27" s="97">
        <v>450</v>
      </c>
      <c r="GX27" s="97">
        <v>296</v>
      </c>
      <c r="GY27" s="97">
        <v>222</v>
      </c>
      <c r="GZ27" s="97">
        <v>269</v>
      </c>
      <c r="HA27" s="97">
        <v>162</v>
      </c>
      <c r="HB27" s="99">
        <v>1399</v>
      </c>
      <c r="HC27" s="100">
        <v>2013</v>
      </c>
      <c r="HD27" s="101">
        <v>7</v>
      </c>
      <c r="HE27" s="102">
        <v>8</v>
      </c>
      <c r="HF27" s="103">
        <v>15</v>
      </c>
      <c r="HG27" s="416">
        <v>0</v>
      </c>
      <c r="HH27" s="102">
        <v>12</v>
      </c>
      <c r="HI27" s="102">
        <v>2</v>
      </c>
      <c r="HJ27" s="102">
        <v>5</v>
      </c>
      <c r="HK27" s="102">
        <v>3</v>
      </c>
      <c r="HL27" s="102">
        <v>4</v>
      </c>
      <c r="HM27" s="103">
        <v>26</v>
      </c>
      <c r="HN27" s="104">
        <v>41</v>
      </c>
      <c r="HO27" s="101">
        <v>17</v>
      </c>
      <c r="HP27" s="102">
        <v>10</v>
      </c>
      <c r="HQ27" s="103">
        <v>27</v>
      </c>
      <c r="HR27" s="413">
        <v>0</v>
      </c>
      <c r="HS27" s="102">
        <v>20</v>
      </c>
      <c r="HT27" s="102">
        <v>13</v>
      </c>
      <c r="HU27" s="102">
        <v>7</v>
      </c>
      <c r="HV27" s="102">
        <v>12</v>
      </c>
      <c r="HW27" s="102">
        <v>12</v>
      </c>
      <c r="HX27" s="103">
        <v>64</v>
      </c>
      <c r="HY27" s="104">
        <v>91</v>
      </c>
      <c r="HZ27" s="101">
        <v>43</v>
      </c>
      <c r="IA27" s="102">
        <v>35</v>
      </c>
      <c r="IB27" s="103">
        <v>78</v>
      </c>
      <c r="IC27" s="413">
        <v>0</v>
      </c>
      <c r="ID27" s="102">
        <v>53</v>
      </c>
      <c r="IE27" s="102">
        <v>37</v>
      </c>
      <c r="IF27" s="102">
        <v>21</v>
      </c>
      <c r="IG27" s="102">
        <v>24</v>
      </c>
      <c r="IH27" s="102">
        <v>9</v>
      </c>
      <c r="II27" s="103">
        <v>144</v>
      </c>
      <c r="IJ27" s="104">
        <v>222</v>
      </c>
      <c r="IK27" s="101">
        <v>86</v>
      </c>
      <c r="IL27" s="102">
        <v>55</v>
      </c>
      <c r="IM27" s="103">
        <v>141</v>
      </c>
      <c r="IN27" s="413">
        <v>0</v>
      </c>
      <c r="IO27" s="102">
        <v>108</v>
      </c>
      <c r="IP27" s="102">
        <v>53</v>
      </c>
      <c r="IQ27" s="102">
        <v>51</v>
      </c>
      <c r="IR27" s="102">
        <v>43</v>
      </c>
      <c r="IS27" s="102">
        <v>28</v>
      </c>
      <c r="IT27" s="103">
        <v>283</v>
      </c>
      <c r="IU27" s="104">
        <v>424</v>
      </c>
      <c r="IV27" s="101">
        <v>119</v>
      </c>
      <c r="IW27" s="102">
        <v>78</v>
      </c>
      <c r="IX27" s="103">
        <v>197</v>
      </c>
      <c r="IY27" s="413">
        <v>0</v>
      </c>
      <c r="IZ27" s="102">
        <v>139</v>
      </c>
      <c r="JA27" s="102">
        <v>87</v>
      </c>
      <c r="JB27" s="102">
        <v>44</v>
      </c>
      <c r="JC27" s="102">
        <v>58</v>
      </c>
      <c r="JD27" s="102">
        <v>40</v>
      </c>
      <c r="JE27" s="103">
        <v>368</v>
      </c>
      <c r="JF27" s="104">
        <v>565</v>
      </c>
      <c r="JG27" s="101">
        <v>88</v>
      </c>
      <c r="JH27" s="102">
        <v>68</v>
      </c>
      <c r="JI27" s="103">
        <v>156</v>
      </c>
      <c r="JJ27" s="413">
        <v>0</v>
      </c>
      <c r="JK27" s="102">
        <v>118</v>
      </c>
      <c r="JL27" s="102">
        <v>104</v>
      </c>
      <c r="JM27" s="102">
        <v>94</v>
      </c>
      <c r="JN27" s="102">
        <v>129</v>
      </c>
      <c r="JO27" s="102">
        <v>69</v>
      </c>
      <c r="JP27" s="103">
        <v>514</v>
      </c>
      <c r="JQ27" s="104">
        <v>670</v>
      </c>
      <c r="JR27" s="101">
        <v>3</v>
      </c>
      <c r="JS27" s="102">
        <v>3</v>
      </c>
      <c r="JT27" s="103">
        <v>6</v>
      </c>
      <c r="JU27" s="413">
        <v>0</v>
      </c>
      <c r="JV27" s="102">
        <v>5</v>
      </c>
      <c r="JW27" s="102">
        <v>8</v>
      </c>
      <c r="JX27" s="102">
        <v>6</v>
      </c>
      <c r="JY27" s="102">
        <v>4</v>
      </c>
      <c r="JZ27" s="102">
        <v>4</v>
      </c>
      <c r="KA27" s="103">
        <v>27</v>
      </c>
      <c r="KB27" s="104">
        <v>33</v>
      </c>
      <c r="KC27" s="101">
        <v>363</v>
      </c>
      <c r="KD27" s="102">
        <v>257</v>
      </c>
      <c r="KE27" s="103">
        <v>620</v>
      </c>
      <c r="KF27" s="413">
        <v>0</v>
      </c>
      <c r="KG27" s="102">
        <v>455</v>
      </c>
      <c r="KH27" s="102">
        <v>304</v>
      </c>
      <c r="KI27" s="102">
        <v>228</v>
      </c>
      <c r="KJ27" s="102">
        <v>273</v>
      </c>
      <c r="KK27" s="102">
        <v>166</v>
      </c>
      <c r="KL27" s="103">
        <v>1426</v>
      </c>
      <c r="KM27" s="104">
        <v>2046</v>
      </c>
    </row>
    <row r="28" spans="2:299" s="70" customFormat="1" ht="21" customHeight="1" x14ac:dyDescent="0.2">
      <c r="B28" s="106" t="s">
        <v>25</v>
      </c>
      <c r="C28" s="96">
        <v>120</v>
      </c>
      <c r="D28" s="97">
        <v>131</v>
      </c>
      <c r="E28" s="98">
        <v>251</v>
      </c>
      <c r="F28" s="413">
        <v>0</v>
      </c>
      <c r="G28" s="97">
        <v>190</v>
      </c>
      <c r="H28" s="97">
        <v>173</v>
      </c>
      <c r="I28" s="97">
        <v>97</v>
      </c>
      <c r="J28" s="97">
        <v>97</v>
      </c>
      <c r="K28" s="97">
        <v>55</v>
      </c>
      <c r="L28" s="99">
        <v>612</v>
      </c>
      <c r="M28" s="100">
        <v>863</v>
      </c>
      <c r="N28" s="101">
        <v>3</v>
      </c>
      <c r="O28" s="102">
        <v>7</v>
      </c>
      <c r="P28" s="103">
        <v>10</v>
      </c>
      <c r="Q28" s="413">
        <v>0</v>
      </c>
      <c r="R28" s="102">
        <v>5</v>
      </c>
      <c r="S28" s="102">
        <v>9</v>
      </c>
      <c r="T28" s="102">
        <v>3</v>
      </c>
      <c r="U28" s="102">
        <v>4</v>
      </c>
      <c r="V28" s="102">
        <v>3</v>
      </c>
      <c r="W28" s="103">
        <v>24</v>
      </c>
      <c r="X28" s="104">
        <v>34</v>
      </c>
      <c r="Y28" s="101">
        <v>15</v>
      </c>
      <c r="Z28" s="102">
        <v>10</v>
      </c>
      <c r="AA28" s="103">
        <v>25</v>
      </c>
      <c r="AB28" s="413">
        <v>0</v>
      </c>
      <c r="AC28" s="102">
        <v>14</v>
      </c>
      <c r="AD28" s="102">
        <v>22</v>
      </c>
      <c r="AE28" s="102">
        <v>13</v>
      </c>
      <c r="AF28" s="102">
        <v>14</v>
      </c>
      <c r="AG28" s="102">
        <v>7</v>
      </c>
      <c r="AH28" s="103">
        <v>70</v>
      </c>
      <c r="AI28" s="104">
        <v>95</v>
      </c>
      <c r="AJ28" s="101">
        <v>20</v>
      </c>
      <c r="AK28" s="102">
        <v>18</v>
      </c>
      <c r="AL28" s="103">
        <v>38</v>
      </c>
      <c r="AM28" s="413">
        <v>0</v>
      </c>
      <c r="AN28" s="102">
        <v>32</v>
      </c>
      <c r="AO28" s="102">
        <v>33</v>
      </c>
      <c r="AP28" s="102">
        <v>18</v>
      </c>
      <c r="AQ28" s="102">
        <v>23</v>
      </c>
      <c r="AR28" s="102">
        <v>11</v>
      </c>
      <c r="AS28" s="103">
        <v>117</v>
      </c>
      <c r="AT28" s="104">
        <v>155</v>
      </c>
      <c r="AU28" s="101">
        <v>38</v>
      </c>
      <c r="AV28" s="102">
        <v>51</v>
      </c>
      <c r="AW28" s="103">
        <v>89</v>
      </c>
      <c r="AX28" s="413">
        <v>0</v>
      </c>
      <c r="AY28" s="102">
        <v>61</v>
      </c>
      <c r="AZ28" s="102">
        <v>45</v>
      </c>
      <c r="BA28" s="102">
        <v>26</v>
      </c>
      <c r="BB28" s="102">
        <v>22</v>
      </c>
      <c r="BC28" s="102">
        <v>14</v>
      </c>
      <c r="BD28" s="103">
        <v>168</v>
      </c>
      <c r="BE28" s="104">
        <v>257</v>
      </c>
      <c r="BF28" s="101">
        <v>28</v>
      </c>
      <c r="BG28" s="102">
        <v>29</v>
      </c>
      <c r="BH28" s="103">
        <v>57</v>
      </c>
      <c r="BI28" s="413">
        <v>0</v>
      </c>
      <c r="BJ28" s="102">
        <v>58</v>
      </c>
      <c r="BK28" s="102">
        <v>38</v>
      </c>
      <c r="BL28" s="102">
        <v>23</v>
      </c>
      <c r="BM28" s="102">
        <v>20</v>
      </c>
      <c r="BN28" s="102">
        <v>8</v>
      </c>
      <c r="BO28" s="103">
        <v>147</v>
      </c>
      <c r="BP28" s="104">
        <v>204</v>
      </c>
      <c r="BQ28" s="101">
        <v>16</v>
      </c>
      <c r="BR28" s="102">
        <v>16</v>
      </c>
      <c r="BS28" s="103">
        <v>32</v>
      </c>
      <c r="BT28" s="413">
        <v>0</v>
      </c>
      <c r="BU28" s="102">
        <v>20</v>
      </c>
      <c r="BV28" s="102">
        <v>26</v>
      </c>
      <c r="BW28" s="102">
        <v>14</v>
      </c>
      <c r="BX28" s="102">
        <v>14</v>
      </c>
      <c r="BY28" s="102">
        <v>12</v>
      </c>
      <c r="BZ28" s="103">
        <v>86</v>
      </c>
      <c r="CA28" s="104">
        <v>118</v>
      </c>
      <c r="CB28" s="101">
        <v>2</v>
      </c>
      <c r="CC28" s="102">
        <v>2</v>
      </c>
      <c r="CD28" s="103">
        <v>4</v>
      </c>
      <c r="CE28" s="413">
        <v>0</v>
      </c>
      <c r="CF28" s="102">
        <v>2</v>
      </c>
      <c r="CG28" s="102">
        <v>9</v>
      </c>
      <c r="CH28" s="102">
        <v>4</v>
      </c>
      <c r="CI28" s="102">
        <v>8</v>
      </c>
      <c r="CJ28" s="102">
        <v>1</v>
      </c>
      <c r="CK28" s="103">
        <v>24</v>
      </c>
      <c r="CL28" s="104">
        <v>28</v>
      </c>
      <c r="CM28" s="101">
        <v>122</v>
      </c>
      <c r="CN28" s="102">
        <v>133</v>
      </c>
      <c r="CO28" s="103">
        <v>255</v>
      </c>
      <c r="CP28" s="413">
        <v>0</v>
      </c>
      <c r="CQ28" s="102">
        <v>192</v>
      </c>
      <c r="CR28" s="102">
        <v>182</v>
      </c>
      <c r="CS28" s="102">
        <v>101</v>
      </c>
      <c r="CT28" s="102">
        <v>105</v>
      </c>
      <c r="CU28" s="102">
        <v>56</v>
      </c>
      <c r="CV28" s="103">
        <v>636</v>
      </c>
      <c r="CW28" s="104">
        <v>891</v>
      </c>
      <c r="CX28" s="105">
        <v>218</v>
      </c>
      <c r="CY28" s="97">
        <v>268</v>
      </c>
      <c r="CZ28" s="98">
        <v>486</v>
      </c>
      <c r="DA28" s="413">
        <v>0</v>
      </c>
      <c r="DB28" s="97">
        <v>337</v>
      </c>
      <c r="DC28" s="97">
        <v>234</v>
      </c>
      <c r="DD28" s="97">
        <v>179</v>
      </c>
      <c r="DE28" s="97">
        <v>196</v>
      </c>
      <c r="DF28" s="97">
        <v>94</v>
      </c>
      <c r="DG28" s="99">
        <v>1040</v>
      </c>
      <c r="DH28" s="100">
        <v>1526</v>
      </c>
      <c r="DI28" s="101">
        <v>6</v>
      </c>
      <c r="DJ28" s="102">
        <v>5</v>
      </c>
      <c r="DK28" s="103">
        <v>11</v>
      </c>
      <c r="DL28" s="413">
        <v>0</v>
      </c>
      <c r="DM28" s="102">
        <v>8</v>
      </c>
      <c r="DN28" s="102">
        <v>7</v>
      </c>
      <c r="DO28" s="102">
        <v>5</v>
      </c>
      <c r="DP28" s="102">
        <v>1</v>
      </c>
      <c r="DQ28" s="102">
        <v>3</v>
      </c>
      <c r="DR28" s="103">
        <v>24</v>
      </c>
      <c r="DS28" s="104">
        <v>35</v>
      </c>
      <c r="DT28" s="101">
        <v>10</v>
      </c>
      <c r="DU28" s="102">
        <v>24</v>
      </c>
      <c r="DV28" s="103">
        <v>34</v>
      </c>
      <c r="DW28" s="413">
        <v>0</v>
      </c>
      <c r="DX28" s="102">
        <v>19</v>
      </c>
      <c r="DY28" s="102">
        <v>11</v>
      </c>
      <c r="DZ28" s="102">
        <v>9</v>
      </c>
      <c r="EA28" s="102">
        <v>12</v>
      </c>
      <c r="EB28" s="102">
        <v>6</v>
      </c>
      <c r="EC28" s="103">
        <v>57</v>
      </c>
      <c r="ED28" s="104">
        <v>91</v>
      </c>
      <c r="EE28" s="101">
        <v>41</v>
      </c>
      <c r="EF28" s="102">
        <v>35</v>
      </c>
      <c r="EG28" s="103">
        <v>76</v>
      </c>
      <c r="EH28" s="413">
        <v>0</v>
      </c>
      <c r="EI28" s="102">
        <v>52</v>
      </c>
      <c r="EJ28" s="102">
        <v>30</v>
      </c>
      <c r="EK28" s="102">
        <v>20</v>
      </c>
      <c r="EL28" s="102">
        <v>23</v>
      </c>
      <c r="EM28" s="102">
        <v>15</v>
      </c>
      <c r="EN28" s="103">
        <v>140</v>
      </c>
      <c r="EO28" s="104">
        <v>216</v>
      </c>
      <c r="EP28" s="101">
        <v>73</v>
      </c>
      <c r="EQ28" s="102">
        <v>77</v>
      </c>
      <c r="ER28" s="103">
        <v>150</v>
      </c>
      <c r="ES28" s="413">
        <v>0</v>
      </c>
      <c r="ET28" s="102">
        <v>88</v>
      </c>
      <c r="EU28" s="102">
        <v>62</v>
      </c>
      <c r="EV28" s="102">
        <v>38</v>
      </c>
      <c r="EW28" s="102">
        <v>46</v>
      </c>
      <c r="EX28" s="102">
        <v>14</v>
      </c>
      <c r="EY28" s="103">
        <v>248</v>
      </c>
      <c r="EZ28" s="104">
        <v>398</v>
      </c>
      <c r="FA28" s="101">
        <v>58</v>
      </c>
      <c r="FB28" s="102">
        <v>72</v>
      </c>
      <c r="FC28" s="103">
        <v>130</v>
      </c>
      <c r="FD28" s="413">
        <v>0</v>
      </c>
      <c r="FE28" s="102">
        <v>85</v>
      </c>
      <c r="FF28" s="102">
        <v>57</v>
      </c>
      <c r="FG28" s="102">
        <v>50</v>
      </c>
      <c r="FH28" s="102">
        <v>44</v>
      </c>
      <c r="FI28" s="102">
        <v>28</v>
      </c>
      <c r="FJ28" s="103">
        <v>264</v>
      </c>
      <c r="FK28" s="104">
        <v>394</v>
      </c>
      <c r="FL28" s="101">
        <v>30</v>
      </c>
      <c r="FM28" s="102">
        <v>55</v>
      </c>
      <c r="FN28" s="103">
        <v>85</v>
      </c>
      <c r="FO28" s="413">
        <v>0</v>
      </c>
      <c r="FP28" s="102">
        <v>85</v>
      </c>
      <c r="FQ28" s="102">
        <v>67</v>
      </c>
      <c r="FR28" s="102">
        <v>57</v>
      </c>
      <c r="FS28" s="102">
        <v>70</v>
      </c>
      <c r="FT28" s="102">
        <v>28</v>
      </c>
      <c r="FU28" s="103">
        <v>307</v>
      </c>
      <c r="FV28" s="104">
        <v>392</v>
      </c>
      <c r="FW28" s="101">
        <v>1</v>
      </c>
      <c r="FX28" s="102">
        <v>4</v>
      </c>
      <c r="FY28" s="103">
        <v>5</v>
      </c>
      <c r="FZ28" s="413">
        <v>0</v>
      </c>
      <c r="GA28" s="102">
        <v>3</v>
      </c>
      <c r="GB28" s="102">
        <v>4</v>
      </c>
      <c r="GC28" s="102">
        <v>2</v>
      </c>
      <c r="GD28" s="102">
        <v>0</v>
      </c>
      <c r="GE28" s="102">
        <v>6</v>
      </c>
      <c r="GF28" s="103">
        <v>15</v>
      </c>
      <c r="GG28" s="104">
        <v>20</v>
      </c>
      <c r="GH28" s="101">
        <v>219</v>
      </c>
      <c r="GI28" s="102">
        <v>272</v>
      </c>
      <c r="GJ28" s="103">
        <v>491</v>
      </c>
      <c r="GK28" s="413">
        <v>0</v>
      </c>
      <c r="GL28" s="102">
        <v>340</v>
      </c>
      <c r="GM28" s="102">
        <v>238</v>
      </c>
      <c r="GN28" s="102">
        <v>181</v>
      </c>
      <c r="GO28" s="102">
        <v>196</v>
      </c>
      <c r="GP28" s="102">
        <v>100</v>
      </c>
      <c r="GQ28" s="103">
        <v>1055</v>
      </c>
      <c r="GR28" s="104">
        <v>1546</v>
      </c>
      <c r="GS28" s="105">
        <v>338</v>
      </c>
      <c r="GT28" s="97">
        <v>399</v>
      </c>
      <c r="GU28" s="98">
        <v>737</v>
      </c>
      <c r="GV28" s="413">
        <v>0</v>
      </c>
      <c r="GW28" s="97">
        <v>527</v>
      </c>
      <c r="GX28" s="97">
        <v>407</v>
      </c>
      <c r="GY28" s="97">
        <v>276</v>
      </c>
      <c r="GZ28" s="97">
        <v>293</v>
      </c>
      <c r="HA28" s="97">
        <v>149</v>
      </c>
      <c r="HB28" s="99">
        <v>1652</v>
      </c>
      <c r="HC28" s="100">
        <v>2389</v>
      </c>
      <c r="HD28" s="101">
        <v>9</v>
      </c>
      <c r="HE28" s="102">
        <v>12</v>
      </c>
      <c r="HF28" s="103">
        <v>21</v>
      </c>
      <c r="HG28" s="416">
        <v>0</v>
      </c>
      <c r="HH28" s="102">
        <v>13</v>
      </c>
      <c r="HI28" s="102">
        <v>16</v>
      </c>
      <c r="HJ28" s="102">
        <v>8</v>
      </c>
      <c r="HK28" s="102">
        <v>5</v>
      </c>
      <c r="HL28" s="102">
        <v>6</v>
      </c>
      <c r="HM28" s="103">
        <v>48</v>
      </c>
      <c r="HN28" s="104">
        <v>69</v>
      </c>
      <c r="HO28" s="101">
        <v>25</v>
      </c>
      <c r="HP28" s="102">
        <v>34</v>
      </c>
      <c r="HQ28" s="103">
        <v>59</v>
      </c>
      <c r="HR28" s="413">
        <v>0</v>
      </c>
      <c r="HS28" s="102">
        <v>33</v>
      </c>
      <c r="HT28" s="102">
        <v>33</v>
      </c>
      <c r="HU28" s="102">
        <v>22</v>
      </c>
      <c r="HV28" s="102">
        <v>26</v>
      </c>
      <c r="HW28" s="102">
        <v>13</v>
      </c>
      <c r="HX28" s="103">
        <v>127</v>
      </c>
      <c r="HY28" s="104">
        <v>186</v>
      </c>
      <c r="HZ28" s="101">
        <v>61</v>
      </c>
      <c r="IA28" s="102">
        <v>53</v>
      </c>
      <c r="IB28" s="103">
        <v>114</v>
      </c>
      <c r="IC28" s="413">
        <v>0</v>
      </c>
      <c r="ID28" s="102">
        <v>84</v>
      </c>
      <c r="IE28" s="102">
        <v>63</v>
      </c>
      <c r="IF28" s="102">
        <v>38</v>
      </c>
      <c r="IG28" s="102">
        <v>46</v>
      </c>
      <c r="IH28" s="102">
        <v>26</v>
      </c>
      <c r="II28" s="103">
        <v>257</v>
      </c>
      <c r="IJ28" s="104">
        <v>371</v>
      </c>
      <c r="IK28" s="101">
        <v>111</v>
      </c>
      <c r="IL28" s="102">
        <v>128</v>
      </c>
      <c r="IM28" s="103">
        <v>239</v>
      </c>
      <c r="IN28" s="413">
        <v>0</v>
      </c>
      <c r="IO28" s="102">
        <v>149</v>
      </c>
      <c r="IP28" s="102">
        <v>107</v>
      </c>
      <c r="IQ28" s="102">
        <v>64</v>
      </c>
      <c r="IR28" s="102">
        <v>68</v>
      </c>
      <c r="IS28" s="102">
        <v>28</v>
      </c>
      <c r="IT28" s="103">
        <v>416</v>
      </c>
      <c r="IU28" s="104">
        <v>655</v>
      </c>
      <c r="IV28" s="101">
        <v>86</v>
      </c>
      <c r="IW28" s="102">
        <v>101</v>
      </c>
      <c r="IX28" s="103">
        <v>187</v>
      </c>
      <c r="IY28" s="413">
        <v>0</v>
      </c>
      <c r="IZ28" s="102">
        <v>143</v>
      </c>
      <c r="JA28" s="102">
        <v>95</v>
      </c>
      <c r="JB28" s="102">
        <v>73</v>
      </c>
      <c r="JC28" s="102">
        <v>64</v>
      </c>
      <c r="JD28" s="102">
        <v>36</v>
      </c>
      <c r="JE28" s="103">
        <v>411</v>
      </c>
      <c r="JF28" s="104">
        <v>598</v>
      </c>
      <c r="JG28" s="101">
        <v>46</v>
      </c>
      <c r="JH28" s="102">
        <v>71</v>
      </c>
      <c r="JI28" s="103">
        <v>117</v>
      </c>
      <c r="JJ28" s="413">
        <v>0</v>
      </c>
      <c r="JK28" s="102">
        <v>105</v>
      </c>
      <c r="JL28" s="102">
        <v>93</v>
      </c>
      <c r="JM28" s="102">
        <v>71</v>
      </c>
      <c r="JN28" s="102">
        <v>84</v>
      </c>
      <c r="JO28" s="102">
        <v>40</v>
      </c>
      <c r="JP28" s="103">
        <v>393</v>
      </c>
      <c r="JQ28" s="104">
        <v>510</v>
      </c>
      <c r="JR28" s="101">
        <v>3</v>
      </c>
      <c r="JS28" s="102">
        <v>6</v>
      </c>
      <c r="JT28" s="103">
        <v>9</v>
      </c>
      <c r="JU28" s="413">
        <v>0</v>
      </c>
      <c r="JV28" s="102">
        <v>5</v>
      </c>
      <c r="JW28" s="102">
        <v>13</v>
      </c>
      <c r="JX28" s="102">
        <v>6</v>
      </c>
      <c r="JY28" s="102">
        <v>8</v>
      </c>
      <c r="JZ28" s="102">
        <v>7</v>
      </c>
      <c r="KA28" s="103">
        <v>39</v>
      </c>
      <c r="KB28" s="104">
        <v>48</v>
      </c>
      <c r="KC28" s="101">
        <v>341</v>
      </c>
      <c r="KD28" s="102">
        <v>405</v>
      </c>
      <c r="KE28" s="103">
        <v>746</v>
      </c>
      <c r="KF28" s="413">
        <v>0</v>
      </c>
      <c r="KG28" s="102">
        <v>532</v>
      </c>
      <c r="KH28" s="102">
        <v>420</v>
      </c>
      <c r="KI28" s="102">
        <v>282</v>
      </c>
      <c r="KJ28" s="102">
        <v>301</v>
      </c>
      <c r="KK28" s="102">
        <v>156</v>
      </c>
      <c r="KL28" s="103">
        <v>1691</v>
      </c>
      <c r="KM28" s="104">
        <v>2437</v>
      </c>
    </row>
    <row r="29" spans="2:299" s="70" customFormat="1" ht="21" customHeight="1" x14ac:dyDescent="0.2">
      <c r="B29" s="106" t="s">
        <v>26</v>
      </c>
      <c r="C29" s="96">
        <v>93</v>
      </c>
      <c r="D29" s="97">
        <v>82</v>
      </c>
      <c r="E29" s="98">
        <v>175</v>
      </c>
      <c r="F29" s="413">
        <v>0</v>
      </c>
      <c r="G29" s="97">
        <v>122</v>
      </c>
      <c r="H29" s="97">
        <v>141</v>
      </c>
      <c r="I29" s="97">
        <v>91</v>
      </c>
      <c r="J29" s="97">
        <v>67</v>
      </c>
      <c r="K29" s="97">
        <v>51</v>
      </c>
      <c r="L29" s="99">
        <v>472</v>
      </c>
      <c r="M29" s="100">
        <v>647</v>
      </c>
      <c r="N29" s="101">
        <v>0</v>
      </c>
      <c r="O29" s="102">
        <v>3</v>
      </c>
      <c r="P29" s="103">
        <v>3</v>
      </c>
      <c r="Q29" s="413">
        <v>0</v>
      </c>
      <c r="R29" s="102">
        <v>2</v>
      </c>
      <c r="S29" s="102">
        <v>2</v>
      </c>
      <c r="T29" s="102">
        <v>3</v>
      </c>
      <c r="U29" s="102">
        <v>5</v>
      </c>
      <c r="V29" s="102">
        <v>1</v>
      </c>
      <c r="W29" s="103">
        <v>13</v>
      </c>
      <c r="X29" s="104">
        <v>16</v>
      </c>
      <c r="Y29" s="101">
        <v>5</v>
      </c>
      <c r="Z29" s="102">
        <v>9</v>
      </c>
      <c r="AA29" s="103">
        <v>14</v>
      </c>
      <c r="AB29" s="413">
        <v>0</v>
      </c>
      <c r="AC29" s="102">
        <v>11</v>
      </c>
      <c r="AD29" s="102">
        <v>16</v>
      </c>
      <c r="AE29" s="102">
        <v>9</v>
      </c>
      <c r="AF29" s="102">
        <v>4</v>
      </c>
      <c r="AG29" s="102">
        <v>4</v>
      </c>
      <c r="AH29" s="103">
        <v>44</v>
      </c>
      <c r="AI29" s="104">
        <v>58</v>
      </c>
      <c r="AJ29" s="101">
        <v>13</v>
      </c>
      <c r="AK29" s="102">
        <v>16</v>
      </c>
      <c r="AL29" s="103">
        <v>29</v>
      </c>
      <c r="AM29" s="413">
        <v>0</v>
      </c>
      <c r="AN29" s="102">
        <v>22</v>
      </c>
      <c r="AO29" s="102">
        <v>16</v>
      </c>
      <c r="AP29" s="102">
        <v>7</v>
      </c>
      <c r="AQ29" s="102">
        <v>10</v>
      </c>
      <c r="AR29" s="102">
        <v>15</v>
      </c>
      <c r="AS29" s="103">
        <v>70</v>
      </c>
      <c r="AT29" s="104">
        <v>99</v>
      </c>
      <c r="AU29" s="101">
        <v>24</v>
      </c>
      <c r="AV29" s="102">
        <v>24</v>
      </c>
      <c r="AW29" s="103">
        <v>48</v>
      </c>
      <c r="AX29" s="413">
        <v>0</v>
      </c>
      <c r="AY29" s="102">
        <v>25</v>
      </c>
      <c r="AZ29" s="102">
        <v>39</v>
      </c>
      <c r="BA29" s="102">
        <v>26</v>
      </c>
      <c r="BB29" s="102">
        <v>17</v>
      </c>
      <c r="BC29" s="102">
        <v>11</v>
      </c>
      <c r="BD29" s="103">
        <v>118</v>
      </c>
      <c r="BE29" s="104">
        <v>166</v>
      </c>
      <c r="BF29" s="101">
        <v>28</v>
      </c>
      <c r="BG29" s="102">
        <v>17</v>
      </c>
      <c r="BH29" s="103">
        <v>45</v>
      </c>
      <c r="BI29" s="413">
        <v>0</v>
      </c>
      <c r="BJ29" s="102">
        <v>37</v>
      </c>
      <c r="BK29" s="102">
        <v>38</v>
      </c>
      <c r="BL29" s="102">
        <v>29</v>
      </c>
      <c r="BM29" s="102">
        <v>22</v>
      </c>
      <c r="BN29" s="102">
        <v>7</v>
      </c>
      <c r="BO29" s="103">
        <v>133</v>
      </c>
      <c r="BP29" s="104">
        <v>178</v>
      </c>
      <c r="BQ29" s="101">
        <v>23</v>
      </c>
      <c r="BR29" s="102">
        <v>13</v>
      </c>
      <c r="BS29" s="103">
        <v>36</v>
      </c>
      <c r="BT29" s="413">
        <v>0</v>
      </c>
      <c r="BU29" s="102">
        <v>25</v>
      </c>
      <c r="BV29" s="102">
        <v>30</v>
      </c>
      <c r="BW29" s="102">
        <v>17</v>
      </c>
      <c r="BX29" s="102">
        <v>9</v>
      </c>
      <c r="BY29" s="102">
        <v>13</v>
      </c>
      <c r="BZ29" s="103">
        <v>94</v>
      </c>
      <c r="CA29" s="104">
        <v>130</v>
      </c>
      <c r="CB29" s="101">
        <v>3</v>
      </c>
      <c r="CC29" s="102">
        <v>1</v>
      </c>
      <c r="CD29" s="103">
        <v>4</v>
      </c>
      <c r="CE29" s="413">
        <v>0</v>
      </c>
      <c r="CF29" s="102">
        <v>6</v>
      </c>
      <c r="CG29" s="102">
        <v>8</v>
      </c>
      <c r="CH29" s="102">
        <v>2</v>
      </c>
      <c r="CI29" s="102">
        <v>1</v>
      </c>
      <c r="CJ29" s="102">
        <v>1</v>
      </c>
      <c r="CK29" s="103">
        <v>18</v>
      </c>
      <c r="CL29" s="104">
        <v>22</v>
      </c>
      <c r="CM29" s="101">
        <v>96</v>
      </c>
      <c r="CN29" s="102">
        <v>83</v>
      </c>
      <c r="CO29" s="103">
        <v>179</v>
      </c>
      <c r="CP29" s="413">
        <v>0</v>
      </c>
      <c r="CQ29" s="102">
        <v>128</v>
      </c>
      <c r="CR29" s="102">
        <v>149</v>
      </c>
      <c r="CS29" s="102">
        <v>93</v>
      </c>
      <c r="CT29" s="102">
        <v>68</v>
      </c>
      <c r="CU29" s="102">
        <v>52</v>
      </c>
      <c r="CV29" s="103">
        <v>490</v>
      </c>
      <c r="CW29" s="104">
        <v>669</v>
      </c>
      <c r="CX29" s="105">
        <v>182</v>
      </c>
      <c r="CY29" s="97">
        <v>224</v>
      </c>
      <c r="CZ29" s="98">
        <v>406</v>
      </c>
      <c r="DA29" s="413">
        <v>0</v>
      </c>
      <c r="DB29" s="97">
        <v>245</v>
      </c>
      <c r="DC29" s="97">
        <v>271</v>
      </c>
      <c r="DD29" s="97">
        <v>177</v>
      </c>
      <c r="DE29" s="97">
        <v>157</v>
      </c>
      <c r="DF29" s="97">
        <v>127</v>
      </c>
      <c r="DG29" s="99">
        <v>977</v>
      </c>
      <c r="DH29" s="100">
        <v>1383</v>
      </c>
      <c r="DI29" s="101">
        <v>0</v>
      </c>
      <c r="DJ29" s="102">
        <v>4</v>
      </c>
      <c r="DK29" s="103">
        <v>4</v>
      </c>
      <c r="DL29" s="413">
        <v>0</v>
      </c>
      <c r="DM29" s="102">
        <v>3</v>
      </c>
      <c r="DN29" s="102">
        <v>4</v>
      </c>
      <c r="DO29" s="102">
        <v>2</v>
      </c>
      <c r="DP29" s="102">
        <v>4</v>
      </c>
      <c r="DQ29" s="102">
        <v>4</v>
      </c>
      <c r="DR29" s="103">
        <v>17</v>
      </c>
      <c r="DS29" s="104">
        <v>21</v>
      </c>
      <c r="DT29" s="101">
        <v>6</v>
      </c>
      <c r="DU29" s="102">
        <v>15</v>
      </c>
      <c r="DV29" s="103">
        <v>21</v>
      </c>
      <c r="DW29" s="413">
        <v>0</v>
      </c>
      <c r="DX29" s="102">
        <v>12</v>
      </c>
      <c r="DY29" s="102">
        <v>11</v>
      </c>
      <c r="DZ29" s="102">
        <v>4</v>
      </c>
      <c r="EA29" s="102">
        <v>5</v>
      </c>
      <c r="EB29" s="102">
        <v>6</v>
      </c>
      <c r="EC29" s="103">
        <v>38</v>
      </c>
      <c r="ED29" s="104">
        <v>59</v>
      </c>
      <c r="EE29" s="101">
        <v>28</v>
      </c>
      <c r="EF29" s="102">
        <v>30</v>
      </c>
      <c r="EG29" s="103">
        <v>58</v>
      </c>
      <c r="EH29" s="413">
        <v>0</v>
      </c>
      <c r="EI29" s="102">
        <v>27</v>
      </c>
      <c r="EJ29" s="102">
        <v>25</v>
      </c>
      <c r="EK29" s="102">
        <v>13</v>
      </c>
      <c r="EL29" s="102">
        <v>19</v>
      </c>
      <c r="EM29" s="102">
        <v>12</v>
      </c>
      <c r="EN29" s="103">
        <v>96</v>
      </c>
      <c r="EO29" s="104">
        <v>154</v>
      </c>
      <c r="EP29" s="101">
        <v>49</v>
      </c>
      <c r="EQ29" s="102">
        <v>68</v>
      </c>
      <c r="ER29" s="103">
        <v>117</v>
      </c>
      <c r="ES29" s="413">
        <v>0</v>
      </c>
      <c r="ET29" s="102">
        <v>57</v>
      </c>
      <c r="EU29" s="102">
        <v>69</v>
      </c>
      <c r="EV29" s="102">
        <v>38</v>
      </c>
      <c r="EW29" s="102">
        <v>26</v>
      </c>
      <c r="EX29" s="102">
        <v>12</v>
      </c>
      <c r="EY29" s="103">
        <v>202</v>
      </c>
      <c r="EZ29" s="104">
        <v>319</v>
      </c>
      <c r="FA29" s="101">
        <v>64</v>
      </c>
      <c r="FB29" s="102">
        <v>57</v>
      </c>
      <c r="FC29" s="103">
        <v>121</v>
      </c>
      <c r="FD29" s="413">
        <v>0</v>
      </c>
      <c r="FE29" s="102">
        <v>80</v>
      </c>
      <c r="FF29" s="102">
        <v>68</v>
      </c>
      <c r="FG29" s="102">
        <v>53</v>
      </c>
      <c r="FH29" s="102">
        <v>36</v>
      </c>
      <c r="FI29" s="102">
        <v>32</v>
      </c>
      <c r="FJ29" s="103">
        <v>269</v>
      </c>
      <c r="FK29" s="104">
        <v>390</v>
      </c>
      <c r="FL29" s="101">
        <v>35</v>
      </c>
      <c r="FM29" s="102">
        <v>50</v>
      </c>
      <c r="FN29" s="103">
        <v>85</v>
      </c>
      <c r="FO29" s="413">
        <v>0</v>
      </c>
      <c r="FP29" s="102">
        <v>66</v>
      </c>
      <c r="FQ29" s="102">
        <v>94</v>
      </c>
      <c r="FR29" s="102">
        <v>67</v>
      </c>
      <c r="FS29" s="102">
        <v>67</v>
      </c>
      <c r="FT29" s="102">
        <v>61</v>
      </c>
      <c r="FU29" s="103">
        <v>355</v>
      </c>
      <c r="FV29" s="104">
        <v>440</v>
      </c>
      <c r="FW29" s="101">
        <v>0</v>
      </c>
      <c r="FX29" s="102">
        <v>2</v>
      </c>
      <c r="FY29" s="103">
        <v>2</v>
      </c>
      <c r="FZ29" s="413">
        <v>0</v>
      </c>
      <c r="GA29" s="102">
        <v>2</v>
      </c>
      <c r="GB29" s="102">
        <v>2</v>
      </c>
      <c r="GC29" s="102">
        <v>4</v>
      </c>
      <c r="GD29" s="102">
        <v>2</v>
      </c>
      <c r="GE29" s="102">
        <v>2</v>
      </c>
      <c r="GF29" s="103">
        <v>12</v>
      </c>
      <c r="GG29" s="104">
        <v>14</v>
      </c>
      <c r="GH29" s="101">
        <v>182</v>
      </c>
      <c r="GI29" s="102">
        <v>226</v>
      </c>
      <c r="GJ29" s="103">
        <v>408</v>
      </c>
      <c r="GK29" s="413">
        <v>0</v>
      </c>
      <c r="GL29" s="102">
        <v>247</v>
      </c>
      <c r="GM29" s="102">
        <v>273</v>
      </c>
      <c r="GN29" s="102">
        <v>181</v>
      </c>
      <c r="GO29" s="102">
        <v>159</v>
      </c>
      <c r="GP29" s="102">
        <v>129</v>
      </c>
      <c r="GQ29" s="103">
        <v>989</v>
      </c>
      <c r="GR29" s="104">
        <v>1397</v>
      </c>
      <c r="GS29" s="105">
        <v>275</v>
      </c>
      <c r="GT29" s="97">
        <v>306</v>
      </c>
      <c r="GU29" s="98">
        <v>581</v>
      </c>
      <c r="GV29" s="413">
        <v>0</v>
      </c>
      <c r="GW29" s="97">
        <v>367</v>
      </c>
      <c r="GX29" s="97">
        <v>412</v>
      </c>
      <c r="GY29" s="97">
        <v>268</v>
      </c>
      <c r="GZ29" s="97">
        <v>224</v>
      </c>
      <c r="HA29" s="97">
        <v>178</v>
      </c>
      <c r="HB29" s="99">
        <v>1449</v>
      </c>
      <c r="HC29" s="100">
        <v>2030</v>
      </c>
      <c r="HD29" s="101">
        <v>0</v>
      </c>
      <c r="HE29" s="102">
        <v>7</v>
      </c>
      <c r="HF29" s="103">
        <v>7</v>
      </c>
      <c r="HG29" s="416">
        <v>0</v>
      </c>
      <c r="HH29" s="102">
        <v>5</v>
      </c>
      <c r="HI29" s="102">
        <v>6</v>
      </c>
      <c r="HJ29" s="102">
        <v>5</v>
      </c>
      <c r="HK29" s="102">
        <v>9</v>
      </c>
      <c r="HL29" s="102">
        <v>5</v>
      </c>
      <c r="HM29" s="103">
        <v>30</v>
      </c>
      <c r="HN29" s="104">
        <v>37</v>
      </c>
      <c r="HO29" s="101">
        <v>11</v>
      </c>
      <c r="HP29" s="102">
        <v>24</v>
      </c>
      <c r="HQ29" s="103">
        <v>35</v>
      </c>
      <c r="HR29" s="413">
        <v>0</v>
      </c>
      <c r="HS29" s="102">
        <v>23</v>
      </c>
      <c r="HT29" s="102">
        <v>27</v>
      </c>
      <c r="HU29" s="102">
        <v>13</v>
      </c>
      <c r="HV29" s="102">
        <v>9</v>
      </c>
      <c r="HW29" s="102">
        <v>10</v>
      </c>
      <c r="HX29" s="103">
        <v>82</v>
      </c>
      <c r="HY29" s="104">
        <v>117</v>
      </c>
      <c r="HZ29" s="101">
        <v>41</v>
      </c>
      <c r="IA29" s="102">
        <v>46</v>
      </c>
      <c r="IB29" s="103">
        <v>87</v>
      </c>
      <c r="IC29" s="413">
        <v>0</v>
      </c>
      <c r="ID29" s="102">
        <v>49</v>
      </c>
      <c r="IE29" s="102">
        <v>41</v>
      </c>
      <c r="IF29" s="102">
        <v>20</v>
      </c>
      <c r="IG29" s="102">
        <v>29</v>
      </c>
      <c r="IH29" s="102">
        <v>27</v>
      </c>
      <c r="II29" s="103">
        <v>166</v>
      </c>
      <c r="IJ29" s="104">
        <v>253</v>
      </c>
      <c r="IK29" s="101">
        <v>73</v>
      </c>
      <c r="IL29" s="102">
        <v>92</v>
      </c>
      <c r="IM29" s="103">
        <v>165</v>
      </c>
      <c r="IN29" s="413">
        <v>0</v>
      </c>
      <c r="IO29" s="102">
        <v>82</v>
      </c>
      <c r="IP29" s="102">
        <v>108</v>
      </c>
      <c r="IQ29" s="102">
        <v>64</v>
      </c>
      <c r="IR29" s="102">
        <v>43</v>
      </c>
      <c r="IS29" s="102">
        <v>23</v>
      </c>
      <c r="IT29" s="103">
        <v>320</v>
      </c>
      <c r="IU29" s="104">
        <v>485</v>
      </c>
      <c r="IV29" s="101">
        <v>92</v>
      </c>
      <c r="IW29" s="102">
        <v>74</v>
      </c>
      <c r="IX29" s="103">
        <v>166</v>
      </c>
      <c r="IY29" s="413">
        <v>0</v>
      </c>
      <c r="IZ29" s="102">
        <v>117</v>
      </c>
      <c r="JA29" s="102">
        <v>106</v>
      </c>
      <c r="JB29" s="102">
        <v>82</v>
      </c>
      <c r="JC29" s="102">
        <v>58</v>
      </c>
      <c r="JD29" s="102">
        <v>39</v>
      </c>
      <c r="JE29" s="103">
        <v>402</v>
      </c>
      <c r="JF29" s="104">
        <v>568</v>
      </c>
      <c r="JG29" s="101">
        <v>58</v>
      </c>
      <c r="JH29" s="102">
        <v>63</v>
      </c>
      <c r="JI29" s="103">
        <v>121</v>
      </c>
      <c r="JJ29" s="413">
        <v>0</v>
      </c>
      <c r="JK29" s="102">
        <v>91</v>
      </c>
      <c r="JL29" s="102">
        <v>124</v>
      </c>
      <c r="JM29" s="102">
        <v>84</v>
      </c>
      <c r="JN29" s="102">
        <v>76</v>
      </c>
      <c r="JO29" s="102">
        <v>74</v>
      </c>
      <c r="JP29" s="103">
        <v>449</v>
      </c>
      <c r="JQ29" s="104">
        <v>570</v>
      </c>
      <c r="JR29" s="101">
        <v>3</v>
      </c>
      <c r="JS29" s="102">
        <v>3</v>
      </c>
      <c r="JT29" s="103">
        <v>6</v>
      </c>
      <c r="JU29" s="413">
        <v>0</v>
      </c>
      <c r="JV29" s="102">
        <v>8</v>
      </c>
      <c r="JW29" s="102">
        <v>10</v>
      </c>
      <c r="JX29" s="102">
        <v>6</v>
      </c>
      <c r="JY29" s="102">
        <v>3</v>
      </c>
      <c r="JZ29" s="102">
        <v>3</v>
      </c>
      <c r="KA29" s="103">
        <v>30</v>
      </c>
      <c r="KB29" s="104">
        <v>36</v>
      </c>
      <c r="KC29" s="101">
        <v>278</v>
      </c>
      <c r="KD29" s="102">
        <v>309</v>
      </c>
      <c r="KE29" s="103">
        <v>587</v>
      </c>
      <c r="KF29" s="413">
        <v>0</v>
      </c>
      <c r="KG29" s="102">
        <v>375</v>
      </c>
      <c r="KH29" s="102">
        <v>422</v>
      </c>
      <c r="KI29" s="102">
        <v>274</v>
      </c>
      <c r="KJ29" s="102">
        <v>227</v>
      </c>
      <c r="KK29" s="102">
        <v>181</v>
      </c>
      <c r="KL29" s="103">
        <v>1479</v>
      </c>
      <c r="KM29" s="104">
        <v>2066</v>
      </c>
    </row>
    <row r="30" spans="2:299" s="70" customFormat="1" ht="21" customHeight="1" x14ac:dyDescent="0.2">
      <c r="B30" s="106" t="s">
        <v>27</v>
      </c>
      <c r="C30" s="96">
        <v>112</v>
      </c>
      <c r="D30" s="97">
        <v>124</v>
      </c>
      <c r="E30" s="98">
        <v>236</v>
      </c>
      <c r="F30" s="413">
        <v>0</v>
      </c>
      <c r="G30" s="97">
        <v>110</v>
      </c>
      <c r="H30" s="97">
        <v>91</v>
      </c>
      <c r="I30" s="97">
        <v>69</v>
      </c>
      <c r="J30" s="97">
        <v>85</v>
      </c>
      <c r="K30" s="97">
        <v>38</v>
      </c>
      <c r="L30" s="99">
        <v>393</v>
      </c>
      <c r="M30" s="100">
        <v>629</v>
      </c>
      <c r="N30" s="101">
        <v>2</v>
      </c>
      <c r="O30" s="102">
        <v>6</v>
      </c>
      <c r="P30" s="103">
        <v>8</v>
      </c>
      <c r="Q30" s="413">
        <v>0</v>
      </c>
      <c r="R30" s="102">
        <v>4</v>
      </c>
      <c r="S30" s="102">
        <v>0</v>
      </c>
      <c r="T30" s="102">
        <v>2</v>
      </c>
      <c r="U30" s="102">
        <v>3</v>
      </c>
      <c r="V30" s="102">
        <v>2</v>
      </c>
      <c r="W30" s="103">
        <v>11</v>
      </c>
      <c r="X30" s="104">
        <v>19</v>
      </c>
      <c r="Y30" s="101">
        <v>7</v>
      </c>
      <c r="Z30" s="102">
        <v>10</v>
      </c>
      <c r="AA30" s="103">
        <v>17</v>
      </c>
      <c r="AB30" s="413">
        <v>0</v>
      </c>
      <c r="AC30" s="102">
        <v>6</v>
      </c>
      <c r="AD30" s="102">
        <v>12</v>
      </c>
      <c r="AE30" s="102">
        <v>9</v>
      </c>
      <c r="AF30" s="102">
        <v>3</v>
      </c>
      <c r="AG30" s="102">
        <v>2</v>
      </c>
      <c r="AH30" s="103">
        <v>32</v>
      </c>
      <c r="AI30" s="104">
        <v>49</v>
      </c>
      <c r="AJ30" s="101">
        <v>21</v>
      </c>
      <c r="AK30" s="102">
        <v>25</v>
      </c>
      <c r="AL30" s="103">
        <v>46</v>
      </c>
      <c r="AM30" s="413">
        <v>0</v>
      </c>
      <c r="AN30" s="102">
        <v>21</v>
      </c>
      <c r="AO30" s="102">
        <v>16</v>
      </c>
      <c r="AP30" s="102">
        <v>8</v>
      </c>
      <c r="AQ30" s="102">
        <v>17</v>
      </c>
      <c r="AR30" s="102">
        <v>6</v>
      </c>
      <c r="AS30" s="103">
        <v>68</v>
      </c>
      <c r="AT30" s="104">
        <v>114</v>
      </c>
      <c r="AU30" s="101">
        <v>27</v>
      </c>
      <c r="AV30" s="102">
        <v>30</v>
      </c>
      <c r="AW30" s="103">
        <v>57</v>
      </c>
      <c r="AX30" s="413">
        <v>0</v>
      </c>
      <c r="AY30" s="102">
        <v>24</v>
      </c>
      <c r="AZ30" s="102">
        <v>23</v>
      </c>
      <c r="BA30" s="102">
        <v>17</v>
      </c>
      <c r="BB30" s="102">
        <v>21</v>
      </c>
      <c r="BC30" s="102">
        <v>10</v>
      </c>
      <c r="BD30" s="103">
        <v>95</v>
      </c>
      <c r="BE30" s="104">
        <v>152</v>
      </c>
      <c r="BF30" s="101">
        <v>37</v>
      </c>
      <c r="BG30" s="102">
        <v>33</v>
      </c>
      <c r="BH30" s="103">
        <v>70</v>
      </c>
      <c r="BI30" s="413">
        <v>0</v>
      </c>
      <c r="BJ30" s="102">
        <v>30</v>
      </c>
      <c r="BK30" s="102">
        <v>15</v>
      </c>
      <c r="BL30" s="102">
        <v>18</v>
      </c>
      <c r="BM30" s="102">
        <v>17</v>
      </c>
      <c r="BN30" s="102">
        <v>10</v>
      </c>
      <c r="BO30" s="103">
        <v>90</v>
      </c>
      <c r="BP30" s="104">
        <v>160</v>
      </c>
      <c r="BQ30" s="101">
        <v>18</v>
      </c>
      <c r="BR30" s="102">
        <v>20</v>
      </c>
      <c r="BS30" s="103">
        <v>38</v>
      </c>
      <c r="BT30" s="413">
        <v>0</v>
      </c>
      <c r="BU30" s="102">
        <v>25</v>
      </c>
      <c r="BV30" s="102">
        <v>25</v>
      </c>
      <c r="BW30" s="102">
        <v>15</v>
      </c>
      <c r="BX30" s="102">
        <v>24</v>
      </c>
      <c r="BY30" s="102">
        <v>8</v>
      </c>
      <c r="BZ30" s="103">
        <v>97</v>
      </c>
      <c r="CA30" s="104">
        <v>135</v>
      </c>
      <c r="CB30" s="101">
        <v>9</v>
      </c>
      <c r="CC30" s="102">
        <v>4</v>
      </c>
      <c r="CD30" s="103">
        <v>13</v>
      </c>
      <c r="CE30" s="413">
        <v>0</v>
      </c>
      <c r="CF30" s="102">
        <v>3</v>
      </c>
      <c r="CG30" s="102">
        <v>2</v>
      </c>
      <c r="CH30" s="102">
        <v>6</v>
      </c>
      <c r="CI30" s="102">
        <v>3</v>
      </c>
      <c r="CJ30" s="102">
        <v>1</v>
      </c>
      <c r="CK30" s="103">
        <v>15</v>
      </c>
      <c r="CL30" s="104">
        <v>28</v>
      </c>
      <c r="CM30" s="101">
        <v>121</v>
      </c>
      <c r="CN30" s="102">
        <v>128</v>
      </c>
      <c r="CO30" s="103">
        <v>249</v>
      </c>
      <c r="CP30" s="413">
        <v>0</v>
      </c>
      <c r="CQ30" s="102">
        <v>113</v>
      </c>
      <c r="CR30" s="102">
        <v>93</v>
      </c>
      <c r="CS30" s="102">
        <v>75</v>
      </c>
      <c r="CT30" s="102">
        <v>88</v>
      </c>
      <c r="CU30" s="102">
        <v>39</v>
      </c>
      <c r="CV30" s="103">
        <v>408</v>
      </c>
      <c r="CW30" s="104">
        <v>657</v>
      </c>
      <c r="CX30" s="105">
        <v>269</v>
      </c>
      <c r="CY30" s="97">
        <v>209</v>
      </c>
      <c r="CZ30" s="98">
        <v>478</v>
      </c>
      <c r="DA30" s="413">
        <v>0</v>
      </c>
      <c r="DB30" s="97">
        <v>252</v>
      </c>
      <c r="DC30" s="97">
        <v>137</v>
      </c>
      <c r="DD30" s="97">
        <v>132</v>
      </c>
      <c r="DE30" s="97">
        <v>150</v>
      </c>
      <c r="DF30" s="97">
        <v>102</v>
      </c>
      <c r="DG30" s="99">
        <v>773</v>
      </c>
      <c r="DH30" s="100">
        <v>1251</v>
      </c>
      <c r="DI30" s="101">
        <v>3</v>
      </c>
      <c r="DJ30" s="102">
        <v>2</v>
      </c>
      <c r="DK30" s="103">
        <v>5</v>
      </c>
      <c r="DL30" s="413">
        <v>0</v>
      </c>
      <c r="DM30" s="102">
        <v>4</v>
      </c>
      <c r="DN30" s="102">
        <v>1</v>
      </c>
      <c r="DO30" s="102">
        <v>0</v>
      </c>
      <c r="DP30" s="102">
        <v>1</v>
      </c>
      <c r="DQ30" s="102">
        <v>4</v>
      </c>
      <c r="DR30" s="103">
        <v>10</v>
      </c>
      <c r="DS30" s="104">
        <v>15</v>
      </c>
      <c r="DT30" s="101">
        <v>16</v>
      </c>
      <c r="DU30" s="102">
        <v>10</v>
      </c>
      <c r="DV30" s="103">
        <v>26</v>
      </c>
      <c r="DW30" s="413">
        <v>0</v>
      </c>
      <c r="DX30" s="102">
        <v>8</v>
      </c>
      <c r="DY30" s="102">
        <v>5</v>
      </c>
      <c r="DZ30" s="102">
        <v>7</v>
      </c>
      <c r="EA30" s="102">
        <v>7</v>
      </c>
      <c r="EB30" s="102">
        <v>0</v>
      </c>
      <c r="EC30" s="103">
        <v>27</v>
      </c>
      <c r="ED30" s="104">
        <v>53</v>
      </c>
      <c r="EE30" s="101">
        <v>39</v>
      </c>
      <c r="EF30" s="102">
        <v>24</v>
      </c>
      <c r="EG30" s="103">
        <v>63</v>
      </c>
      <c r="EH30" s="413">
        <v>0</v>
      </c>
      <c r="EI30" s="102">
        <v>22</v>
      </c>
      <c r="EJ30" s="102">
        <v>17</v>
      </c>
      <c r="EK30" s="102">
        <v>12</v>
      </c>
      <c r="EL30" s="102">
        <v>15</v>
      </c>
      <c r="EM30" s="102">
        <v>8</v>
      </c>
      <c r="EN30" s="103">
        <v>74</v>
      </c>
      <c r="EO30" s="104">
        <v>137</v>
      </c>
      <c r="EP30" s="101">
        <v>71</v>
      </c>
      <c r="EQ30" s="102">
        <v>48</v>
      </c>
      <c r="ER30" s="103">
        <v>119</v>
      </c>
      <c r="ES30" s="413">
        <v>0</v>
      </c>
      <c r="ET30" s="102">
        <v>60</v>
      </c>
      <c r="EU30" s="102">
        <v>23</v>
      </c>
      <c r="EV30" s="102">
        <v>22</v>
      </c>
      <c r="EW30" s="102">
        <v>29</v>
      </c>
      <c r="EX30" s="102">
        <v>16</v>
      </c>
      <c r="EY30" s="103">
        <v>150</v>
      </c>
      <c r="EZ30" s="104">
        <v>269</v>
      </c>
      <c r="FA30" s="101">
        <v>84</v>
      </c>
      <c r="FB30" s="102">
        <v>71</v>
      </c>
      <c r="FC30" s="103">
        <v>155</v>
      </c>
      <c r="FD30" s="413">
        <v>0</v>
      </c>
      <c r="FE30" s="102">
        <v>82</v>
      </c>
      <c r="FF30" s="102">
        <v>38</v>
      </c>
      <c r="FG30" s="102">
        <v>27</v>
      </c>
      <c r="FH30" s="102">
        <v>33</v>
      </c>
      <c r="FI30" s="102">
        <v>30</v>
      </c>
      <c r="FJ30" s="103">
        <v>210</v>
      </c>
      <c r="FK30" s="104">
        <v>365</v>
      </c>
      <c r="FL30" s="101">
        <v>56</v>
      </c>
      <c r="FM30" s="102">
        <v>54</v>
      </c>
      <c r="FN30" s="103">
        <v>110</v>
      </c>
      <c r="FO30" s="413">
        <v>0</v>
      </c>
      <c r="FP30" s="102">
        <v>76</v>
      </c>
      <c r="FQ30" s="102">
        <v>53</v>
      </c>
      <c r="FR30" s="102">
        <v>64</v>
      </c>
      <c r="FS30" s="102">
        <v>65</v>
      </c>
      <c r="FT30" s="102">
        <v>44</v>
      </c>
      <c r="FU30" s="103">
        <v>302</v>
      </c>
      <c r="FV30" s="104">
        <v>412</v>
      </c>
      <c r="FW30" s="101">
        <v>0</v>
      </c>
      <c r="FX30" s="102">
        <v>3</v>
      </c>
      <c r="FY30" s="103">
        <v>3</v>
      </c>
      <c r="FZ30" s="413">
        <v>0</v>
      </c>
      <c r="GA30" s="102">
        <v>3</v>
      </c>
      <c r="GB30" s="102">
        <v>6</v>
      </c>
      <c r="GC30" s="102">
        <v>2</v>
      </c>
      <c r="GD30" s="102">
        <v>2</v>
      </c>
      <c r="GE30" s="102">
        <v>3</v>
      </c>
      <c r="GF30" s="103">
        <v>16</v>
      </c>
      <c r="GG30" s="104">
        <v>19</v>
      </c>
      <c r="GH30" s="101">
        <v>269</v>
      </c>
      <c r="GI30" s="102">
        <v>212</v>
      </c>
      <c r="GJ30" s="103">
        <v>481</v>
      </c>
      <c r="GK30" s="413">
        <v>0</v>
      </c>
      <c r="GL30" s="102">
        <v>255</v>
      </c>
      <c r="GM30" s="102">
        <v>143</v>
      </c>
      <c r="GN30" s="102">
        <v>134</v>
      </c>
      <c r="GO30" s="102">
        <v>152</v>
      </c>
      <c r="GP30" s="102">
        <v>105</v>
      </c>
      <c r="GQ30" s="103">
        <v>789</v>
      </c>
      <c r="GR30" s="104">
        <v>1270</v>
      </c>
      <c r="GS30" s="105">
        <v>381</v>
      </c>
      <c r="GT30" s="97">
        <v>333</v>
      </c>
      <c r="GU30" s="98">
        <v>714</v>
      </c>
      <c r="GV30" s="413">
        <v>0</v>
      </c>
      <c r="GW30" s="97">
        <v>362</v>
      </c>
      <c r="GX30" s="97">
        <v>228</v>
      </c>
      <c r="GY30" s="97">
        <v>201</v>
      </c>
      <c r="GZ30" s="97">
        <v>235</v>
      </c>
      <c r="HA30" s="97">
        <v>140</v>
      </c>
      <c r="HB30" s="99">
        <v>1166</v>
      </c>
      <c r="HC30" s="100">
        <v>1880</v>
      </c>
      <c r="HD30" s="101">
        <v>5</v>
      </c>
      <c r="HE30" s="102">
        <v>8</v>
      </c>
      <c r="HF30" s="103">
        <v>13</v>
      </c>
      <c r="HG30" s="416">
        <v>0</v>
      </c>
      <c r="HH30" s="102">
        <v>8</v>
      </c>
      <c r="HI30" s="102">
        <v>1</v>
      </c>
      <c r="HJ30" s="102">
        <v>2</v>
      </c>
      <c r="HK30" s="102">
        <v>4</v>
      </c>
      <c r="HL30" s="102">
        <v>6</v>
      </c>
      <c r="HM30" s="103">
        <v>21</v>
      </c>
      <c r="HN30" s="104">
        <v>34</v>
      </c>
      <c r="HO30" s="101">
        <v>23</v>
      </c>
      <c r="HP30" s="102">
        <v>20</v>
      </c>
      <c r="HQ30" s="103">
        <v>43</v>
      </c>
      <c r="HR30" s="413">
        <v>0</v>
      </c>
      <c r="HS30" s="102">
        <v>14</v>
      </c>
      <c r="HT30" s="102">
        <v>17</v>
      </c>
      <c r="HU30" s="102">
        <v>16</v>
      </c>
      <c r="HV30" s="102">
        <v>10</v>
      </c>
      <c r="HW30" s="102">
        <v>2</v>
      </c>
      <c r="HX30" s="103">
        <v>59</v>
      </c>
      <c r="HY30" s="104">
        <v>102</v>
      </c>
      <c r="HZ30" s="101">
        <v>60</v>
      </c>
      <c r="IA30" s="102">
        <v>49</v>
      </c>
      <c r="IB30" s="103">
        <v>109</v>
      </c>
      <c r="IC30" s="413">
        <v>0</v>
      </c>
      <c r="ID30" s="102">
        <v>43</v>
      </c>
      <c r="IE30" s="102">
        <v>33</v>
      </c>
      <c r="IF30" s="102">
        <v>20</v>
      </c>
      <c r="IG30" s="102">
        <v>32</v>
      </c>
      <c r="IH30" s="102">
        <v>14</v>
      </c>
      <c r="II30" s="103">
        <v>142</v>
      </c>
      <c r="IJ30" s="104">
        <v>251</v>
      </c>
      <c r="IK30" s="101">
        <v>98</v>
      </c>
      <c r="IL30" s="102">
        <v>78</v>
      </c>
      <c r="IM30" s="103">
        <v>176</v>
      </c>
      <c r="IN30" s="413">
        <v>0</v>
      </c>
      <c r="IO30" s="102">
        <v>84</v>
      </c>
      <c r="IP30" s="102">
        <v>46</v>
      </c>
      <c r="IQ30" s="102">
        <v>39</v>
      </c>
      <c r="IR30" s="102">
        <v>50</v>
      </c>
      <c r="IS30" s="102">
        <v>26</v>
      </c>
      <c r="IT30" s="103">
        <v>245</v>
      </c>
      <c r="IU30" s="104">
        <v>421</v>
      </c>
      <c r="IV30" s="101">
        <v>121</v>
      </c>
      <c r="IW30" s="102">
        <v>104</v>
      </c>
      <c r="IX30" s="103">
        <v>225</v>
      </c>
      <c r="IY30" s="413">
        <v>0</v>
      </c>
      <c r="IZ30" s="102">
        <v>112</v>
      </c>
      <c r="JA30" s="102">
        <v>53</v>
      </c>
      <c r="JB30" s="102">
        <v>45</v>
      </c>
      <c r="JC30" s="102">
        <v>50</v>
      </c>
      <c r="JD30" s="102">
        <v>40</v>
      </c>
      <c r="JE30" s="103">
        <v>300</v>
      </c>
      <c r="JF30" s="104">
        <v>525</v>
      </c>
      <c r="JG30" s="101">
        <v>74</v>
      </c>
      <c r="JH30" s="102">
        <v>74</v>
      </c>
      <c r="JI30" s="103">
        <v>148</v>
      </c>
      <c r="JJ30" s="413">
        <v>0</v>
      </c>
      <c r="JK30" s="102">
        <v>101</v>
      </c>
      <c r="JL30" s="102">
        <v>78</v>
      </c>
      <c r="JM30" s="102">
        <v>79</v>
      </c>
      <c r="JN30" s="102">
        <v>89</v>
      </c>
      <c r="JO30" s="102">
        <v>52</v>
      </c>
      <c r="JP30" s="103">
        <v>399</v>
      </c>
      <c r="JQ30" s="104">
        <v>547</v>
      </c>
      <c r="JR30" s="101">
        <v>9</v>
      </c>
      <c r="JS30" s="102">
        <v>7</v>
      </c>
      <c r="JT30" s="103">
        <v>16</v>
      </c>
      <c r="JU30" s="413">
        <v>0</v>
      </c>
      <c r="JV30" s="102">
        <v>6</v>
      </c>
      <c r="JW30" s="102">
        <v>8</v>
      </c>
      <c r="JX30" s="102">
        <v>8</v>
      </c>
      <c r="JY30" s="102">
        <v>5</v>
      </c>
      <c r="JZ30" s="102">
        <v>4</v>
      </c>
      <c r="KA30" s="103">
        <v>31</v>
      </c>
      <c r="KB30" s="104">
        <v>47</v>
      </c>
      <c r="KC30" s="101">
        <v>390</v>
      </c>
      <c r="KD30" s="102">
        <v>340</v>
      </c>
      <c r="KE30" s="103">
        <v>730</v>
      </c>
      <c r="KF30" s="413">
        <v>0</v>
      </c>
      <c r="KG30" s="102">
        <v>368</v>
      </c>
      <c r="KH30" s="102">
        <v>236</v>
      </c>
      <c r="KI30" s="102">
        <v>209</v>
      </c>
      <c r="KJ30" s="102">
        <v>240</v>
      </c>
      <c r="KK30" s="102">
        <v>144</v>
      </c>
      <c r="KL30" s="103">
        <v>1197</v>
      </c>
      <c r="KM30" s="104">
        <v>1927</v>
      </c>
    </row>
    <row r="31" spans="2:299" s="70" customFormat="1" ht="21" customHeight="1" x14ac:dyDescent="0.2">
      <c r="B31" s="106" t="s">
        <v>28</v>
      </c>
      <c r="C31" s="96">
        <v>5</v>
      </c>
      <c r="D31" s="97">
        <v>27</v>
      </c>
      <c r="E31" s="98">
        <v>32</v>
      </c>
      <c r="F31" s="413">
        <v>0</v>
      </c>
      <c r="G31" s="97">
        <v>62</v>
      </c>
      <c r="H31" s="97">
        <v>46</v>
      </c>
      <c r="I31" s="97">
        <v>25</v>
      </c>
      <c r="J31" s="97">
        <v>18</v>
      </c>
      <c r="K31" s="97">
        <v>13</v>
      </c>
      <c r="L31" s="99">
        <v>164</v>
      </c>
      <c r="M31" s="100">
        <v>196</v>
      </c>
      <c r="N31" s="101">
        <v>0</v>
      </c>
      <c r="O31" s="102">
        <v>4</v>
      </c>
      <c r="P31" s="103">
        <v>4</v>
      </c>
      <c r="Q31" s="413">
        <v>0</v>
      </c>
      <c r="R31" s="102">
        <v>4</v>
      </c>
      <c r="S31" s="102">
        <v>1</v>
      </c>
      <c r="T31" s="102">
        <v>2</v>
      </c>
      <c r="U31" s="102">
        <v>1</v>
      </c>
      <c r="V31" s="102">
        <v>1</v>
      </c>
      <c r="W31" s="103">
        <v>9</v>
      </c>
      <c r="X31" s="104">
        <v>13</v>
      </c>
      <c r="Y31" s="101">
        <v>1</v>
      </c>
      <c r="Z31" s="102">
        <v>4</v>
      </c>
      <c r="AA31" s="103">
        <v>5</v>
      </c>
      <c r="AB31" s="413">
        <v>0</v>
      </c>
      <c r="AC31" s="102">
        <v>7</v>
      </c>
      <c r="AD31" s="102">
        <v>9</v>
      </c>
      <c r="AE31" s="102">
        <v>2</v>
      </c>
      <c r="AF31" s="102">
        <v>2</v>
      </c>
      <c r="AG31" s="102">
        <v>2</v>
      </c>
      <c r="AH31" s="103">
        <v>22</v>
      </c>
      <c r="AI31" s="104">
        <v>27</v>
      </c>
      <c r="AJ31" s="101">
        <v>1</v>
      </c>
      <c r="AK31" s="102">
        <v>3</v>
      </c>
      <c r="AL31" s="103">
        <v>4</v>
      </c>
      <c r="AM31" s="413">
        <v>0</v>
      </c>
      <c r="AN31" s="102">
        <v>9</v>
      </c>
      <c r="AO31" s="102">
        <v>11</v>
      </c>
      <c r="AP31" s="102">
        <v>4</v>
      </c>
      <c r="AQ31" s="102">
        <v>4</v>
      </c>
      <c r="AR31" s="102">
        <v>4</v>
      </c>
      <c r="AS31" s="103">
        <v>32</v>
      </c>
      <c r="AT31" s="104">
        <v>36</v>
      </c>
      <c r="AU31" s="101">
        <v>1</v>
      </c>
      <c r="AV31" s="102">
        <v>6</v>
      </c>
      <c r="AW31" s="103">
        <v>7</v>
      </c>
      <c r="AX31" s="413">
        <v>0</v>
      </c>
      <c r="AY31" s="102">
        <v>16</v>
      </c>
      <c r="AZ31" s="102">
        <v>8</v>
      </c>
      <c r="BA31" s="102">
        <v>6</v>
      </c>
      <c r="BB31" s="102">
        <v>4</v>
      </c>
      <c r="BC31" s="102">
        <v>1</v>
      </c>
      <c r="BD31" s="103">
        <v>35</v>
      </c>
      <c r="BE31" s="104">
        <v>42</v>
      </c>
      <c r="BF31" s="101">
        <v>2</v>
      </c>
      <c r="BG31" s="102">
        <v>6</v>
      </c>
      <c r="BH31" s="103">
        <v>8</v>
      </c>
      <c r="BI31" s="413">
        <v>0</v>
      </c>
      <c r="BJ31" s="102">
        <v>16</v>
      </c>
      <c r="BK31" s="102">
        <v>9</v>
      </c>
      <c r="BL31" s="102">
        <v>3</v>
      </c>
      <c r="BM31" s="102">
        <v>3</v>
      </c>
      <c r="BN31" s="102">
        <v>2</v>
      </c>
      <c r="BO31" s="103">
        <v>33</v>
      </c>
      <c r="BP31" s="104">
        <v>41</v>
      </c>
      <c r="BQ31" s="101">
        <v>0</v>
      </c>
      <c r="BR31" s="102">
        <v>4</v>
      </c>
      <c r="BS31" s="103">
        <v>4</v>
      </c>
      <c r="BT31" s="413">
        <v>0</v>
      </c>
      <c r="BU31" s="102">
        <v>10</v>
      </c>
      <c r="BV31" s="102">
        <v>8</v>
      </c>
      <c r="BW31" s="102">
        <v>8</v>
      </c>
      <c r="BX31" s="102">
        <v>4</v>
      </c>
      <c r="BY31" s="102">
        <v>3</v>
      </c>
      <c r="BZ31" s="103">
        <v>33</v>
      </c>
      <c r="CA31" s="104">
        <v>37</v>
      </c>
      <c r="CB31" s="101">
        <v>0</v>
      </c>
      <c r="CC31" s="102">
        <v>1</v>
      </c>
      <c r="CD31" s="103">
        <v>1</v>
      </c>
      <c r="CE31" s="413">
        <v>0</v>
      </c>
      <c r="CF31" s="102">
        <v>0</v>
      </c>
      <c r="CG31" s="102">
        <v>1</v>
      </c>
      <c r="CH31" s="102">
        <v>1</v>
      </c>
      <c r="CI31" s="102">
        <v>0</v>
      </c>
      <c r="CJ31" s="102">
        <v>2</v>
      </c>
      <c r="CK31" s="103">
        <v>4</v>
      </c>
      <c r="CL31" s="104">
        <v>5</v>
      </c>
      <c r="CM31" s="101">
        <v>5</v>
      </c>
      <c r="CN31" s="102">
        <v>28</v>
      </c>
      <c r="CO31" s="103">
        <v>33</v>
      </c>
      <c r="CP31" s="413">
        <v>0</v>
      </c>
      <c r="CQ31" s="102">
        <v>62</v>
      </c>
      <c r="CR31" s="102">
        <v>47</v>
      </c>
      <c r="CS31" s="102">
        <v>26</v>
      </c>
      <c r="CT31" s="102">
        <v>18</v>
      </c>
      <c r="CU31" s="102">
        <v>15</v>
      </c>
      <c r="CV31" s="103">
        <v>168</v>
      </c>
      <c r="CW31" s="104">
        <v>201</v>
      </c>
      <c r="CX31" s="105">
        <v>14</v>
      </c>
      <c r="CY31" s="97">
        <v>37</v>
      </c>
      <c r="CZ31" s="98">
        <v>51</v>
      </c>
      <c r="DA31" s="413">
        <v>0</v>
      </c>
      <c r="DB31" s="97">
        <v>63</v>
      </c>
      <c r="DC31" s="97">
        <v>76</v>
      </c>
      <c r="DD31" s="97">
        <v>48</v>
      </c>
      <c r="DE31" s="97">
        <v>50</v>
      </c>
      <c r="DF31" s="97">
        <v>38</v>
      </c>
      <c r="DG31" s="99">
        <v>275</v>
      </c>
      <c r="DH31" s="100">
        <v>326</v>
      </c>
      <c r="DI31" s="101">
        <v>0</v>
      </c>
      <c r="DJ31" s="102">
        <v>0</v>
      </c>
      <c r="DK31" s="103">
        <v>0</v>
      </c>
      <c r="DL31" s="413">
        <v>0</v>
      </c>
      <c r="DM31" s="102">
        <v>2</v>
      </c>
      <c r="DN31" s="102">
        <v>0</v>
      </c>
      <c r="DO31" s="102">
        <v>1</v>
      </c>
      <c r="DP31" s="102">
        <v>0</v>
      </c>
      <c r="DQ31" s="102">
        <v>0</v>
      </c>
      <c r="DR31" s="103">
        <v>3</v>
      </c>
      <c r="DS31" s="104">
        <v>3</v>
      </c>
      <c r="DT31" s="101">
        <v>4</v>
      </c>
      <c r="DU31" s="102">
        <v>5</v>
      </c>
      <c r="DV31" s="103">
        <v>9</v>
      </c>
      <c r="DW31" s="413">
        <v>0</v>
      </c>
      <c r="DX31" s="102">
        <v>5</v>
      </c>
      <c r="DY31" s="102">
        <v>7</v>
      </c>
      <c r="DZ31" s="102">
        <v>2</v>
      </c>
      <c r="EA31" s="102">
        <v>2</v>
      </c>
      <c r="EB31" s="102">
        <v>0</v>
      </c>
      <c r="EC31" s="103">
        <v>16</v>
      </c>
      <c r="ED31" s="104">
        <v>25</v>
      </c>
      <c r="EE31" s="101">
        <v>1</v>
      </c>
      <c r="EF31" s="102">
        <v>7</v>
      </c>
      <c r="EG31" s="103">
        <v>8</v>
      </c>
      <c r="EH31" s="413">
        <v>0</v>
      </c>
      <c r="EI31" s="102">
        <v>10</v>
      </c>
      <c r="EJ31" s="102">
        <v>11</v>
      </c>
      <c r="EK31" s="102">
        <v>5</v>
      </c>
      <c r="EL31" s="102">
        <v>4</v>
      </c>
      <c r="EM31" s="102">
        <v>5</v>
      </c>
      <c r="EN31" s="103">
        <v>35</v>
      </c>
      <c r="EO31" s="104">
        <v>43</v>
      </c>
      <c r="EP31" s="101">
        <v>7</v>
      </c>
      <c r="EQ31" s="102">
        <v>9</v>
      </c>
      <c r="ER31" s="103">
        <v>16</v>
      </c>
      <c r="ES31" s="413">
        <v>0</v>
      </c>
      <c r="ET31" s="102">
        <v>18</v>
      </c>
      <c r="EU31" s="102">
        <v>11</v>
      </c>
      <c r="EV31" s="102">
        <v>16</v>
      </c>
      <c r="EW31" s="102">
        <v>11</v>
      </c>
      <c r="EX31" s="102">
        <v>11</v>
      </c>
      <c r="EY31" s="103">
        <v>67</v>
      </c>
      <c r="EZ31" s="104">
        <v>83</v>
      </c>
      <c r="FA31" s="101">
        <v>2</v>
      </c>
      <c r="FB31" s="102">
        <v>12</v>
      </c>
      <c r="FC31" s="103">
        <v>14</v>
      </c>
      <c r="FD31" s="413">
        <v>0</v>
      </c>
      <c r="FE31" s="102">
        <v>19</v>
      </c>
      <c r="FF31" s="102">
        <v>26</v>
      </c>
      <c r="FG31" s="102">
        <v>8</v>
      </c>
      <c r="FH31" s="102">
        <v>15</v>
      </c>
      <c r="FI31" s="102">
        <v>9</v>
      </c>
      <c r="FJ31" s="103">
        <v>77</v>
      </c>
      <c r="FK31" s="104">
        <v>91</v>
      </c>
      <c r="FL31" s="101">
        <v>0</v>
      </c>
      <c r="FM31" s="102">
        <v>4</v>
      </c>
      <c r="FN31" s="103">
        <v>4</v>
      </c>
      <c r="FO31" s="413">
        <v>0</v>
      </c>
      <c r="FP31" s="102">
        <v>9</v>
      </c>
      <c r="FQ31" s="102">
        <v>21</v>
      </c>
      <c r="FR31" s="102">
        <v>16</v>
      </c>
      <c r="FS31" s="102">
        <v>18</v>
      </c>
      <c r="FT31" s="102">
        <v>13</v>
      </c>
      <c r="FU31" s="103">
        <v>77</v>
      </c>
      <c r="FV31" s="104">
        <v>81</v>
      </c>
      <c r="FW31" s="101">
        <v>1</v>
      </c>
      <c r="FX31" s="102">
        <v>1</v>
      </c>
      <c r="FY31" s="103">
        <v>2</v>
      </c>
      <c r="FZ31" s="413">
        <v>0</v>
      </c>
      <c r="GA31" s="102">
        <v>1</v>
      </c>
      <c r="GB31" s="102">
        <v>1</v>
      </c>
      <c r="GC31" s="102">
        <v>0</v>
      </c>
      <c r="GD31" s="102">
        <v>1</v>
      </c>
      <c r="GE31" s="102">
        <v>2</v>
      </c>
      <c r="GF31" s="103">
        <v>5</v>
      </c>
      <c r="GG31" s="104">
        <v>7</v>
      </c>
      <c r="GH31" s="101">
        <v>15</v>
      </c>
      <c r="GI31" s="102">
        <v>38</v>
      </c>
      <c r="GJ31" s="103">
        <v>53</v>
      </c>
      <c r="GK31" s="413">
        <v>0</v>
      </c>
      <c r="GL31" s="102">
        <v>64</v>
      </c>
      <c r="GM31" s="102">
        <v>77</v>
      </c>
      <c r="GN31" s="102">
        <v>48</v>
      </c>
      <c r="GO31" s="102">
        <v>51</v>
      </c>
      <c r="GP31" s="102">
        <v>40</v>
      </c>
      <c r="GQ31" s="103">
        <v>280</v>
      </c>
      <c r="GR31" s="104">
        <v>333</v>
      </c>
      <c r="GS31" s="105">
        <v>19</v>
      </c>
      <c r="GT31" s="97">
        <v>64</v>
      </c>
      <c r="GU31" s="98">
        <v>83</v>
      </c>
      <c r="GV31" s="413">
        <v>0</v>
      </c>
      <c r="GW31" s="97">
        <v>125</v>
      </c>
      <c r="GX31" s="97">
        <v>122</v>
      </c>
      <c r="GY31" s="97">
        <v>73</v>
      </c>
      <c r="GZ31" s="97">
        <v>68</v>
      </c>
      <c r="HA31" s="97">
        <v>51</v>
      </c>
      <c r="HB31" s="99">
        <v>439</v>
      </c>
      <c r="HC31" s="100">
        <v>522</v>
      </c>
      <c r="HD31" s="101">
        <v>0</v>
      </c>
      <c r="HE31" s="102">
        <v>4</v>
      </c>
      <c r="HF31" s="103">
        <v>4</v>
      </c>
      <c r="HG31" s="416">
        <v>0</v>
      </c>
      <c r="HH31" s="102">
        <v>6</v>
      </c>
      <c r="HI31" s="102">
        <v>1</v>
      </c>
      <c r="HJ31" s="102">
        <v>3</v>
      </c>
      <c r="HK31" s="102">
        <v>1</v>
      </c>
      <c r="HL31" s="102">
        <v>1</v>
      </c>
      <c r="HM31" s="103">
        <v>12</v>
      </c>
      <c r="HN31" s="104">
        <v>16</v>
      </c>
      <c r="HO31" s="101">
        <v>5</v>
      </c>
      <c r="HP31" s="102">
        <v>9</v>
      </c>
      <c r="HQ31" s="103">
        <v>14</v>
      </c>
      <c r="HR31" s="413">
        <v>0</v>
      </c>
      <c r="HS31" s="102">
        <v>12</v>
      </c>
      <c r="HT31" s="102">
        <v>16</v>
      </c>
      <c r="HU31" s="102">
        <v>4</v>
      </c>
      <c r="HV31" s="102">
        <v>4</v>
      </c>
      <c r="HW31" s="102">
        <v>2</v>
      </c>
      <c r="HX31" s="103">
        <v>38</v>
      </c>
      <c r="HY31" s="104">
        <v>52</v>
      </c>
      <c r="HZ31" s="101">
        <v>2</v>
      </c>
      <c r="IA31" s="102">
        <v>10</v>
      </c>
      <c r="IB31" s="103">
        <v>12</v>
      </c>
      <c r="IC31" s="413">
        <v>0</v>
      </c>
      <c r="ID31" s="102">
        <v>19</v>
      </c>
      <c r="IE31" s="102">
        <v>22</v>
      </c>
      <c r="IF31" s="102">
        <v>9</v>
      </c>
      <c r="IG31" s="102">
        <v>8</v>
      </c>
      <c r="IH31" s="102">
        <v>9</v>
      </c>
      <c r="II31" s="103">
        <v>67</v>
      </c>
      <c r="IJ31" s="104">
        <v>79</v>
      </c>
      <c r="IK31" s="101">
        <v>8</v>
      </c>
      <c r="IL31" s="102">
        <v>15</v>
      </c>
      <c r="IM31" s="103">
        <v>23</v>
      </c>
      <c r="IN31" s="413">
        <v>0</v>
      </c>
      <c r="IO31" s="102">
        <v>34</v>
      </c>
      <c r="IP31" s="102">
        <v>19</v>
      </c>
      <c r="IQ31" s="102">
        <v>22</v>
      </c>
      <c r="IR31" s="102">
        <v>15</v>
      </c>
      <c r="IS31" s="102">
        <v>12</v>
      </c>
      <c r="IT31" s="103">
        <v>102</v>
      </c>
      <c r="IU31" s="104">
        <v>125</v>
      </c>
      <c r="IV31" s="101">
        <v>4</v>
      </c>
      <c r="IW31" s="102">
        <v>18</v>
      </c>
      <c r="IX31" s="103">
        <v>22</v>
      </c>
      <c r="IY31" s="413">
        <v>0</v>
      </c>
      <c r="IZ31" s="102">
        <v>35</v>
      </c>
      <c r="JA31" s="102">
        <v>35</v>
      </c>
      <c r="JB31" s="102">
        <v>11</v>
      </c>
      <c r="JC31" s="102">
        <v>18</v>
      </c>
      <c r="JD31" s="102">
        <v>11</v>
      </c>
      <c r="JE31" s="103">
        <v>110</v>
      </c>
      <c r="JF31" s="104">
        <v>132</v>
      </c>
      <c r="JG31" s="101">
        <v>0</v>
      </c>
      <c r="JH31" s="102">
        <v>8</v>
      </c>
      <c r="JI31" s="103">
        <v>8</v>
      </c>
      <c r="JJ31" s="413">
        <v>0</v>
      </c>
      <c r="JK31" s="102">
        <v>19</v>
      </c>
      <c r="JL31" s="102">
        <v>29</v>
      </c>
      <c r="JM31" s="102">
        <v>24</v>
      </c>
      <c r="JN31" s="102">
        <v>22</v>
      </c>
      <c r="JO31" s="102">
        <v>16</v>
      </c>
      <c r="JP31" s="103">
        <v>110</v>
      </c>
      <c r="JQ31" s="104">
        <v>118</v>
      </c>
      <c r="JR31" s="101">
        <v>1</v>
      </c>
      <c r="JS31" s="102">
        <v>2</v>
      </c>
      <c r="JT31" s="103">
        <v>3</v>
      </c>
      <c r="JU31" s="413">
        <v>0</v>
      </c>
      <c r="JV31" s="102">
        <v>1</v>
      </c>
      <c r="JW31" s="102">
        <v>2</v>
      </c>
      <c r="JX31" s="102">
        <v>1</v>
      </c>
      <c r="JY31" s="102">
        <v>1</v>
      </c>
      <c r="JZ31" s="102">
        <v>4</v>
      </c>
      <c r="KA31" s="103">
        <v>9</v>
      </c>
      <c r="KB31" s="104">
        <v>12</v>
      </c>
      <c r="KC31" s="101">
        <v>20</v>
      </c>
      <c r="KD31" s="102">
        <v>66</v>
      </c>
      <c r="KE31" s="103">
        <v>86</v>
      </c>
      <c r="KF31" s="413">
        <v>0</v>
      </c>
      <c r="KG31" s="102">
        <v>126</v>
      </c>
      <c r="KH31" s="102">
        <v>124</v>
      </c>
      <c r="KI31" s="102">
        <v>74</v>
      </c>
      <c r="KJ31" s="102">
        <v>69</v>
      </c>
      <c r="KK31" s="102">
        <v>55</v>
      </c>
      <c r="KL31" s="103">
        <v>448</v>
      </c>
      <c r="KM31" s="104">
        <v>534</v>
      </c>
    </row>
    <row r="32" spans="2:299" s="70" customFormat="1" ht="21" customHeight="1" x14ac:dyDescent="0.2">
      <c r="B32" s="106" t="s">
        <v>29</v>
      </c>
      <c r="C32" s="96">
        <v>16</v>
      </c>
      <c r="D32" s="97">
        <v>23</v>
      </c>
      <c r="E32" s="98">
        <v>39</v>
      </c>
      <c r="F32" s="413">
        <v>0</v>
      </c>
      <c r="G32" s="97">
        <v>42</v>
      </c>
      <c r="H32" s="97">
        <v>56</v>
      </c>
      <c r="I32" s="97">
        <v>44</v>
      </c>
      <c r="J32" s="97">
        <v>26</v>
      </c>
      <c r="K32" s="97">
        <v>21</v>
      </c>
      <c r="L32" s="99">
        <v>189</v>
      </c>
      <c r="M32" s="100">
        <v>228</v>
      </c>
      <c r="N32" s="101">
        <v>2</v>
      </c>
      <c r="O32" s="102">
        <v>1</v>
      </c>
      <c r="P32" s="103">
        <v>3</v>
      </c>
      <c r="Q32" s="413">
        <v>0</v>
      </c>
      <c r="R32" s="102">
        <v>4</v>
      </c>
      <c r="S32" s="102">
        <v>5</v>
      </c>
      <c r="T32" s="102">
        <v>0</v>
      </c>
      <c r="U32" s="102">
        <v>1</v>
      </c>
      <c r="V32" s="102">
        <v>2</v>
      </c>
      <c r="W32" s="103">
        <v>12</v>
      </c>
      <c r="X32" s="104">
        <v>15</v>
      </c>
      <c r="Y32" s="101">
        <v>2</v>
      </c>
      <c r="Z32" s="102">
        <v>5</v>
      </c>
      <c r="AA32" s="103">
        <v>7</v>
      </c>
      <c r="AB32" s="413">
        <v>0</v>
      </c>
      <c r="AC32" s="102">
        <v>6</v>
      </c>
      <c r="AD32" s="102">
        <v>6</v>
      </c>
      <c r="AE32" s="102">
        <v>8</v>
      </c>
      <c r="AF32" s="102">
        <v>2</v>
      </c>
      <c r="AG32" s="102">
        <v>3</v>
      </c>
      <c r="AH32" s="103">
        <v>25</v>
      </c>
      <c r="AI32" s="104">
        <v>32</v>
      </c>
      <c r="AJ32" s="101">
        <v>1</v>
      </c>
      <c r="AK32" s="102">
        <v>0</v>
      </c>
      <c r="AL32" s="103">
        <v>1</v>
      </c>
      <c r="AM32" s="413">
        <v>0</v>
      </c>
      <c r="AN32" s="102">
        <v>11</v>
      </c>
      <c r="AO32" s="102">
        <v>9</v>
      </c>
      <c r="AP32" s="102">
        <v>8</v>
      </c>
      <c r="AQ32" s="102">
        <v>7</v>
      </c>
      <c r="AR32" s="102">
        <v>4</v>
      </c>
      <c r="AS32" s="103">
        <v>39</v>
      </c>
      <c r="AT32" s="104">
        <v>40</v>
      </c>
      <c r="AU32" s="101">
        <v>5</v>
      </c>
      <c r="AV32" s="102">
        <v>9</v>
      </c>
      <c r="AW32" s="103">
        <v>14</v>
      </c>
      <c r="AX32" s="413">
        <v>0</v>
      </c>
      <c r="AY32" s="102">
        <v>7</v>
      </c>
      <c r="AZ32" s="102">
        <v>11</v>
      </c>
      <c r="BA32" s="102">
        <v>10</v>
      </c>
      <c r="BB32" s="102">
        <v>7</v>
      </c>
      <c r="BC32" s="102">
        <v>3</v>
      </c>
      <c r="BD32" s="103">
        <v>38</v>
      </c>
      <c r="BE32" s="104">
        <v>52</v>
      </c>
      <c r="BF32" s="101">
        <v>3</v>
      </c>
      <c r="BG32" s="102">
        <v>5</v>
      </c>
      <c r="BH32" s="103">
        <v>8</v>
      </c>
      <c r="BI32" s="413">
        <v>0</v>
      </c>
      <c r="BJ32" s="102">
        <v>8</v>
      </c>
      <c r="BK32" s="102">
        <v>9</v>
      </c>
      <c r="BL32" s="102">
        <v>11</v>
      </c>
      <c r="BM32" s="102">
        <v>3</v>
      </c>
      <c r="BN32" s="102">
        <v>3</v>
      </c>
      <c r="BO32" s="103">
        <v>34</v>
      </c>
      <c r="BP32" s="104">
        <v>42</v>
      </c>
      <c r="BQ32" s="101">
        <v>3</v>
      </c>
      <c r="BR32" s="102">
        <v>3</v>
      </c>
      <c r="BS32" s="103">
        <v>6</v>
      </c>
      <c r="BT32" s="413">
        <v>0</v>
      </c>
      <c r="BU32" s="102">
        <v>6</v>
      </c>
      <c r="BV32" s="102">
        <v>16</v>
      </c>
      <c r="BW32" s="102">
        <v>7</v>
      </c>
      <c r="BX32" s="102">
        <v>6</v>
      </c>
      <c r="BY32" s="102">
        <v>6</v>
      </c>
      <c r="BZ32" s="103">
        <v>41</v>
      </c>
      <c r="CA32" s="104">
        <v>47</v>
      </c>
      <c r="CB32" s="101">
        <v>2</v>
      </c>
      <c r="CC32" s="102">
        <v>2</v>
      </c>
      <c r="CD32" s="103">
        <v>4</v>
      </c>
      <c r="CE32" s="413">
        <v>0</v>
      </c>
      <c r="CF32" s="102">
        <v>2</v>
      </c>
      <c r="CG32" s="102">
        <v>1</v>
      </c>
      <c r="CH32" s="102">
        <v>1</v>
      </c>
      <c r="CI32" s="102">
        <v>1</v>
      </c>
      <c r="CJ32" s="102">
        <v>3</v>
      </c>
      <c r="CK32" s="103">
        <v>8</v>
      </c>
      <c r="CL32" s="104">
        <v>12</v>
      </c>
      <c r="CM32" s="101">
        <v>18</v>
      </c>
      <c r="CN32" s="102">
        <v>25</v>
      </c>
      <c r="CO32" s="103">
        <v>43</v>
      </c>
      <c r="CP32" s="413">
        <v>0</v>
      </c>
      <c r="CQ32" s="102">
        <v>44</v>
      </c>
      <c r="CR32" s="102">
        <v>57</v>
      </c>
      <c r="CS32" s="102">
        <v>45</v>
      </c>
      <c r="CT32" s="102">
        <v>27</v>
      </c>
      <c r="CU32" s="102">
        <v>24</v>
      </c>
      <c r="CV32" s="103">
        <v>197</v>
      </c>
      <c r="CW32" s="104">
        <v>240</v>
      </c>
      <c r="CX32" s="105">
        <v>40</v>
      </c>
      <c r="CY32" s="97">
        <v>60</v>
      </c>
      <c r="CZ32" s="98">
        <v>100</v>
      </c>
      <c r="DA32" s="413">
        <v>0</v>
      </c>
      <c r="DB32" s="97">
        <v>94</v>
      </c>
      <c r="DC32" s="97">
        <v>93</v>
      </c>
      <c r="DD32" s="97">
        <v>75</v>
      </c>
      <c r="DE32" s="97">
        <v>89</v>
      </c>
      <c r="DF32" s="97">
        <v>48</v>
      </c>
      <c r="DG32" s="99">
        <v>399</v>
      </c>
      <c r="DH32" s="100">
        <v>499</v>
      </c>
      <c r="DI32" s="101">
        <v>3</v>
      </c>
      <c r="DJ32" s="102">
        <v>2</v>
      </c>
      <c r="DK32" s="103">
        <v>5</v>
      </c>
      <c r="DL32" s="413">
        <v>0</v>
      </c>
      <c r="DM32" s="102">
        <v>2</v>
      </c>
      <c r="DN32" s="102">
        <v>4</v>
      </c>
      <c r="DO32" s="102">
        <v>1</v>
      </c>
      <c r="DP32" s="102">
        <v>2</v>
      </c>
      <c r="DQ32" s="102">
        <v>2</v>
      </c>
      <c r="DR32" s="103">
        <v>11</v>
      </c>
      <c r="DS32" s="104">
        <v>16</v>
      </c>
      <c r="DT32" s="101">
        <v>2</v>
      </c>
      <c r="DU32" s="102">
        <v>8</v>
      </c>
      <c r="DV32" s="103">
        <v>10</v>
      </c>
      <c r="DW32" s="413">
        <v>0</v>
      </c>
      <c r="DX32" s="102">
        <v>6</v>
      </c>
      <c r="DY32" s="102">
        <v>7</v>
      </c>
      <c r="DZ32" s="102">
        <v>5</v>
      </c>
      <c r="EA32" s="102">
        <v>1</v>
      </c>
      <c r="EB32" s="102">
        <v>2</v>
      </c>
      <c r="EC32" s="103">
        <v>21</v>
      </c>
      <c r="ED32" s="104">
        <v>31</v>
      </c>
      <c r="EE32" s="101">
        <v>4</v>
      </c>
      <c r="EF32" s="102">
        <v>10</v>
      </c>
      <c r="EG32" s="103">
        <v>14</v>
      </c>
      <c r="EH32" s="413">
        <v>0</v>
      </c>
      <c r="EI32" s="102">
        <v>7</v>
      </c>
      <c r="EJ32" s="102">
        <v>11</v>
      </c>
      <c r="EK32" s="102">
        <v>4</v>
      </c>
      <c r="EL32" s="102">
        <v>8</v>
      </c>
      <c r="EM32" s="102">
        <v>6</v>
      </c>
      <c r="EN32" s="103">
        <v>36</v>
      </c>
      <c r="EO32" s="104">
        <v>50</v>
      </c>
      <c r="EP32" s="101">
        <v>11</v>
      </c>
      <c r="EQ32" s="102">
        <v>17</v>
      </c>
      <c r="ER32" s="103">
        <v>28</v>
      </c>
      <c r="ES32" s="413">
        <v>0</v>
      </c>
      <c r="ET32" s="102">
        <v>28</v>
      </c>
      <c r="EU32" s="102">
        <v>14</v>
      </c>
      <c r="EV32" s="102">
        <v>26</v>
      </c>
      <c r="EW32" s="102">
        <v>14</v>
      </c>
      <c r="EX32" s="102">
        <v>10</v>
      </c>
      <c r="EY32" s="103">
        <v>92</v>
      </c>
      <c r="EZ32" s="104">
        <v>120</v>
      </c>
      <c r="FA32" s="101">
        <v>13</v>
      </c>
      <c r="FB32" s="102">
        <v>12</v>
      </c>
      <c r="FC32" s="103">
        <v>25</v>
      </c>
      <c r="FD32" s="413">
        <v>0</v>
      </c>
      <c r="FE32" s="102">
        <v>18</v>
      </c>
      <c r="FF32" s="102">
        <v>34</v>
      </c>
      <c r="FG32" s="102">
        <v>19</v>
      </c>
      <c r="FH32" s="102">
        <v>28</v>
      </c>
      <c r="FI32" s="102">
        <v>12</v>
      </c>
      <c r="FJ32" s="103">
        <v>111</v>
      </c>
      <c r="FK32" s="104">
        <v>136</v>
      </c>
      <c r="FL32" s="101">
        <v>7</v>
      </c>
      <c r="FM32" s="102">
        <v>11</v>
      </c>
      <c r="FN32" s="103">
        <v>18</v>
      </c>
      <c r="FO32" s="413">
        <v>0</v>
      </c>
      <c r="FP32" s="102">
        <v>33</v>
      </c>
      <c r="FQ32" s="102">
        <v>23</v>
      </c>
      <c r="FR32" s="102">
        <v>20</v>
      </c>
      <c r="FS32" s="102">
        <v>36</v>
      </c>
      <c r="FT32" s="102">
        <v>16</v>
      </c>
      <c r="FU32" s="103">
        <v>128</v>
      </c>
      <c r="FV32" s="104">
        <v>146</v>
      </c>
      <c r="FW32" s="101">
        <v>1</v>
      </c>
      <c r="FX32" s="102">
        <v>1</v>
      </c>
      <c r="FY32" s="103">
        <v>2</v>
      </c>
      <c r="FZ32" s="413">
        <v>0</v>
      </c>
      <c r="GA32" s="102">
        <v>0</v>
      </c>
      <c r="GB32" s="102">
        <v>1</v>
      </c>
      <c r="GC32" s="102">
        <v>2</v>
      </c>
      <c r="GD32" s="102">
        <v>2</v>
      </c>
      <c r="GE32" s="102">
        <v>0</v>
      </c>
      <c r="GF32" s="103">
        <v>5</v>
      </c>
      <c r="GG32" s="104">
        <v>7</v>
      </c>
      <c r="GH32" s="101">
        <v>41</v>
      </c>
      <c r="GI32" s="102">
        <v>61</v>
      </c>
      <c r="GJ32" s="103">
        <v>102</v>
      </c>
      <c r="GK32" s="413">
        <v>0</v>
      </c>
      <c r="GL32" s="102">
        <v>94</v>
      </c>
      <c r="GM32" s="102">
        <v>94</v>
      </c>
      <c r="GN32" s="102">
        <v>77</v>
      </c>
      <c r="GO32" s="102">
        <v>91</v>
      </c>
      <c r="GP32" s="102">
        <v>48</v>
      </c>
      <c r="GQ32" s="103">
        <v>404</v>
      </c>
      <c r="GR32" s="104">
        <v>506</v>
      </c>
      <c r="GS32" s="105">
        <v>56</v>
      </c>
      <c r="GT32" s="97">
        <v>83</v>
      </c>
      <c r="GU32" s="98">
        <v>139</v>
      </c>
      <c r="GV32" s="413">
        <v>0</v>
      </c>
      <c r="GW32" s="97">
        <v>136</v>
      </c>
      <c r="GX32" s="97">
        <v>149</v>
      </c>
      <c r="GY32" s="97">
        <v>119</v>
      </c>
      <c r="GZ32" s="97">
        <v>115</v>
      </c>
      <c r="HA32" s="97">
        <v>69</v>
      </c>
      <c r="HB32" s="99">
        <v>588</v>
      </c>
      <c r="HC32" s="100">
        <v>727</v>
      </c>
      <c r="HD32" s="101">
        <v>5</v>
      </c>
      <c r="HE32" s="102">
        <v>3</v>
      </c>
      <c r="HF32" s="103">
        <v>8</v>
      </c>
      <c r="HG32" s="416">
        <v>0</v>
      </c>
      <c r="HH32" s="102">
        <v>6</v>
      </c>
      <c r="HI32" s="102">
        <v>9</v>
      </c>
      <c r="HJ32" s="102">
        <v>1</v>
      </c>
      <c r="HK32" s="102">
        <v>3</v>
      </c>
      <c r="HL32" s="102">
        <v>4</v>
      </c>
      <c r="HM32" s="103">
        <v>23</v>
      </c>
      <c r="HN32" s="104">
        <v>31</v>
      </c>
      <c r="HO32" s="101">
        <v>4</v>
      </c>
      <c r="HP32" s="102">
        <v>13</v>
      </c>
      <c r="HQ32" s="103">
        <v>17</v>
      </c>
      <c r="HR32" s="413">
        <v>0</v>
      </c>
      <c r="HS32" s="102">
        <v>12</v>
      </c>
      <c r="HT32" s="102">
        <v>13</v>
      </c>
      <c r="HU32" s="102">
        <v>13</v>
      </c>
      <c r="HV32" s="102">
        <v>3</v>
      </c>
      <c r="HW32" s="102">
        <v>5</v>
      </c>
      <c r="HX32" s="103">
        <v>46</v>
      </c>
      <c r="HY32" s="104">
        <v>63</v>
      </c>
      <c r="HZ32" s="101">
        <v>5</v>
      </c>
      <c r="IA32" s="102">
        <v>10</v>
      </c>
      <c r="IB32" s="103">
        <v>15</v>
      </c>
      <c r="IC32" s="413">
        <v>0</v>
      </c>
      <c r="ID32" s="102">
        <v>18</v>
      </c>
      <c r="IE32" s="102">
        <v>20</v>
      </c>
      <c r="IF32" s="102">
        <v>12</v>
      </c>
      <c r="IG32" s="102">
        <v>15</v>
      </c>
      <c r="IH32" s="102">
        <v>10</v>
      </c>
      <c r="II32" s="103">
        <v>75</v>
      </c>
      <c r="IJ32" s="104">
        <v>90</v>
      </c>
      <c r="IK32" s="101">
        <v>16</v>
      </c>
      <c r="IL32" s="102">
        <v>26</v>
      </c>
      <c r="IM32" s="103">
        <v>42</v>
      </c>
      <c r="IN32" s="413">
        <v>0</v>
      </c>
      <c r="IO32" s="102">
        <v>35</v>
      </c>
      <c r="IP32" s="102">
        <v>25</v>
      </c>
      <c r="IQ32" s="102">
        <v>36</v>
      </c>
      <c r="IR32" s="102">
        <v>21</v>
      </c>
      <c r="IS32" s="102">
        <v>13</v>
      </c>
      <c r="IT32" s="103">
        <v>130</v>
      </c>
      <c r="IU32" s="104">
        <v>172</v>
      </c>
      <c r="IV32" s="101">
        <v>16</v>
      </c>
      <c r="IW32" s="102">
        <v>17</v>
      </c>
      <c r="IX32" s="103">
        <v>33</v>
      </c>
      <c r="IY32" s="413">
        <v>0</v>
      </c>
      <c r="IZ32" s="102">
        <v>26</v>
      </c>
      <c r="JA32" s="102">
        <v>43</v>
      </c>
      <c r="JB32" s="102">
        <v>30</v>
      </c>
      <c r="JC32" s="102">
        <v>31</v>
      </c>
      <c r="JD32" s="102">
        <v>15</v>
      </c>
      <c r="JE32" s="103">
        <v>145</v>
      </c>
      <c r="JF32" s="104">
        <v>178</v>
      </c>
      <c r="JG32" s="101">
        <v>10</v>
      </c>
      <c r="JH32" s="102">
        <v>14</v>
      </c>
      <c r="JI32" s="103">
        <v>24</v>
      </c>
      <c r="JJ32" s="413">
        <v>0</v>
      </c>
      <c r="JK32" s="102">
        <v>39</v>
      </c>
      <c r="JL32" s="102">
        <v>39</v>
      </c>
      <c r="JM32" s="102">
        <v>27</v>
      </c>
      <c r="JN32" s="102">
        <v>42</v>
      </c>
      <c r="JO32" s="102">
        <v>22</v>
      </c>
      <c r="JP32" s="103">
        <v>169</v>
      </c>
      <c r="JQ32" s="104">
        <v>193</v>
      </c>
      <c r="JR32" s="101">
        <v>3</v>
      </c>
      <c r="JS32" s="102">
        <v>3</v>
      </c>
      <c r="JT32" s="103">
        <v>6</v>
      </c>
      <c r="JU32" s="413">
        <v>0</v>
      </c>
      <c r="JV32" s="102">
        <v>2</v>
      </c>
      <c r="JW32" s="102">
        <v>2</v>
      </c>
      <c r="JX32" s="102">
        <v>3</v>
      </c>
      <c r="JY32" s="102">
        <v>3</v>
      </c>
      <c r="JZ32" s="102">
        <v>3</v>
      </c>
      <c r="KA32" s="103">
        <v>13</v>
      </c>
      <c r="KB32" s="104">
        <v>19</v>
      </c>
      <c r="KC32" s="101">
        <v>59</v>
      </c>
      <c r="KD32" s="102">
        <v>86</v>
      </c>
      <c r="KE32" s="103">
        <v>145</v>
      </c>
      <c r="KF32" s="413">
        <v>0</v>
      </c>
      <c r="KG32" s="102">
        <v>138</v>
      </c>
      <c r="KH32" s="102">
        <v>151</v>
      </c>
      <c r="KI32" s="102">
        <v>122</v>
      </c>
      <c r="KJ32" s="102">
        <v>118</v>
      </c>
      <c r="KK32" s="102">
        <v>72</v>
      </c>
      <c r="KL32" s="103">
        <v>601</v>
      </c>
      <c r="KM32" s="104">
        <v>746</v>
      </c>
    </row>
    <row r="33" spans="2:299" s="70" customFormat="1" ht="21" customHeight="1" x14ac:dyDescent="0.2">
      <c r="B33" s="106" t="s">
        <v>30</v>
      </c>
      <c r="C33" s="96">
        <v>28</v>
      </c>
      <c r="D33" s="97">
        <v>15</v>
      </c>
      <c r="E33" s="98">
        <v>43</v>
      </c>
      <c r="F33" s="413">
        <v>0</v>
      </c>
      <c r="G33" s="97">
        <v>39</v>
      </c>
      <c r="H33" s="97">
        <v>32</v>
      </c>
      <c r="I33" s="97">
        <v>30</v>
      </c>
      <c r="J33" s="97">
        <v>28</v>
      </c>
      <c r="K33" s="97">
        <v>9</v>
      </c>
      <c r="L33" s="99">
        <v>138</v>
      </c>
      <c r="M33" s="100">
        <v>181</v>
      </c>
      <c r="N33" s="101">
        <v>2</v>
      </c>
      <c r="O33" s="102">
        <v>2</v>
      </c>
      <c r="P33" s="103">
        <v>4</v>
      </c>
      <c r="Q33" s="413">
        <v>0</v>
      </c>
      <c r="R33" s="102">
        <v>1</v>
      </c>
      <c r="S33" s="102">
        <v>1</v>
      </c>
      <c r="T33" s="102">
        <v>1</v>
      </c>
      <c r="U33" s="102">
        <v>2</v>
      </c>
      <c r="V33" s="102">
        <v>2</v>
      </c>
      <c r="W33" s="103">
        <v>7</v>
      </c>
      <c r="X33" s="104">
        <v>11</v>
      </c>
      <c r="Y33" s="101">
        <v>7</v>
      </c>
      <c r="Z33" s="102">
        <v>2</v>
      </c>
      <c r="AA33" s="103">
        <v>9</v>
      </c>
      <c r="AB33" s="413">
        <v>0</v>
      </c>
      <c r="AC33" s="102">
        <v>5</v>
      </c>
      <c r="AD33" s="102">
        <v>7</v>
      </c>
      <c r="AE33" s="102">
        <v>1</v>
      </c>
      <c r="AF33" s="102">
        <v>6</v>
      </c>
      <c r="AG33" s="102">
        <v>0</v>
      </c>
      <c r="AH33" s="103">
        <v>19</v>
      </c>
      <c r="AI33" s="104">
        <v>28</v>
      </c>
      <c r="AJ33" s="101">
        <v>5</v>
      </c>
      <c r="AK33" s="102">
        <v>3</v>
      </c>
      <c r="AL33" s="103">
        <v>8</v>
      </c>
      <c r="AM33" s="413">
        <v>0</v>
      </c>
      <c r="AN33" s="102">
        <v>4</v>
      </c>
      <c r="AO33" s="102">
        <v>6</v>
      </c>
      <c r="AP33" s="102">
        <v>6</v>
      </c>
      <c r="AQ33" s="102">
        <v>6</v>
      </c>
      <c r="AR33" s="102">
        <v>1</v>
      </c>
      <c r="AS33" s="103">
        <v>23</v>
      </c>
      <c r="AT33" s="104">
        <v>31</v>
      </c>
      <c r="AU33" s="101">
        <v>6</v>
      </c>
      <c r="AV33" s="102">
        <v>1</v>
      </c>
      <c r="AW33" s="103">
        <v>7</v>
      </c>
      <c r="AX33" s="413">
        <v>0</v>
      </c>
      <c r="AY33" s="102">
        <v>13</v>
      </c>
      <c r="AZ33" s="102">
        <v>7</v>
      </c>
      <c r="BA33" s="102">
        <v>6</v>
      </c>
      <c r="BB33" s="102">
        <v>5</v>
      </c>
      <c r="BC33" s="102">
        <v>2</v>
      </c>
      <c r="BD33" s="103">
        <v>33</v>
      </c>
      <c r="BE33" s="104">
        <v>40</v>
      </c>
      <c r="BF33" s="101">
        <v>4</v>
      </c>
      <c r="BG33" s="102">
        <v>3</v>
      </c>
      <c r="BH33" s="103">
        <v>7</v>
      </c>
      <c r="BI33" s="413">
        <v>0</v>
      </c>
      <c r="BJ33" s="102">
        <v>10</v>
      </c>
      <c r="BK33" s="102">
        <v>5</v>
      </c>
      <c r="BL33" s="102">
        <v>7</v>
      </c>
      <c r="BM33" s="102">
        <v>3</v>
      </c>
      <c r="BN33" s="102">
        <v>2</v>
      </c>
      <c r="BO33" s="103">
        <v>27</v>
      </c>
      <c r="BP33" s="104">
        <v>34</v>
      </c>
      <c r="BQ33" s="101">
        <v>4</v>
      </c>
      <c r="BR33" s="102">
        <v>4</v>
      </c>
      <c r="BS33" s="103">
        <v>8</v>
      </c>
      <c r="BT33" s="413">
        <v>0</v>
      </c>
      <c r="BU33" s="102">
        <v>6</v>
      </c>
      <c r="BV33" s="102">
        <v>6</v>
      </c>
      <c r="BW33" s="102">
        <v>9</v>
      </c>
      <c r="BX33" s="102">
        <v>6</v>
      </c>
      <c r="BY33" s="102">
        <v>2</v>
      </c>
      <c r="BZ33" s="103">
        <v>29</v>
      </c>
      <c r="CA33" s="104">
        <v>37</v>
      </c>
      <c r="CB33" s="101">
        <v>0</v>
      </c>
      <c r="CC33" s="102">
        <v>1</v>
      </c>
      <c r="CD33" s="103">
        <v>1</v>
      </c>
      <c r="CE33" s="413">
        <v>0</v>
      </c>
      <c r="CF33" s="102">
        <v>1</v>
      </c>
      <c r="CG33" s="102">
        <v>3</v>
      </c>
      <c r="CH33" s="102">
        <v>1</v>
      </c>
      <c r="CI33" s="102">
        <v>0</v>
      </c>
      <c r="CJ33" s="102">
        <v>0</v>
      </c>
      <c r="CK33" s="103">
        <v>5</v>
      </c>
      <c r="CL33" s="104">
        <v>6</v>
      </c>
      <c r="CM33" s="101">
        <v>28</v>
      </c>
      <c r="CN33" s="102">
        <v>16</v>
      </c>
      <c r="CO33" s="103">
        <v>44</v>
      </c>
      <c r="CP33" s="413">
        <v>0</v>
      </c>
      <c r="CQ33" s="102">
        <v>40</v>
      </c>
      <c r="CR33" s="102">
        <v>35</v>
      </c>
      <c r="CS33" s="102">
        <v>31</v>
      </c>
      <c r="CT33" s="102">
        <v>28</v>
      </c>
      <c r="CU33" s="102">
        <v>9</v>
      </c>
      <c r="CV33" s="103">
        <v>143</v>
      </c>
      <c r="CW33" s="104">
        <v>187</v>
      </c>
      <c r="CX33" s="105">
        <v>38</v>
      </c>
      <c r="CY33" s="97">
        <v>30</v>
      </c>
      <c r="CZ33" s="98">
        <v>68</v>
      </c>
      <c r="DA33" s="413">
        <v>0</v>
      </c>
      <c r="DB33" s="97">
        <v>103</v>
      </c>
      <c r="DC33" s="97">
        <v>72</v>
      </c>
      <c r="DD33" s="97">
        <v>65</v>
      </c>
      <c r="DE33" s="97">
        <v>66</v>
      </c>
      <c r="DF33" s="97">
        <v>43</v>
      </c>
      <c r="DG33" s="99">
        <v>349</v>
      </c>
      <c r="DH33" s="100">
        <v>417</v>
      </c>
      <c r="DI33" s="101">
        <v>1</v>
      </c>
      <c r="DJ33" s="102">
        <v>1</v>
      </c>
      <c r="DK33" s="103">
        <v>2</v>
      </c>
      <c r="DL33" s="413">
        <v>0</v>
      </c>
      <c r="DM33" s="102">
        <v>1</v>
      </c>
      <c r="DN33" s="102">
        <v>0</v>
      </c>
      <c r="DO33" s="102">
        <v>0</v>
      </c>
      <c r="DP33" s="102">
        <v>1</v>
      </c>
      <c r="DQ33" s="102">
        <v>1</v>
      </c>
      <c r="DR33" s="103">
        <v>3</v>
      </c>
      <c r="DS33" s="104">
        <v>5</v>
      </c>
      <c r="DT33" s="101">
        <v>5</v>
      </c>
      <c r="DU33" s="102">
        <v>1</v>
      </c>
      <c r="DV33" s="103">
        <v>6</v>
      </c>
      <c r="DW33" s="413">
        <v>0</v>
      </c>
      <c r="DX33" s="102">
        <v>2</v>
      </c>
      <c r="DY33" s="102">
        <v>5</v>
      </c>
      <c r="DZ33" s="102">
        <v>1</v>
      </c>
      <c r="EA33" s="102">
        <v>3</v>
      </c>
      <c r="EB33" s="102">
        <v>2</v>
      </c>
      <c r="EC33" s="103">
        <v>13</v>
      </c>
      <c r="ED33" s="104">
        <v>19</v>
      </c>
      <c r="EE33" s="101">
        <v>8</v>
      </c>
      <c r="EF33" s="102">
        <v>3</v>
      </c>
      <c r="EG33" s="103">
        <v>11</v>
      </c>
      <c r="EH33" s="413">
        <v>0</v>
      </c>
      <c r="EI33" s="102">
        <v>9</v>
      </c>
      <c r="EJ33" s="102">
        <v>8</v>
      </c>
      <c r="EK33" s="102">
        <v>9</v>
      </c>
      <c r="EL33" s="102">
        <v>3</v>
      </c>
      <c r="EM33" s="102">
        <v>2</v>
      </c>
      <c r="EN33" s="103">
        <v>31</v>
      </c>
      <c r="EO33" s="104">
        <v>42</v>
      </c>
      <c r="EP33" s="101">
        <v>13</v>
      </c>
      <c r="EQ33" s="102">
        <v>8</v>
      </c>
      <c r="ER33" s="103">
        <v>21</v>
      </c>
      <c r="ES33" s="413">
        <v>0</v>
      </c>
      <c r="ET33" s="102">
        <v>27</v>
      </c>
      <c r="EU33" s="102">
        <v>16</v>
      </c>
      <c r="EV33" s="102">
        <v>13</v>
      </c>
      <c r="EW33" s="102">
        <v>11</v>
      </c>
      <c r="EX33" s="102">
        <v>9</v>
      </c>
      <c r="EY33" s="103">
        <v>76</v>
      </c>
      <c r="EZ33" s="104">
        <v>97</v>
      </c>
      <c r="FA33" s="101">
        <v>9</v>
      </c>
      <c r="FB33" s="102">
        <v>10</v>
      </c>
      <c r="FC33" s="103">
        <v>19</v>
      </c>
      <c r="FD33" s="413">
        <v>0</v>
      </c>
      <c r="FE33" s="102">
        <v>26</v>
      </c>
      <c r="FF33" s="102">
        <v>17</v>
      </c>
      <c r="FG33" s="102">
        <v>9</v>
      </c>
      <c r="FH33" s="102">
        <v>14</v>
      </c>
      <c r="FI33" s="102">
        <v>11</v>
      </c>
      <c r="FJ33" s="103">
        <v>77</v>
      </c>
      <c r="FK33" s="104">
        <v>96</v>
      </c>
      <c r="FL33" s="101">
        <v>2</v>
      </c>
      <c r="FM33" s="102">
        <v>7</v>
      </c>
      <c r="FN33" s="103">
        <v>9</v>
      </c>
      <c r="FO33" s="413">
        <v>0</v>
      </c>
      <c r="FP33" s="102">
        <v>38</v>
      </c>
      <c r="FQ33" s="102">
        <v>26</v>
      </c>
      <c r="FR33" s="102">
        <v>33</v>
      </c>
      <c r="FS33" s="102">
        <v>34</v>
      </c>
      <c r="FT33" s="102">
        <v>18</v>
      </c>
      <c r="FU33" s="103">
        <v>149</v>
      </c>
      <c r="FV33" s="104">
        <v>158</v>
      </c>
      <c r="FW33" s="101">
        <v>0</v>
      </c>
      <c r="FX33" s="102">
        <v>0</v>
      </c>
      <c r="FY33" s="103">
        <v>0</v>
      </c>
      <c r="FZ33" s="413">
        <v>0</v>
      </c>
      <c r="GA33" s="102">
        <v>0</v>
      </c>
      <c r="GB33" s="102">
        <v>1</v>
      </c>
      <c r="GC33" s="102">
        <v>2</v>
      </c>
      <c r="GD33" s="102">
        <v>0</v>
      </c>
      <c r="GE33" s="102">
        <v>2</v>
      </c>
      <c r="GF33" s="103">
        <v>5</v>
      </c>
      <c r="GG33" s="104">
        <v>5</v>
      </c>
      <c r="GH33" s="101">
        <v>38</v>
      </c>
      <c r="GI33" s="102">
        <v>30</v>
      </c>
      <c r="GJ33" s="103">
        <v>68</v>
      </c>
      <c r="GK33" s="413">
        <v>0</v>
      </c>
      <c r="GL33" s="102">
        <v>103</v>
      </c>
      <c r="GM33" s="102">
        <v>73</v>
      </c>
      <c r="GN33" s="102">
        <v>67</v>
      </c>
      <c r="GO33" s="102">
        <v>66</v>
      </c>
      <c r="GP33" s="102">
        <v>45</v>
      </c>
      <c r="GQ33" s="103">
        <v>354</v>
      </c>
      <c r="GR33" s="104">
        <v>422</v>
      </c>
      <c r="GS33" s="105">
        <v>66</v>
      </c>
      <c r="GT33" s="97">
        <v>45</v>
      </c>
      <c r="GU33" s="98">
        <v>111</v>
      </c>
      <c r="GV33" s="413">
        <v>0</v>
      </c>
      <c r="GW33" s="97">
        <v>142</v>
      </c>
      <c r="GX33" s="97">
        <v>104</v>
      </c>
      <c r="GY33" s="97">
        <v>95</v>
      </c>
      <c r="GZ33" s="97">
        <v>94</v>
      </c>
      <c r="HA33" s="97">
        <v>52</v>
      </c>
      <c r="HB33" s="99">
        <v>487</v>
      </c>
      <c r="HC33" s="100">
        <v>598</v>
      </c>
      <c r="HD33" s="101">
        <v>3</v>
      </c>
      <c r="HE33" s="102">
        <v>3</v>
      </c>
      <c r="HF33" s="103">
        <v>6</v>
      </c>
      <c r="HG33" s="416">
        <v>0</v>
      </c>
      <c r="HH33" s="102">
        <v>2</v>
      </c>
      <c r="HI33" s="102">
        <v>1</v>
      </c>
      <c r="HJ33" s="102">
        <v>1</v>
      </c>
      <c r="HK33" s="102">
        <v>3</v>
      </c>
      <c r="HL33" s="102">
        <v>3</v>
      </c>
      <c r="HM33" s="103">
        <v>10</v>
      </c>
      <c r="HN33" s="104">
        <v>16</v>
      </c>
      <c r="HO33" s="101">
        <v>12</v>
      </c>
      <c r="HP33" s="102">
        <v>3</v>
      </c>
      <c r="HQ33" s="103">
        <v>15</v>
      </c>
      <c r="HR33" s="413">
        <v>0</v>
      </c>
      <c r="HS33" s="102">
        <v>7</v>
      </c>
      <c r="HT33" s="102">
        <v>12</v>
      </c>
      <c r="HU33" s="102">
        <v>2</v>
      </c>
      <c r="HV33" s="102">
        <v>9</v>
      </c>
      <c r="HW33" s="102">
        <v>2</v>
      </c>
      <c r="HX33" s="103">
        <v>32</v>
      </c>
      <c r="HY33" s="104">
        <v>47</v>
      </c>
      <c r="HZ33" s="101">
        <v>13</v>
      </c>
      <c r="IA33" s="102">
        <v>6</v>
      </c>
      <c r="IB33" s="103">
        <v>19</v>
      </c>
      <c r="IC33" s="413">
        <v>0</v>
      </c>
      <c r="ID33" s="102">
        <v>13</v>
      </c>
      <c r="IE33" s="102">
        <v>14</v>
      </c>
      <c r="IF33" s="102">
        <v>15</v>
      </c>
      <c r="IG33" s="102">
        <v>9</v>
      </c>
      <c r="IH33" s="102">
        <v>3</v>
      </c>
      <c r="II33" s="103">
        <v>54</v>
      </c>
      <c r="IJ33" s="104">
        <v>73</v>
      </c>
      <c r="IK33" s="101">
        <v>19</v>
      </c>
      <c r="IL33" s="102">
        <v>9</v>
      </c>
      <c r="IM33" s="103">
        <v>28</v>
      </c>
      <c r="IN33" s="413">
        <v>0</v>
      </c>
      <c r="IO33" s="102">
        <v>40</v>
      </c>
      <c r="IP33" s="102">
        <v>23</v>
      </c>
      <c r="IQ33" s="102">
        <v>19</v>
      </c>
      <c r="IR33" s="102">
        <v>16</v>
      </c>
      <c r="IS33" s="102">
        <v>11</v>
      </c>
      <c r="IT33" s="103">
        <v>109</v>
      </c>
      <c r="IU33" s="104">
        <v>137</v>
      </c>
      <c r="IV33" s="101">
        <v>13</v>
      </c>
      <c r="IW33" s="102">
        <v>13</v>
      </c>
      <c r="IX33" s="103">
        <v>26</v>
      </c>
      <c r="IY33" s="413">
        <v>0</v>
      </c>
      <c r="IZ33" s="102">
        <v>36</v>
      </c>
      <c r="JA33" s="102">
        <v>22</v>
      </c>
      <c r="JB33" s="102">
        <v>16</v>
      </c>
      <c r="JC33" s="102">
        <v>17</v>
      </c>
      <c r="JD33" s="102">
        <v>13</v>
      </c>
      <c r="JE33" s="103">
        <v>104</v>
      </c>
      <c r="JF33" s="104">
        <v>130</v>
      </c>
      <c r="JG33" s="101">
        <v>6</v>
      </c>
      <c r="JH33" s="102">
        <v>11</v>
      </c>
      <c r="JI33" s="103">
        <v>17</v>
      </c>
      <c r="JJ33" s="413">
        <v>0</v>
      </c>
      <c r="JK33" s="102">
        <v>44</v>
      </c>
      <c r="JL33" s="102">
        <v>32</v>
      </c>
      <c r="JM33" s="102">
        <v>42</v>
      </c>
      <c r="JN33" s="102">
        <v>40</v>
      </c>
      <c r="JO33" s="102">
        <v>20</v>
      </c>
      <c r="JP33" s="103">
        <v>178</v>
      </c>
      <c r="JQ33" s="104">
        <v>195</v>
      </c>
      <c r="JR33" s="101">
        <v>0</v>
      </c>
      <c r="JS33" s="102">
        <v>1</v>
      </c>
      <c r="JT33" s="103">
        <v>1</v>
      </c>
      <c r="JU33" s="413">
        <v>0</v>
      </c>
      <c r="JV33" s="102">
        <v>1</v>
      </c>
      <c r="JW33" s="102">
        <v>4</v>
      </c>
      <c r="JX33" s="102">
        <v>3</v>
      </c>
      <c r="JY33" s="102">
        <v>0</v>
      </c>
      <c r="JZ33" s="102">
        <v>2</v>
      </c>
      <c r="KA33" s="103">
        <v>10</v>
      </c>
      <c r="KB33" s="104">
        <v>11</v>
      </c>
      <c r="KC33" s="101">
        <v>66</v>
      </c>
      <c r="KD33" s="102">
        <v>46</v>
      </c>
      <c r="KE33" s="103">
        <v>112</v>
      </c>
      <c r="KF33" s="413">
        <v>0</v>
      </c>
      <c r="KG33" s="102">
        <v>143</v>
      </c>
      <c r="KH33" s="102">
        <v>108</v>
      </c>
      <c r="KI33" s="102">
        <v>98</v>
      </c>
      <c r="KJ33" s="102">
        <v>94</v>
      </c>
      <c r="KK33" s="102">
        <v>54</v>
      </c>
      <c r="KL33" s="103">
        <v>497</v>
      </c>
      <c r="KM33" s="104">
        <v>609</v>
      </c>
    </row>
    <row r="34" spans="2:299" s="70" customFormat="1" ht="21" customHeight="1" x14ac:dyDescent="0.2">
      <c r="B34" s="106" t="s">
        <v>31</v>
      </c>
      <c r="C34" s="96">
        <v>26</v>
      </c>
      <c r="D34" s="97">
        <v>34</v>
      </c>
      <c r="E34" s="98">
        <v>60</v>
      </c>
      <c r="F34" s="413">
        <v>0</v>
      </c>
      <c r="G34" s="97">
        <v>49</v>
      </c>
      <c r="H34" s="97">
        <v>51</v>
      </c>
      <c r="I34" s="97">
        <v>48</v>
      </c>
      <c r="J34" s="97">
        <v>33</v>
      </c>
      <c r="K34" s="97">
        <v>16</v>
      </c>
      <c r="L34" s="99">
        <v>197</v>
      </c>
      <c r="M34" s="100">
        <v>257</v>
      </c>
      <c r="N34" s="101">
        <v>3</v>
      </c>
      <c r="O34" s="102">
        <v>2</v>
      </c>
      <c r="P34" s="103">
        <v>5</v>
      </c>
      <c r="Q34" s="413">
        <v>0</v>
      </c>
      <c r="R34" s="102">
        <v>0</v>
      </c>
      <c r="S34" s="102">
        <v>3</v>
      </c>
      <c r="T34" s="102">
        <v>4</v>
      </c>
      <c r="U34" s="102">
        <v>1</v>
      </c>
      <c r="V34" s="102">
        <v>0</v>
      </c>
      <c r="W34" s="103">
        <v>8</v>
      </c>
      <c r="X34" s="104">
        <v>13</v>
      </c>
      <c r="Y34" s="101">
        <v>3</v>
      </c>
      <c r="Z34" s="102">
        <v>4</v>
      </c>
      <c r="AA34" s="103">
        <v>7</v>
      </c>
      <c r="AB34" s="413">
        <v>0</v>
      </c>
      <c r="AC34" s="102">
        <v>7</v>
      </c>
      <c r="AD34" s="102">
        <v>7</v>
      </c>
      <c r="AE34" s="102">
        <v>6</v>
      </c>
      <c r="AF34" s="102">
        <v>5</v>
      </c>
      <c r="AG34" s="102">
        <v>3</v>
      </c>
      <c r="AH34" s="103">
        <v>28</v>
      </c>
      <c r="AI34" s="104">
        <v>35</v>
      </c>
      <c r="AJ34" s="101">
        <v>5</v>
      </c>
      <c r="AK34" s="102">
        <v>7</v>
      </c>
      <c r="AL34" s="103">
        <v>12</v>
      </c>
      <c r="AM34" s="413">
        <v>0</v>
      </c>
      <c r="AN34" s="102">
        <v>10</v>
      </c>
      <c r="AO34" s="102">
        <v>10</v>
      </c>
      <c r="AP34" s="102">
        <v>6</v>
      </c>
      <c r="AQ34" s="102">
        <v>5</v>
      </c>
      <c r="AR34" s="102">
        <v>7</v>
      </c>
      <c r="AS34" s="103">
        <v>38</v>
      </c>
      <c r="AT34" s="104">
        <v>50</v>
      </c>
      <c r="AU34" s="101">
        <v>6</v>
      </c>
      <c r="AV34" s="102">
        <v>7</v>
      </c>
      <c r="AW34" s="103">
        <v>13</v>
      </c>
      <c r="AX34" s="413">
        <v>0</v>
      </c>
      <c r="AY34" s="102">
        <v>12</v>
      </c>
      <c r="AZ34" s="102">
        <v>10</v>
      </c>
      <c r="BA34" s="102">
        <v>8</v>
      </c>
      <c r="BB34" s="102">
        <v>5</v>
      </c>
      <c r="BC34" s="102">
        <v>2</v>
      </c>
      <c r="BD34" s="103">
        <v>37</v>
      </c>
      <c r="BE34" s="104">
        <v>50</v>
      </c>
      <c r="BF34" s="101">
        <v>6</v>
      </c>
      <c r="BG34" s="102">
        <v>10</v>
      </c>
      <c r="BH34" s="103">
        <v>16</v>
      </c>
      <c r="BI34" s="413">
        <v>0</v>
      </c>
      <c r="BJ34" s="102">
        <v>12</v>
      </c>
      <c r="BK34" s="102">
        <v>15</v>
      </c>
      <c r="BL34" s="102">
        <v>10</v>
      </c>
      <c r="BM34" s="102">
        <v>7</v>
      </c>
      <c r="BN34" s="102">
        <v>1</v>
      </c>
      <c r="BO34" s="103">
        <v>45</v>
      </c>
      <c r="BP34" s="104">
        <v>61</v>
      </c>
      <c r="BQ34" s="101">
        <v>3</v>
      </c>
      <c r="BR34" s="102">
        <v>4</v>
      </c>
      <c r="BS34" s="103">
        <v>7</v>
      </c>
      <c r="BT34" s="413">
        <v>0</v>
      </c>
      <c r="BU34" s="102">
        <v>8</v>
      </c>
      <c r="BV34" s="102">
        <v>6</v>
      </c>
      <c r="BW34" s="102">
        <v>14</v>
      </c>
      <c r="BX34" s="102">
        <v>10</v>
      </c>
      <c r="BY34" s="102">
        <v>3</v>
      </c>
      <c r="BZ34" s="103">
        <v>41</v>
      </c>
      <c r="CA34" s="104">
        <v>48</v>
      </c>
      <c r="CB34" s="101">
        <v>0</v>
      </c>
      <c r="CC34" s="102">
        <v>3</v>
      </c>
      <c r="CD34" s="103">
        <v>3</v>
      </c>
      <c r="CE34" s="413">
        <v>0</v>
      </c>
      <c r="CF34" s="102">
        <v>1</v>
      </c>
      <c r="CG34" s="102">
        <v>0</v>
      </c>
      <c r="CH34" s="102">
        <v>1</v>
      </c>
      <c r="CI34" s="102">
        <v>1</v>
      </c>
      <c r="CJ34" s="102">
        <v>1</v>
      </c>
      <c r="CK34" s="103">
        <v>4</v>
      </c>
      <c r="CL34" s="104">
        <v>7</v>
      </c>
      <c r="CM34" s="101">
        <v>26</v>
      </c>
      <c r="CN34" s="102">
        <v>37</v>
      </c>
      <c r="CO34" s="103">
        <v>63</v>
      </c>
      <c r="CP34" s="413">
        <v>0</v>
      </c>
      <c r="CQ34" s="102">
        <v>50</v>
      </c>
      <c r="CR34" s="102">
        <v>51</v>
      </c>
      <c r="CS34" s="102">
        <v>49</v>
      </c>
      <c r="CT34" s="102">
        <v>34</v>
      </c>
      <c r="CU34" s="102">
        <v>17</v>
      </c>
      <c r="CV34" s="103">
        <v>201</v>
      </c>
      <c r="CW34" s="104">
        <v>264</v>
      </c>
      <c r="CX34" s="105">
        <v>49</v>
      </c>
      <c r="CY34" s="97">
        <v>100</v>
      </c>
      <c r="CZ34" s="98">
        <v>149</v>
      </c>
      <c r="DA34" s="413">
        <v>0</v>
      </c>
      <c r="DB34" s="97">
        <v>106</v>
      </c>
      <c r="DC34" s="97">
        <v>85</v>
      </c>
      <c r="DD34" s="97">
        <v>79</v>
      </c>
      <c r="DE34" s="97">
        <v>56</v>
      </c>
      <c r="DF34" s="97">
        <v>36</v>
      </c>
      <c r="DG34" s="99">
        <v>362</v>
      </c>
      <c r="DH34" s="100">
        <v>511</v>
      </c>
      <c r="DI34" s="101">
        <v>1</v>
      </c>
      <c r="DJ34" s="102">
        <v>0</v>
      </c>
      <c r="DK34" s="103">
        <v>1</v>
      </c>
      <c r="DL34" s="413">
        <v>0</v>
      </c>
      <c r="DM34" s="102">
        <v>3</v>
      </c>
      <c r="DN34" s="102">
        <v>2</v>
      </c>
      <c r="DO34" s="102">
        <v>2</v>
      </c>
      <c r="DP34" s="102">
        <v>1</v>
      </c>
      <c r="DQ34" s="102">
        <v>1</v>
      </c>
      <c r="DR34" s="103">
        <v>9</v>
      </c>
      <c r="DS34" s="104">
        <v>10</v>
      </c>
      <c r="DT34" s="101">
        <v>2</v>
      </c>
      <c r="DU34" s="102">
        <v>4</v>
      </c>
      <c r="DV34" s="103">
        <v>6</v>
      </c>
      <c r="DW34" s="413">
        <v>0</v>
      </c>
      <c r="DX34" s="102">
        <v>7</v>
      </c>
      <c r="DY34" s="102">
        <v>4</v>
      </c>
      <c r="DZ34" s="102">
        <v>5</v>
      </c>
      <c r="EA34" s="102">
        <v>1</v>
      </c>
      <c r="EB34" s="102">
        <v>4</v>
      </c>
      <c r="EC34" s="103">
        <v>21</v>
      </c>
      <c r="ED34" s="104">
        <v>27</v>
      </c>
      <c r="EE34" s="101">
        <v>5</v>
      </c>
      <c r="EF34" s="102">
        <v>12</v>
      </c>
      <c r="EG34" s="103">
        <v>17</v>
      </c>
      <c r="EH34" s="413">
        <v>0</v>
      </c>
      <c r="EI34" s="102">
        <v>18</v>
      </c>
      <c r="EJ34" s="102">
        <v>9</v>
      </c>
      <c r="EK34" s="102">
        <v>5</v>
      </c>
      <c r="EL34" s="102">
        <v>6</v>
      </c>
      <c r="EM34" s="102">
        <v>2</v>
      </c>
      <c r="EN34" s="103">
        <v>40</v>
      </c>
      <c r="EO34" s="104">
        <v>57</v>
      </c>
      <c r="EP34" s="101">
        <v>14</v>
      </c>
      <c r="EQ34" s="102">
        <v>34</v>
      </c>
      <c r="ER34" s="103">
        <v>48</v>
      </c>
      <c r="ES34" s="413">
        <v>0</v>
      </c>
      <c r="ET34" s="102">
        <v>18</v>
      </c>
      <c r="EU34" s="102">
        <v>14</v>
      </c>
      <c r="EV34" s="102">
        <v>11</v>
      </c>
      <c r="EW34" s="102">
        <v>6</v>
      </c>
      <c r="EX34" s="102">
        <v>4</v>
      </c>
      <c r="EY34" s="103">
        <v>53</v>
      </c>
      <c r="EZ34" s="104">
        <v>101</v>
      </c>
      <c r="FA34" s="101">
        <v>16</v>
      </c>
      <c r="FB34" s="102">
        <v>27</v>
      </c>
      <c r="FC34" s="103">
        <v>43</v>
      </c>
      <c r="FD34" s="413">
        <v>0</v>
      </c>
      <c r="FE34" s="102">
        <v>23</v>
      </c>
      <c r="FF34" s="102">
        <v>25</v>
      </c>
      <c r="FG34" s="102">
        <v>23</v>
      </c>
      <c r="FH34" s="102">
        <v>12</v>
      </c>
      <c r="FI34" s="102">
        <v>10</v>
      </c>
      <c r="FJ34" s="103">
        <v>93</v>
      </c>
      <c r="FK34" s="104">
        <v>136</v>
      </c>
      <c r="FL34" s="101">
        <v>11</v>
      </c>
      <c r="FM34" s="102">
        <v>23</v>
      </c>
      <c r="FN34" s="103">
        <v>34</v>
      </c>
      <c r="FO34" s="413">
        <v>0</v>
      </c>
      <c r="FP34" s="102">
        <v>37</v>
      </c>
      <c r="FQ34" s="102">
        <v>31</v>
      </c>
      <c r="FR34" s="102">
        <v>33</v>
      </c>
      <c r="FS34" s="102">
        <v>30</v>
      </c>
      <c r="FT34" s="102">
        <v>15</v>
      </c>
      <c r="FU34" s="103">
        <v>146</v>
      </c>
      <c r="FV34" s="104">
        <v>180</v>
      </c>
      <c r="FW34" s="101">
        <v>0</v>
      </c>
      <c r="FX34" s="102">
        <v>0</v>
      </c>
      <c r="FY34" s="103">
        <v>0</v>
      </c>
      <c r="FZ34" s="413">
        <v>0</v>
      </c>
      <c r="GA34" s="102">
        <v>1</v>
      </c>
      <c r="GB34" s="102">
        <v>0</v>
      </c>
      <c r="GC34" s="102">
        <v>0</v>
      </c>
      <c r="GD34" s="102">
        <v>1</v>
      </c>
      <c r="GE34" s="102">
        <v>2</v>
      </c>
      <c r="GF34" s="103">
        <v>4</v>
      </c>
      <c r="GG34" s="104">
        <v>4</v>
      </c>
      <c r="GH34" s="101">
        <v>49</v>
      </c>
      <c r="GI34" s="102">
        <v>100</v>
      </c>
      <c r="GJ34" s="103">
        <v>149</v>
      </c>
      <c r="GK34" s="413">
        <v>0</v>
      </c>
      <c r="GL34" s="102">
        <v>107</v>
      </c>
      <c r="GM34" s="102">
        <v>85</v>
      </c>
      <c r="GN34" s="102">
        <v>79</v>
      </c>
      <c r="GO34" s="102">
        <v>57</v>
      </c>
      <c r="GP34" s="102">
        <v>38</v>
      </c>
      <c r="GQ34" s="103">
        <v>366</v>
      </c>
      <c r="GR34" s="104">
        <v>515</v>
      </c>
      <c r="GS34" s="105">
        <v>75</v>
      </c>
      <c r="GT34" s="97">
        <v>134</v>
      </c>
      <c r="GU34" s="98">
        <v>209</v>
      </c>
      <c r="GV34" s="413">
        <v>0</v>
      </c>
      <c r="GW34" s="97">
        <v>155</v>
      </c>
      <c r="GX34" s="97">
        <v>136</v>
      </c>
      <c r="GY34" s="97">
        <v>127</v>
      </c>
      <c r="GZ34" s="97">
        <v>89</v>
      </c>
      <c r="HA34" s="97">
        <v>52</v>
      </c>
      <c r="HB34" s="99">
        <v>559</v>
      </c>
      <c r="HC34" s="100">
        <v>768</v>
      </c>
      <c r="HD34" s="101">
        <v>4</v>
      </c>
      <c r="HE34" s="102">
        <v>2</v>
      </c>
      <c r="HF34" s="103">
        <v>6</v>
      </c>
      <c r="HG34" s="416">
        <v>0</v>
      </c>
      <c r="HH34" s="102">
        <v>3</v>
      </c>
      <c r="HI34" s="102">
        <v>5</v>
      </c>
      <c r="HJ34" s="102">
        <v>6</v>
      </c>
      <c r="HK34" s="102">
        <v>2</v>
      </c>
      <c r="HL34" s="102">
        <v>1</v>
      </c>
      <c r="HM34" s="103">
        <v>17</v>
      </c>
      <c r="HN34" s="104">
        <v>23</v>
      </c>
      <c r="HO34" s="101">
        <v>5</v>
      </c>
      <c r="HP34" s="102">
        <v>8</v>
      </c>
      <c r="HQ34" s="103">
        <v>13</v>
      </c>
      <c r="HR34" s="413">
        <v>0</v>
      </c>
      <c r="HS34" s="102">
        <v>14</v>
      </c>
      <c r="HT34" s="102">
        <v>11</v>
      </c>
      <c r="HU34" s="102">
        <v>11</v>
      </c>
      <c r="HV34" s="102">
        <v>6</v>
      </c>
      <c r="HW34" s="102">
        <v>7</v>
      </c>
      <c r="HX34" s="103">
        <v>49</v>
      </c>
      <c r="HY34" s="104">
        <v>62</v>
      </c>
      <c r="HZ34" s="101">
        <v>10</v>
      </c>
      <c r="IA34" s="102">
        <v>19</v>
      </c>
      <c r="IB34" s="103">
        <v>29</v>
      </c>
      <c r="IC34" s="413">
        <v>0</v>
      </c>
      <c r="ID34" s="102">
        <v>28</v>
      </c>
      <c r="IE34" s="102">
        <v>19</v>
      </c>
      <c r="IF34" s="102">
        <v>11</v>
      </c>
      <c r="IG34" s="102">
        <v>11</v>
      </c>
      <c r="IH34" s="102">
        <v>9</v>
      </c>
      <c r="II34" s="103">
        <v>78</v>
      </c>
      <c r="IJ34" s="104">
        <v>107</v>
      </c>
      <c r="IK34" s="101">
        <v>20</v>
      </c>
      <c r="IL34" s="102">
        <v>41</v>
      </c>
      <c r="IM34" s="103">
        <v>61</v>
      </c>
      <c r="IN34" s="413">
        <v>0</v>
      </c>
      <c r="IO34" s="102">
        <v>30</v>
      </c>
      <c r="IP34" s="102">
        <v>24</v>
      </c>
      <c r="IQ34" s="102">
        <v>19</v>
      </c>
      <c r="IR34" s="102">
        <v>11</v>
      </c>
      <c r="IS34" s="102">
        <v>6</v>
      </c>
      <c r="IT34" s="103">
        <v>90</v>
      </c>
      <c r="IU34" s="104">
        <v>151</v>
      </c>
      <c r="IV34" s="101">
        <v>22</v>
      </c>
      <c r="IW34" s="102">
        <v>37</v>
      </c>
      <c r="IX34" s="103">
        <v>59</v>
      </c>
      <c r="IY34" s="413">
        <v>0</v>
      </c>
      <c r="IZ34" s="102">
        <v>35</v>
      </c>
      <c r="JA34" s="102">
        <v>40</v>
      </c>
      <c r="JB34" s="102">
        <v>33</v>
      </c>
      <c r="JC34" s="102">
        <v>19</v>
      </c>
      <c r="JD34" s="102">
        <v>11</v>
      </c>
      <c r="JE34" s="103">
        <v>138</v>
      </c>
      <c r="JF34" s="104">
        <v>197</v>
      </c>
      <c r="JG34" s="101">
        <v>14</v>
      </c>
      <c r="JH34" s="102">
        <v>27</v>
      </c>
      <c r="JI34" s="103">
        <v>41</v>
      </c>
      <c r="JJ34" s="413">
        <v>0</v>
      </c>
      <c r="JK34" s="102">
        <v>45</v>
      </c>
      <c r="JL34" s="102">
        <v>37</v>
      </c>
      <c r="JM34" s="102">
        <v>47</v>
      </c>
      <c r="JN34" s="102">
        <v>40</v>
      </c>
      <c r="JO34" s="102">
        <v>18</v>
      </c>
      <c r="JP34" s="103">
        <v>187</v>
      </c>
      <c r="JQ34" s="104">
        <v>228</v>
      </c>
      <c r="JR34" s="101">
        <v>0</v>
      </c>
      <c r="JS34" s="102">
        <v>3</v>
      </c>
      <c r="JT34" s="103">
        <v>3</v>
      </c>
      <c r="JU34" s="413">
        <v>0</v>
      </c>
      <c r="JV34" s="102">
        <v>2</v>
      </c>
      <c r="JW34" s="102">
        <v>0</v>
      </c>
      <c r="JX34" s="102">
        <v>1</v>
      </c>
      <c r="JY34" s="102">
        <v>2</v>
      </c>
      <c r="JZ34" s="102">
        <v>3</v>
      </c>
      <c r="KA34" s="103">
        <v>8</v>
      </c>
      <c r="KB34" s="104">
        <v>11</v>
      </c>
      <c r="KC34" s="101">
        <v>75</v>
      </c>
      <c r="KD34" s="102">
        <v>137</v>
      </c>
      <c r="KE34" s="103">
        <v>212</v>
      </c>
      <c r="KF34" s="413">
        <v>0</v>
      </c>
      <c r="KG34" s="102">
        <v>157</v>
      </c>
      <c r="KH34" s="102">
        <v>136</v>
      </c>
      <c r="KI34" s="102">
        <v>128</v>
      </c>
      <c r="KJ34" s="102">
        <v>91</v>
      </c>
      <c r="KK34" s="102">
        <v>55</v>
      </c>
      <c r="KL34" s="103">
        <v>567</v>
      </c>
      <c r="KM34" s="104">
        <v>779</v>
      </c>
    </row>
    <row r="35" spans="2:299" s="70" customFormat="1" ht="21" customHeight="1" x14ac:dyDescent="0.2">
      <c r="B35" s="106" t="s">
        <v>32</v>
      </c>
      <c r="C35" s="96">
        <v>41</v>
      </c>
      <c r="D35" s="97">
        <v>34</v>
      </c>
      <c r="E35" s="98">
        <v>75</v>
      </c>
      <c r="F35" s="413">
        <v>0</v>
      </c>
      <c r="G35" s="97">
        <v>80</v>
      </c>
      <c r="H35" s="97">
        <v>58</v>
      </c>
      <c r="I35" s="97">
        <v>27</v>
      </c>
      <c r="J35" s="97">
        <v>33</v>
      </c>
      <c r="K35" s="97">
        <v>21</v>
      </c>
      <c r="L35" s="99">
        <v>219</v>
      </c>
      <c r="M35" s="100">
        <v>294</v>
      </c>
      <c r="N35" s="101">
        <v>5</v>
      </c>
      <c r="O35" s="102">
        <v>2</v>
      </c>
      <c r="P35" s="103">
        <v>7</v>
      </c>
      <c r="Q35" s="413">
        <v>0</v>
      </c>
      <c r="R35" s="102">
        <v>3</v>
      </c>
      <c r="S35" s="102">
        <v>4</v>
      </c>
      <c r="T35" s="102">
        <v>3</v>
      </c>
      <c r="U35" s="102">
        <v>1</v>
      </c>
      <c r="V35" s="102">
        <v>0</v>
      </c>
      <c r="W35" s="103">
        <v>11</v>
      </c>
      <c r="X35" s="104">
        <v>18</v>
      </c>
      <c r="Y35" s="101">
        <v>4</v>
      </c>
      <c r="Z35" s="102">
        <v>1</v>
      </c>
      <c r="AA35" s="103">
        <v>5</v>
      </c>
      <c r="AB35" s="413">
        <v>0</v>
      </c>
      <c r="AC35" s="102">
        <v>8</v>
      </c>
      <c r="AD35" s="102">
        <v>2</v>
      </c>
      <c r="AE35" s="102">
        <v>2</v>
      </c>
      <c r="AF35" s="102">
        <v>6</v>
      </c>
      <c r="AG35" s="102">
        <v>2</v>
      </c>
      <c r="AH35" s="103">
        <v>20</v>
      </c>
      <c r="AI35" s="104">
        <v>25</v>
      </c>
      <c r="AJ35" s="101">
        <v>7</v>
      </c>
      <c r="AK35" s="102">
        <v>3</v>
      </c>
      <c r="AL35" s="103">
        <v>10</v>
      </c>
      <c r="AM35" s="413">
        <v>0</v>
      </c>
      <c r="AN35" s="102">
        <v>12</v>
      </c>
      <c r="AO35" s="102">
        <v>10</v>
      </c>
      <c r="AP35" s="102">
        <v>5</v>
      </c>
      <c r="AQ35" s="102">
        <v>3</v>
      </c>
      <c r="AR35" s="102">
        <v>5</v>
      </c>
      <c r="AS35" s="103">
        <v>35</v>
      </c>
      <c r="AT35" s="104">
        <v>45</v>
      </c>
      <c r="AU35" s="101">
        <v>13</v>
      </c>
      <c r="AV35" s="102">
        <v>12</v>
      </c>
      <c r="AW35" s="103">
        <v>25</v>
      </c>
      <c r="AX35" s="413">
        <v>0</v>
      </c>
      <c r="AY35" s="102">
        <v>24</v>
      </c>
      <c r="AZ35" s="102">
        <v>15</v>
      </c>
      <c r="BA35" s="102">
        <v>7</v>
      </c>
      <c r="BB35" s="102">
        <v>6</v>
      </c>
      <c r="BC35" s="102">
        <v>6</v>
      </c>
      <c r="BD35" s="103">
        <v>58</v>
      </c>
      <c r="BE35" s="104">
        <v>83</v>
      </c>
      <c r="BF35" s="101">
        <v>3</v>
      </c>
      <c r="BG35" s="102">
        <v>12</v>
      </c>
      <c r="BH35" s="103">
        <v>15</v>
      </c>
      <c r="BI35" s="413">
        <v>0</v>
      </c>
      <c r="BJ35" s="102">
        <v>19</v>
      </c>
      <c r="BK35" s="102">
        <v>16</v>
      </c>
      <c r="BL35" s="102">
        <v>7</v>
      </c>
      <c r="BM35" s="102">
        <v>13</v>
      </c>
      <c r="BN35" s="102">
        <v>4</v>
      </c>
      <c r="BO35" s="103">
        <v>59</v>
      </c>
      <c r="BP35" s="104">
        <v>74</v>
      </c>
      <c r="BQ35" s="101">
        <v>9</v>
      </c>
      <c r="BR35" s="102">
        <v>4</v>
      </c>
      <c r="BS35" s="103">
        <v>13</v>
      </c>
      <c r="BT35" s="413">
        <v>0</v>
      </c>
      <c r="BU35" s="102">
        <v>14</v>
      </c>
      <c r="BV35" s="102">
        <v>11</v>
      </c>
      <c r="BW35" s="102">
        <v>3</v>
      </c>
      <c r="BX35" s="102">
        <v>4</v>
      </c>
      <c r="BY35" s="102">
        <v>4</v>
      </c>
      <c r="BZ35" s="103">
        <v>36</v>
      </c>
      <c r="CA35" s="104">
        <v>49</v>
      </c>
      <c r="CB35" s="101">
        <v>0</v>
      </c>
      <c r="CC35" s="102">
        <v>3</v>
      </c>
      <c r="CD35" s="103">
        <v>3</v>
      </c>
      <c r="CE35" s="413">
        <v>0</v>
      </c>
      <c r="CF35" s="102">
        <v>4</v>
      </c>
      <c r="CG35" s="102">
        <v>2</v>
      </c>
      <c r="CH35" s="102">
        <v>3</v>
      </c>
      <c r="CI35" s="102">
        <v>0</v>
      </c>
      <c r="CJ35" s="102">
        <v>4</v>
      </c>
      <c r="CK35" s="103">
        <v>13</v>
      </c>
      <c r="CL35" s="104">
        <v>16</v>
      </c>
      <c r="CM35" s="101">
        <v>41</v>
      </c>
      <c r="CN35" s="102">
        <v>37</v>
      </c>
      <c r="CO35" s="103">
        <v>78</v>
      </c>
      <c r="CP35" s="413">
        <v>0</v>
      </c>
      <c r="CQ35" s="102">
        <v>84</v>
      </c>
      <c r="CR35" s="102">
        <v>60</v>
      </c>
      <c r="CS35" s="102">
        <v>30</v>
      </c>
      <c r="CT35" s="102">
        <v>33</v>
      </c>
      <c r="CU35" s="102">
        <v>25</v>
      </c>
      <c r="CV35" s="103">
        <v>232</v>
      </c>
      <c r="CW35" s="104">
        <v>310</v>
      </c>
      <c r="CX35" s="105">
        <v>54</v>
      </c>
      <c r="CY35" s="97">
        <v>80</v>
      </c>
      <c r="CZ35" s="98">
        <v>134</v>
      </c>
      <c r="DA35" s="413">
        <v>0</v>
      </c>
      <c r="DB35" s="97">
        <v>145</v>
      </c>
      <c r="DC35" s="97">
        <v>90</v>
      </c>
      <c r="DD35" s="97">
        <v>72</v>
      </c>
      <c r="DE35" s="97">
        <v>89</v>
      </c>
      <c r="DF35" s="97">
        <v>50</v>
      </c>
      <c r="DG35" s="99">
        <v>446</v>
      </c>
      <c r="DH35" s="100">
        <v>580</v>
      </c>
      <c r="DI35" s="101">
        <v>0</v>
      </c>
      <c r="DJ35" s="102">
        <v>3</v>
      </c>
      <c r="DK35" s="103">
        <v>3</v>
      </c>
      <c r="DL35" s="413">
        <v>0</v>
      </c>
      <c r="DM35" s="102">
        <v>2</v>
      </c>
      <c r="DN35" s="102">
        <v>3</v>
      </c>
      <c r="DO35" s="102">
        <v>0</v>
      </c>
      <c r="DP35" s="102">
        <v>0</v>
      </c>
      <c r="DQ35" s="102">
        <v>1</v>
      </c>
      <c r="DR35" s="103">
        <v>6</v>
      </c>
      <c r="DS35" s="104">
        <v>9</v>
      </c>
      <c r="DT35" s="101">
        <v>6</v>
      </c>
      <c r="DU35" s="102">
        <v>2</v>
      </c>
      <c r="DV35" s="103">
        <v>8</v>
      </c>
      <c r="DW35" s="413">
        <v>0</v>
      </c>
      <c r="DX35" s="102">
        <v>4</v>
      </c>
      <c r="DY35" s="102">
        <v>3</v>
      </c>
      <c r="DZ35" s="102">
        <v>2</v>
      </c>
      <c r="EA35" s="102">
        <v>4</v>
      </c>
      <c r="EB35" s="102">
        <v>1</v>
      </c>
      <c r="EC35" s="103">
        <v>14</v>
      </c>
      <c r="ED35" s="104">
        <v>22</v>
      </c>
      <c r="EE35" s="101">
        <v>4</v>
      </c>
      <c r="EF35" s="102">
        <v>11</v>
      </c>
      <c r="EG35" s="103">
        <v>15</v>
      </c>
      <c r="EH35" s="413">
        <v>0</v>
      </c>
      <c r="EI35" s="102">
        <v>21</v>
      </c>
      <c r="EJ35" s="102">
        <v>7</v>
      </c>
      <c r="EK35" s="102">
        <v>9</v>
      </c>
      <c r="EL35" s="102">
        <v>3</v>
      </c>
      <c r="EM35" s="102">
        <v>5</v>
      </c>
      <c r="EN35" s="103">
        <v>45</v>
      </c>
      <c r="EO35" s="104">
        <v>60</v>
      </c>
      <c r="EP35" s="101">
        <v>24</v>
      </c>
      <c r="EQ35" s="102">
        <v>20</v>
      </c>
      <c r="ER35" s="103">
        <v>44</v>
      </c>
      <c r="ES35" s="413">
        <v>0</v>
      </c>
      <c r="ET35" s="102">
        <v>38</v>
      </c>
      <c r="EU35" s="102">
        <v>20</v>
      </c>
      <c r="EV35" s="102">
        <v>18</v>
      </c>
      <c r="EW35" s="102">
        <v>19</v>
      </c>
      <c r="EX35" s="102">
        <v>9</v>
      </c>
      <c r="EY35" s="103">
        <v>104</v>
      </c>
      <c r="EZ35" s="104">
        <v>148</v>
      </c>
      <c r="FA35" s="101">
        <v>12</v>
      </c>
      <c r="FB35" s="102">
        <v>19</v>
      </c>
      <c r="FC35" s="103">
        <v>31</v>
      </c>
      <c r="FD35" s="413">
        <v>0</v>
      </c>
      <c r="FE35" s="102">
        <v>39</v>
      </c>
      <c r="FF35" s="102">
        <v>22</v>
      </c>
      <c r="FG35" s="102">
        <v>17</v>
      </c>
      <c r="FH35" s="102">
        <v>18</v>
      </c>
      <c r="FI35" s="102">
        <v>12</v>
      </c>
      <c r="FJ35" s="103">
        <v>108</v>
      </c>
      <c r="FK35" s="104">
        <v>139</v>
      </c>
      <c r="FL35" s="101">
        <v>8</v>
      </c>
      <c r="FM35" s="102">
        <v>25</v>
      </c>
      <c r="FN35" s="103">
        <v>33</v>
      </c>
      <c r="FO35" s="413">
        <v>0</v>
      </c>
      <c r="FP35" s="102">
        <v>41</v>
      </c>
      <c r="FQ35" s="102">
        <v>35</v>
      </c>
      <c r="FR35" s="102">
        <v>26</v>
      </c>
      <c r="FS35" s="102">
        <v>45</v>
      </c>
      <c r="FT35" s="102">
        <v>22</v>
      </c>
      <c r="FU35" s="103">
        <v>169</v>
      </c>
      <c r="FV35" s="104">
        <v>202</v>
      </c>
      <c r="FW35" s="101">
        <v>1</v>
      </c>
      <c r="FX35" s="102">
        <v>2</v>
      </c>
      <c r="FY35" s="103">
        <v>3</v>
      </c>
      <c r="FZ35" s="413">
        <v>0</v>
      </c>
      <c r="GA35" s="102">
        <v>2</v>
      </c>
      <c r="GB35" s="102">
        <v>3</v>
      </c>
      <c r="GC35" s="102">
        <v>2</v>
      </c>
      <c r="GD35" s="102">
        <v>0</v>
      </c>
      <c r="GE35" s="102">
        <v>0</v>
      </c>
      <c r="GF35" s="103">
        <v>7</v>
      </c>
      <c r="GG35" s="104">
        <v>10</v>
      </c>
      <c r="GH35" s="101">
        <v>55</v>
      </c>
      <c r="GI35" s="102">
        <v>82</v>
      </c>
      <c r="GJ35" s="103">
        <v>137</v>
      </c>
      <c r="GK35" s="413">
        <v>0</v>
      </c>
      <c r="GL35" s="102">
        <v>147</v>
      </c>
      <c r="GM35" s="102">
        <v>93</v>
      </c>
      <c r="GN35" s="102">
        <v>74</v>
      </c>
      <c r="GO35" s="102">
        <v>89</v>
      </c>
      <c r="GP35" s="102">
        <v>50</v>
      </c>
      <c r="GQ35" s="103">
        <v>453</v>
      </c>
      <c r="GR35" s="104">
        <v>590</v>
      </c>
      <c r="GS35" s="105">
        <v>95</v>
      </c>
      <c r="GT35" s="97">
        <v>114</v>
      </c>
      <c r="GU35" s="98">
        <v>209</v>
      </c>
      <c r="GV35" s="413">
        <v>0</v>
      </c>
      <c r="GW35" s="97">
        <v>225</v>
      </c>
      <c r="GX35" s="97">
        <v>148</v>
      </c>
      <c r="GY35" s="97">
        <v>99</v>
      </c>
      <c r="GZ35" s="97">
        <v>122</v>
      </c>
      <c r="HA35" s="97">
        <v>71</v>
      </c>
      <c r="HB35" s="99">
        <v>665</v>
      </c>
      <c r="HC35" s="100">
        <v>874</v>
      </c>
      <c r="HD35" s="101">
        <v>5</v>
      </c>
      <c r="HE35" s="102">
        <v>5</v>
      </c>
      <c r="HF35" s="103">
        <v>10</v>
      </c>
      <c r="HG35" s="416">
        <v>0</v>
      </c>
      <c r="HH35" s="102">
        <v>5</v>
      </c>
      <c r="HI35" s="102">
        <v>7</v>
      </c>
      <c r="HJ35" s="102">
        <v>3</v>
      </c>
      <c r="HK35" s="102">
        <v>1</v>
      </c>
      <c r="HL35" s="102">
        <v>1</v>
      </c>
      <c r="HM35" s="103">
        <v>17</v>
      </c>
      <c r="HN35" s="104">
        <v>27</v>
      </c>
      <c r="HO35" s="101">
        <v>10</v>
      </c>
      <c r="HP35" s="102">
        <v>3</v>
      </c>
      <c r="HQ35" s="103">
        <v>13</v>
      </c>
      <c r="HR35" s="413">
        <v>0</v>
      </c>
      <c r="HS35" s="102">
        <v>12</v>
      </c>
      <c r="HT35" s="102">
        <v>5</v>
      </c>
      <c r="HU35" s="102">
        <v>4</v>
      </c>
      <c r="HV35" s="102">
        <v>10</v>
      </c>
      <c r="HW35" s="102">
        <v>3</v>
      </c>
      <c r="HX35" s="103">
        <v>34</v>
      </c>
      <c r="HY35" s="104">
        <v>47</v>
      </c>
      <c r="HZ35" s="101">
        <v>11</v>
      </c>
      <c r="IA35" s="102">
        <v>14</v>
      </c>
      <c r="IB35" s="103">
        <v>25</v>
      </c>
      <c r="IC35" s="413">
        <v>0</v>
      </c>
      <c r="ID35" s="102">
        <v>33</v>
      </c>
      <c r="IE35" s="102">
        <v>17</v>
      </c>
      <c r="IF35" s="102">
        <v>14</v>
      </c>
      <c r="IG35" s="102">
        <v>6</v>
      </c>
      <c r="IH35" s="102">
        <v>10</v>
      </c>
      <c r="II35" s="103">
        <v>80</v>
      </c>
      <c r="IJ35" s="104">
        <v>105</v>
      </c>
      <c r="IK35" s="101">
        <v>37</v>
      </c>
      <c r="IL35" s="102">
        <v>32</v>
      </c>
      <c r="IM35" s="103">
        <v>69</v>
      </c>
      <c r="IN35" s="413">
        <v>0</v>
      </c>
      <c r="IO35" s="102">
        <v>62</v>
      </c>
      <c r="IP35" s="102">
        <v>35</v>
      </c>
      <c r="IQ35" s="102">
        <v>25</v>
      </c>
      <c r="IR35" s="102">
        <v>25</v>
      </c>
      <c r="IS35" s="102">
        <v>15</v>
      </c>
      <c r="IT35" s="103">
        <v>162</v>
      </c>
      <c r="IU35" s="104">
        <v>231</v>
      </c>
      <c r="IV35" s="101">
        <v>15</v>
      </c>
      <c r="IW35" s="102">
        <v>31</v>
      </c>
      <c r="IX35" s="103">
        <v>46</v>
      </c>
      <c r="IY35" s="413">
        <v>0</v>
      </c>
      <c r="IZ35" s="102">
        <v>58</v>
      </c>
      <c r="JA35" s="102">
        <v>38</v>
      </c>
      <c r="JB35" s="102">
        <v>24</v>
      </c>
      <c r="JC35" s="102">
        <v>31</v>
      </c>
      <c r="JD35" s="102">
        <v>16</v>
      </c>
      <c r="JE35" s="103">
        <v>167</v>
      </c>
      <c r="JF35" s="104">
        <v>213</v>
      </c>
      <c r="JG35" s="101">
        <v>17</v>
      </c>
      <c r="JH35" s="102">
        <v>29</v>
      </c>
      <c r="JI35" s="103">
        <v>46</v>
      </c>
      <c r="JJ35" s="413">
        <v>0</v>
      </c>
      <c r="JK35" s="102">
        <v>55</v>
      </c>
      <c r="JL35" s="102">
        <v>46</v>
      </c>
      <c r="JM35" s="102">
        <v>29</v>
      </c>
      <c r="JN35" s="102">
        <v>49</v>
      </c>
      <c r="JO35" s="102">
        <v>26</v>
      </c>
      <c r="JP35" s="103">
        <v>205</v>
      </c>
      <c r="JQ35" s="104">
        <v>251</v>
      </c>
      <c r="JR35" s="101">
        <v>1</v>
      </c>
      <c r="JS35" s="102">
        <v>5</v>
      </c>
      <c r="JT35" s="103">
        <v>6</v>
      </c>
      <c r="JU35" s="413">
        <v>0</v>
      </c>
      <c r="JV35" s="102">
        <v>6</v>
      </c>
      <c r="JW35" s="102">
        <v>5</v>
      </c>
      <c r="JX35" s="102">
        <v>5</v>
      </c>
      <c r="JY35" s="102">
        <v>0</v>
      </c>
      <c r="JZ35" s="102">
        <v>4</v>
      </c>
      <c r="KA35" s="103">
        <v>20</v>
      </c>
      <c r="KB35" s="104">
        <v>26</v>
      </c>
      <c r="KC35" s="101">
        <v>96</v>
      </c>
      <c r="KD35" s="102">
        <v>119</v>
      </c>
      <c r="KE35" s="103">
        <v>215</v>
      </c>
      <c r="KF35" s="413">
        <v>0</v>
      </c>
      <c r="KG35" s="102">
        <v>231</v>
      </c>
      <c r="KH35" s="102">
        <v>153</v>
      </c>
      <c r="KI35" s="102">
        <v>104</v>
      </c>
      <c r="KJ35" s="102">
        <v>122</v>
      </c>
      <c r="KK35" s="102">
        <v>75</v>
      </c>
      <c r="KL35" s="103">
        <v>685</v>
      </c>
      <c r="KM35" s="104">
        <v>900</v>
      </c>
    </row>
    <row r="36" spans="2:299" s="70" customFormat="1" ht="21" customHeight="1" x14ac:dyDescent="0.2">
      <c r="B36" s="106" t="s">
        <v>33</v>
      </c>
      <c r="C36" s="96">
        <v>29</v>
      </c>
      <c r="D36" s="97">
        <v>30</v>
      </c>
      <c r="E36" s="98">
        <v>59</v>
      </c>
      <c r="F36" s="413">
        <v>0</v>
      </c>
      <c r="G36" s="97">
        <v>81</v>
      </c>
      <c r="H36" s="97">
        <v>35</v>
      </c>
      <c r="I36" s="97">
        <v>48</v>
      </c>
      <c r="J36" s="97">
        <v>27</v>
      </c>
      <c r="K36" s="97">
        <v>18</v>
      </c>
      <c r="L36" s="99">
        <v>209</v>
      </c>
      <c r="M36" s="100">
        <v>268</v>
      </c>
      <c r="N36" s="101">
        <v>1</v>
      </c>
      <c r="O36" s="102">
        <v>1</v>
      </c>
      <c r="P36" s="103">
        <v>2</v>
      </c>
      <c r="Q36" s="413">
        <v>0</v>
      </c>
      <c r="R36" s="102">
        <v>6</v>
      </c>
      <c r="S36" s="102">
        <v>2</v>
      </c>
      <c r="T36" s="102">
        <v>1</v>
      </c>
      <c r="U36" s="102">
        <v>1</v>
      </c>
      <c r="V36" s="102">
        <v>0</v>
      </c>
      <c r="W36" s="103">
        <v>10</v>
      </c>
      <c r="X36" s="104">
        <v>12</v>
      </c>
      <c r="Y36" s="101">
        <v>1</v>
      </c>
      <c r="Z36" s="102">
        <v>2</v>
      </c>
      <c r="AA36" s="103">
        <v>3</v>
      </c>
      <c r="AB36" s="413">
        <v>0</v>
      </c>
      <c r="AC36" s="102">
        <v>11</v>
      </c>
      <c r="AD36" s="102">
        <v>3</v>
      </c>
      <c r="AE36" s="102">
        <v>9</v>
      </c>
      <c r="AF36" s="102">
        <v>5</v>
      </c>
      <c r="AG36" s="102">
        <v>3</v>
      </c>
      <c r="AH36" s="103">
        <v>31</v>
      </c>
      <c r="AI36" s="104">
        <v>34</v>
      </c>
      <c r="AJ36" s="101">
        <v>8</v>
      </c>
      <c r="AK36" s="102">
        <v>5</v>
      </c>
      <c r="AL36" s="103">
        <v>13</v>
      </c>
      <c r="AM36" s="413">
        <v>0</v>
      </c>
      <c r="AN36" s="102">
        <v>8</v>
      </c>
      <c r="AO36" s="102">
        <v>10</v>
      </c>
      <c r="AP36" s="102">
        <v>12</v>
      </c>
      <c r="AQ36" s="102">
        <v>4</v>
      </c>
      <c r="AR36" s="102">
        <v>4</v>
      </c>
      <c r="AS36" s="103">
        <v>38</v>
      </c>
      <c r="AT36" s="104">
        <v>51</v>
      </c>
      <c r="AU36" s="101">
        <v>13</v>
      </c>
      <c r="AV36" s="102">
        <v>8</v>
      </c>
      <c r="AW36" s="103">
        <v>21</v>
      </c>
      <c r="AX36" s="413">
        <v>0</v>
      </c>
      <c r="AY36" s="102">
        <v>22</v>
      </c>
      <c r="AZ36" s="102">
        <v>9</v>
      </c>
      <c r="BA36" s="102">
        <v>12</v>
      </c>
      <c r="BB36" s="102">
        <v>5</v>
      </c>
      <c r="BC36" s="102">
        <v>5</v>
      </c>
      <c r="BD36" s="103">
        <v>53</v>
      </c>
      <c r="BE36" s="104">
        <v>74</v>
      </c>
      <c r="BF36" s="101">
        <v>4</v>
      </c>
      <c r="BG36" s="102">
        <v>9</v>
      </c>
      <c r="BH36" s="103">
        <v>13</v>
      </c>
      <c r="BI36" s="413">
        <v>0</v>
      </c>
      <c r="BJ36" s="102">
        <v>19</v>
      </c>
      <c r="BK36" s="102">
        <v>6</v>
      </c>
      <c r="BL36" s="102">
        <v>8</v>
      </c>
      <c r="BM36" s="102">
        <v>7</v>
      </c>
      <c r="BN36" s="102">
        <v>2</v>
      </c>
      <c r="BO36" s="103">
        <v>42</v>
      </c>
      <c r="BP36" s="104">
        <v>55</v>
      </c>
      <c r="BQ36" s="101">
        <v>2</v>
      </c>
      <c r="BR36" s="102">
        <v>5</v>
      </c>
      <c r="BS36" s="103">
        <v>7</v>
      </c>
      <c r="BT36" s="413">
        <v>0</v>
      </c>
      <c r="BU36" s="102">
        <v>15</v>
      </c>
      <c r="BV36" s="102">
        <v>5</v>
      </c>
      <c r="BW36" s="102">
        <v>6</v>
      </c>
      <c r="BX36" s="102">
        <v>5</v>
      </c>
      <c r="BY36" s="102">
        <v>4</v>
      </c>
      <c r="BZ36" s="103">
        <v>35</v>
      </c>
      <c r="CA36" s="104">
        <v>42</v>
      </c>
      <c r="CB36" s="101">
        <v>0</v>
      </c>
      <c r="CC36" s="102">
        <v>1</v>
      </c>
      <c r="CD36" s="103">
        <v>1</v>
      </c>
      <c r="CE36" s="413">
        <v>0</v>
      </c>
      <c r="CF36" s="102">
        <v>0</v>
      </c>
      <c r="CG36" s="102">
        <v>1</v>
      </c>
      <c r="CH36" s="102">
        <v>0</v>
      </c>
      <c r="CI36" s="102">
        <v>1</v>
      </c>
      <c r="CJ36" s="102">
        <v>0</v>
      </c>
      <c r="CK36" s="103">
        <v>2</v>
      </c>
      <c r="CL36" s="104">
        <v>3</v>
      </c>
      <c r="CM36" s="101">
        <v>29</v>
      </c>
      <c r="CN36" s="102">
        <v>31</v>
      </c>
      <c r="CO36" s="103">
        <v>60</v>
      </c>
      <c r="CP36" s="413">
        <v>0</v>
      </c>
      <c r="CQ36" s="102">
        <v>81</v>
      </c>
      <c r="CR36" s="102">
        <v>36</v>
      </c>
      <c r="CS36" s="102">
        <v>48</v>
      </c>
      <c r="CT36" s="102">
        <v>28</v>
      </c>
      <c r="CU36" s="102">
        <v>18</v>
      </c>
      <c r="CV36" s="103">
        <v>211</v>
      </c>
      <c r="CW36" s="104">
        <v>271</v>
      </c>
      <c r="CX36" s="105">
        <v>44</v>
      </c>
      <c r="CY36" s="97">
        <v>61</v>
      </c>
      <c r="CZ36" s="98">
        <v>105</v>
      </c>
      <c r="DA36" s="413">
        <v>0</v>
      </c>
      <c r="DB36" s="97">
        <v>143</v>
      </c>
      <c r="DC36" s="97">
        <v>83</v>
      </c>
      <c r="DD36" s="97">
        <v>82</v>
      </c>
      <c r="DE36" s="97">
        <v>68</v>
      </c>
      <c r="DF36" s="97">
        <v>53</v>
      </c>
      <c r="DG36" s="99">
        <v>429</v>
      </c>
      <c r="DH36" s="100">
        <v>534</v>
      </c>
      <c r="DI36" s="101">
        <v>0</v>
      </c>
      <c r="DJ36" s="102">
        <v>1</v>
      </c>
      <c r="DK36" s="103">
        <v>1</v>
      </c>
      <c r="DL36" s="413">
        <v>0</v>
      </c>
      <c r="DM36" s="102">
        <v>3</v>
      </c>
      <c r="DN36" s="102">
        <v>0</v>
      </c>
      <c r="DO36" s="102">
        <v>1</v>
      </c>
      <c r="DP36" s="102">
        <v>3</v>
      </c>
      <c r="DQ36" s="102">
        <v>1</v>
      </c>
      <c r="DR36" s="103">
        <v>8</v>
      </c>
      <c r="DS36" s="104">
        <v>9</v>
      </c>
      <c r="DT36" s="101">
        <v>4</v>
      </c>
      <c r="DU36" s="102">
        <v>6</v>
      </c>
      <c r="DV36" s="103">
        <v>10</v>
      </c>
      <c r="DW36" s="413">
        <v>0</v>
      </c>
      <c r="DX36" s="102">
        <v>3</v>
      </c>
      <c r="DY36" s="102">
        <v>4</v>
      </c>
      <c r="DZ36" s="102">
        <v>2</v>
      </c>
      <c r="EA36" s="102">
        <v>3</v>
      </c>
      <c r="EB36" s="102">
        <v>0</v>
      </c>
      <c r="EC36" s="103">
        <v>12</v>
      </c>
      <c r="ED36" s="104">
        <v>22</v>
      </c>
      <c r="EE36" s="101">
        <v>6</v>
      </c>
      <c r="EF36" s="102">
        <v>9</v>
      </c>
      <c r="EG36" s="103">
        <v>15</v>
      </c>
      <c r="EH36" s="413">
        <v>0</v>
      </c>
      <c r="EI36" s="102">
        <v>11</v>
      </c>
      <c r="EJ36" s="102">
        <v>6</v>
      </c>
      <c r="EK36" s="102">
        <v>5</v>
      </c>
      <c r="EL36" s="102">
        <v>7</v>
      </c>
      <c r="EM36" s="102">
        <v>7</v>
      </c>
      <c r="EN36" s="103">
        <v>36</v>
      </c>
      <c r="EO36" s="104">
        <v>51</v>
      </c>
      <c r="EP36" s="101">
        <v>8</v>
      </c>
      <c r="EQ36" s="102">
        <v>16</v>
      </c>
      <c r="ER36" s="103">
        <v>24</v>
      </c>
      <c r="ES36" s="413">
        <v>0</v>
      </c>
      <c r="ET36" s="102">
        <v>31</v>
      </c>
      <c r="EU36" s="102">
        <v>15</v>
      </c>
      <c r="EV36" s="102">
        <v>15</v>
      </c>
      <c r="EW36" s="102">
        <v>9</v>
      </c>
      <c r="EX36" s="102">
        <v>10</v>
      </c>
      <c r="EY36" s="103">
        <v>80</v>
      </c>
      <c r="EZ36" s="104">
        <v>104</v>
      </c>
      <c r="FA36" s="101">
        <v>19</v>
      </c>
      <c r="FB36" s="102">
        <v>16</v>
      </c>
      <c r="FC36" s="103">
        <v>35</v>
      </c>
      <c r="FD36" s="413">
        <v>0</v>
      </c>
      <c r="FE36" s="102">
        <v>46</v>
      </c>
      <c r="FF36" s="102">
        <v>21</v>
      </c>
      <c r="FG36" s="102">
        <v>22</v>
      </c>
      <c r="FH36" s="102">
        <v>20</v>
      </c>
      <c r="FI36" s="102">
        <v>16</v>
      </c>
      <c r="FJ36" s="103">
        <v>125</v>
      </c>
      <c r="FK36" s="104">
        <v>160</v>
      </c>
      <c r="FL36" s="101">
        <v>7</v>
      </c>
      <c r="FM36" s="102">
        <v>13</v>
      </c>
      <c r="FN36" s="103">
        <v>20</v>
      </c>
      <c r="FO36" s="413">
        <v>0</v>
      </c>
      <c r="FP36" s="102">
        <v>49</v>
      </c>
      <c r="FQ36" s="102">
        <v>37</v>
      </c>
      <c r="FR36" s="102">
        <v>37</v>
      </c>
      <c r="FS36" s="102">
        <v>26</v>
      </c>
      <c r="FT36" s="102">
        <v>19</v>
      </c>
      <c r="FU36" s="103">
        <v>168</v>
      </c>
      <c r="FV36" s="104">
        <v>188</v>
      </c>
      <c r="FW36" s="101">
        <v>1</v>
      </c>
      <c r="FX36" s="102">
        <v>0</v>
      </c>
      <c r="FY36" s="103">
        <v>1</v>
      </c>
      <c r="FZ36" s="413">
        <v>0</v>
      </c>
      <c r="GA36" s="102">
        <v>1</v>
      </c>
      <c r="GB36" s="102">
        <v>0</v>
      </c>
      <c r="GC36" s="102">
        <v>0</v>
      </c>
      <c r="GD36" s="102">
        <v>0</v>
      </c>
      <c r="GE36" s="102">
        <v>1</v>
      </c>
      <c r="GF36" s="103">
        <v>2</v>
      </c>
      <c r="GG36" s="104">
        <v>3</v>
      </c>
      <c r="GH36" s="101">
        <v>45</v>
      </c>
      <c r="GI36" s="102">
        <v>61</v>
      </c>
      <c r="GJ36" s="103">
        <v>106</v>
      </c>
      <c r="GK36" s="413">
        <v>0</v>
      </c>
      <c r="GL36" s="102">
        <v>144</v>
      </c>
      <c r="GM36" s="102">
        <v>83</v>
      </c>
      <c r="GN36" s="102">
        <v>82</v>
      </c>
      <c r="GO36" s="102">
        <v>68</v>
      </c>
      <c r="GP36" s="102">
        <v>54</v>
      </c>
      <c r="GQ36" s="103">
        <v>431</v>
      </c>
      <c r="GR36" s="104">
        <v>537</v>
      </c>
      <c r="GS36" s="105">
        <v>73</v>
      </c>
      <c r="GT36" s="97">
        <v>91</v>
      </c>
      <c r="GU36" s="98">
        <v>164</v>
      </c>
      <c r="GV36" s="413">
        <v>0</v>
      </c>
      <c r="GW36" s="97">
        <v>224</v>
      </c>
      <c r="GX36" s="97">
        <v>118</v>
      </c>
      <c r="GY36" s="97">
        <v>130</v>
      </c>
      <c r="GZ36" s="97">
        <v>95</v>
      </c>
      <c r="HA36" s="97">
        <v>71</v>
      </c>
      <c r="HB36" s="99">
        <v>638</v>
      </c>
      <c r="HC36" s="100">
        <v>802</v>
      </c>
      <c r="HD36" s="101">
        <v>1</v>
      </c>
      <c r="HE36" s="102">
        <v>2</v>
      </c>
      <c r="HF36" s="103">
        <v>3</v>
      </c>
      <c r="HG36" s="416">
        <v>0</v>
      </c>
      <c r="HH36" s="102">
        <v>9</v>
      </c>
      <c r="HI36" s="102">
        <v>2</v>
      </c>
      <c r="HJ36" s="102">
        <v>2</v>
      </c>
      <c r="HK36" s="102">
        <v>4</v>
      </c>
      <c r="HL36" s="102">
        <v>1</v>
      </c>
      <c r="HM36" s="103">
        <v>18</v>
      </c>
      <c r="HN36" s="104">
        <v>21</v>
      </c>
      <c r="HO36" s="101">
        <v>5</v>
      </c>
      <c r="HP36" s="102">
        <v>8</v>
      </c>
      <c r="HQ36" s="103">
        <v>13</v>
      </c>
      <c r="HR36" s="413">
        <v>0</v>
      </c>
      <c r="HS36" s="102">
        <v>14</v>
      </c>
      <c r="HT36" s="102">
        <v>7</v>
      </c>
      <c r="HU36" s="102">
        <v>11</v>
      </c>
      <c r="HV36" s="102">
        <v>8</v>
      </c>
      <c r="HW36" s="102">
        <v>3</v>
      </c>
      <c r="HX36" s="103">
        <v>43</v>
      </c>
      <c r="HY36" s="104">
        <v>56</v>
      </c>
      <c r="HZ36" s="101">
        <v>14</v>
      </c>
      <c r="IA36" s="102">
        <v>14</v>
      </c>
      <c r="IB36" s="103">
        <v>28</v>
      </c>
      <c r="IC36" s="413">
        <v>0</v>
      </c>
      <c r="ID36" s="102">
        <v>19</v>
      </c>
      <c r="IE36" s="102">
        <v>16</v>
      </c>
      <c r="IF36" s="102">
        <v>17</v>
      </c>
      <c r="IG36" s="102">
        <v>11</v>
      </c>
      <c r="IH36" s="102">
        <v>11</v>
      </c>
      <c r="II36" s="103">
        <v>74</v>
      </c>
      <c r="IJ36" s="104">
        <v>102</v>
      </c>
      <c r="IK36" s="101">
        <v>21</v>
      </c>
      <c r="IL36" s="102">
        <v>24</v>
      </c>
      <c r="IM36" s="103">
        <v>45</v>
      </c>
      <c r="IN36" s="413">
        <v>0</v>
      </c>
      <c r="IO36" s="102">
        <v>53</v>
      </c>
      <c r="IP36" s="102">
        <v>24</v>
      </c>
      <c r="IQ36" s="102">
        <v>27</v>
      </c>
      <c r="IR36" s="102">
        <v>14</v>
      </c>
      <c r="IS36" s="102">
        <v>15</v>
      </c>
      <c r="IT36" s="103">
        <v>133</v>
      </c>
      <c r="IU36" s="104">
        <v>178</v>
      </c>
      <c r="IV36" s="101">
        <v>23</v>
      </c>
      <c r="IW36" s="102">
        <v>25</v>
      </c>
      <c r="IX36" s="103">
        <v>48</v>
      </c>
      <c r="IY36" s="413">
        <v>0</v>
      </c>
      <c r="IZ36" s="102">
        <v>65</v>
      </c>
      <c r="JA36" s="102">
        <v>27</v>
      </c>
      <c r="JB36" s="102">
        <v>30</v>
      </c>
      <c r="JC36" s="102">
        <v>27</v>
      </c>
      <c r="JD36" s="102">
        <v>18</v>
      </c>
      <c r="JE36" s="103">
        <v>167</v>
      </c>
      <c r="JF36" s="104">
        <v>215</v>
      </c>
      <c r="JG36" s="101">
        <v>9</v>
      </c>
      <c r="JH36" s="102">
        <v>18</v>
      </c>
      <c r="JI36" s="103">
        <v>27</v>
      </c>
      <c r="JJ36" s="413">
        <v>0</v>
      </c>
      <c r="JK36" s="102">
        <v>64</v>
      </c>
      <c r="JL36" s="102">
        <v>42</v>
      </c>
      <c r="JM36" s="102">
        <v>43</v>
      </c>
      <c r="JN36" s="102">
        <v>31</v>
      </c>
      <c r="JO36" s="102">
        <v>23</v>
      </c>
      <c r="JP36" s="103">
        <v>203</v>
      </c>
      <c r="JQ36" s="104">
        <v>230</v>
      </c>
      <c r="JR36" s="101">
        <v>1</v>
      </c>
      <c r="JS36" s="102">
        <v>1</v>
      </c>
      <c r="JT36" s="103">
        <v>2</v>
      </c>
      <c r="JU36" s="413">
        <v>0</v>
      </c>
      <c r="JV36" s="102">
        <v>1</v>
      </c>
      <c r="JW36" s="102">
        <v>1</v>
      </c>
      <c r="JX36" s="102">
        <v>0</v>
      </c>
      <c r="JY36" s="102">
        <v>1</v>
      </c>
      <c r="JZ36" s="102">
        <v>1</v>
      </c>
      <c r="KA36" s="103">
        <v>4</v>
      </c>
      <c r="KB36" s="104">
        <v>6</v>
      </c>
      <c r="KC36" s="101">
        <v>74</v>
      </c>
      <c r="KD36" s="102">
        <v>92</v>
      </c>
      <c r="KE36" s="103">
        <v>166</v>
      </c>
      <c r="KF36" s="413">
        <v>0</v>
      </c>
      <c r="KG36" s="102">
        <v>225</v>
      </c>
      <c r="KH36" s="102">
        <v>119</v>
      </c>
      <c r="KI36" s="102">
        <v>130</v>
      </c>
      <c r="KJ36" s="102">
        <v>96</v>
      </c>
      <c r="KK36" s="102">
        <v>72</v>
      </c>
      <c r="KL36" s="103">
        <v>642</v>
      </c>
      <c r="KM36" s="104">
        <v>808</v>
      </c>
    </row>
    <row r="37" spans="2:299" s="70" customFormat="1" ht="21" customHeight="1" x14ac:dyDescent="0.2">
      <c r="B37" s="106" t="s">
        <v>34</v>
      </c>
      <c r="C37" s="96">
        <v>16</v>
      </c>
      <c r="D37" s="97">
        <v>23</v>
      </c>
      <c r="E37" s="98">
        <v>39</v>
      </c>
      <c r="F37" s="413">
        <v>0</v>
      </c>
      <c r="G37" s="97">
        <v>45</v>
      </c>
      <c r="H37" s="97">
        <v>38</v>
      </c>
      <c r="I37" s="97">
        <v>16</v>
      </c>
      <c r="J37" s="97">
        <v>28</v>
      </c>
      <c r="K37" s="97">
        <v>10</v>
      </c>
      <c r="L37" s="99">
        <v>137</v>
      </c>
      <c r="M37" s="100">
        <v>176</v>
      </c>
      <c r="N37" s="101">
        <v>0</v>
      </c>
      <c r="O37" s="102">
        <v>1</v>
      </c>
      <c r="P37" s="103">
        <v>1</v>
      </c>
      <c r="Q37" s="413">
        <v>0</v>
      </c>
      <c r="R37" s="102">
        <v>4</v>
      </c>
      <c r="S37" s="102">
        <v>0</v>
      </c>
      <c r="T37" s="102">
        <v>0</v>
      </c>
      <c r="U37" s="102">
        <v>2</v>
      </c>
      <c r="V37" s="102">
        <v>0</v>
      </c>
      <c r="W37" s="103">
        <v>6</v>
      </c>
      <c r="X37" s="104">
        <v>7</v>
      </c>
      <c r="Y37" s="101">
        <v>1</v>
      </c>
      <c r="Z37" s="102">
        <v>2</v>
      </c>
      <c r="AA37" s="103">
        <v>3</v>
      </c>
      <c r="AB37" s="413">
        <v>0</v>
      </c>
      <c r="AC37" s="102">
        <v>4</v>
      </c>
      <c r="AD37" s="102">
        <v>4</v>
      </c>
      <c r="AE37" s="102">
        <v>2</v>
      </c>
      <c r="AF37" s="102">
        <v>2</v>
      </c>
      <c r="AG37" s="102">
        <v>1</v>
      </c>
      <c r="AH37" s="103">
        <v>13</v>
      </c>
      <c r="AI37" s="104">
        <v>16</v>
      </c>
      <c r="AJ37" s="101">
        <v>2</v>
      </c>
      <c r="AK37" s="102">
        <v>3</v>
      </c>
      <c r="AL37" s="103">
        <v>5</v>
      </c>
      <c r="AM37" s="413">
        <v>0</v>
      </c>
      <c r="AN37" s="102">
        <v>5</v>
      </c>
      <c r="AO37" s="102">
        <v>6</v>
      </c>
      <c r="AP37" s="102">
        <v>2</v>
      </c>
      <c r="AQ37" s="102">
        <v>7</v>
      </c>
      <c r="AR37" s="102">
        <v>1</v>
      </c>
      <c r="AS37" s="103">
        <v>21</v>
      </c>
      <c r="AT37" s="104">
        <v>26</v>
      </c>
      <c r="AU37" s="101">
        <v>6</v>
      </c>
      <c r="AV37" s="102">
        <v>6</v>
      </c>
      <c r="AW37" s="103">
        <v>12</v>
      </c>
      <c r="AX37" s="413">
        <v>0</v>
      </c>
      <c r="AY37" s="102">
        <v>13</v>
      </c>
      <c r="AZ37" s="102">
        <v>9</v>
      </c>
      <c r="BA37" s="102">
        <v>7</v>
      </c>
      <c r="BB37" s="102">
        <v>6</v>
      </c>
      <c r="BC37" s="102">
        <v>5</v>
      </c>
      <c r="BD37" s="103">
        <v>40</v>
      </c>
      <c r="BE37" s="104">
        <v>52</v>
      </c>
      <c r="BF37" s="101">
        <v>2</v>
      </c>
      <c r="BG37" s="102">
        <v>9</v>
      </c>
      <c r="BH37" s="103">
        <v>11</v>
      </c>
      <c r="BI37" s="413">
        <v>0</v>
      </c>
      <c r="BJ37" s="102">
        <v>10</v>
      </c>
      <c r="BK37" s="102">
        <v>7</v>
      </c>
      <c r="BL37" s="102">
        <v>2</v>
      </c>
      <c r="BM37" s="102">
        <v>5</v>
      </c>
      <c r="BN37" s="102">
        <v>2</v>
      </c>
      <c r="BO37" s="103">
        <v>26</v>
      </c>
      <c r="BP37" s="104">
        <v>37</v>
      </c>
      <c r="BQ37" s="101">
        <v>5</v>
      </c>
      <c r="BR37" s="102">
        <v>2</v>
      </c>
      <c r="BS37" s="103">
        <v>7</v>
      </c>
      <c r="BT37" s="413">
        <v>0</v>
      </c>
      <c r="BU37" s="102">
        <v>9</v>
      </c>
      <c r="BV37" s="102">
        <v>12</v>
      </c>
      <c r="BW37" s="102">
        <v>3</v>
      </c>
      <c r="BX37" s="102">
        <v>6</v>
      </c>
      <c r="BY37" s="102">
        <v>1</v>
      </c>
      <c r="BZ37" s="103">
        <v>31</v>
      </c>
      <c r="CA37" s="104">
        <v>38</v>
      </c>
      <c r="CB37" s="101">
        <v>0</v>
      </c>
      <c r="CC37" s="102">
        <v>0</v>
      </c>
      <c r="CD37" s="103">
        <v>0</v>
      </c>
      <c r="CE37" s="413">
        <v>0</v>
      </c>
      <c r="CF37" s="102">
        <v>1</v>
      </c>
      <c r="CG37" s="102">
        <v>0</v>
      </c>
      <c r="CH37" s="102">
        <v>1</v>
      </c>
      <c r="CI37" s="102">
        <v>1</v>
      </c>
      <c r="CJ37" s="102">
        <v>2</v>
      </c>
      <c r="CK37" s="103">
        <v>5</v>
      </c>
      <c r="CL37" s="104">
        <v>5</v>
      </c>
      <c r="CM37" s="101">
        <v>16</v>
      </c>
      <c r="CN37" s="102">
        <v>23</v>
      </c>
      <c r="CO37" s="103">
        <v>39</v>
      </c>
      <c r="CP37" s="413">
        <v>0</v>
      </c>
      <c r="CQ37" s="102">
        <v>46</v>
      </c>
      <c r="CR37" s="102">
        <v>38</v>
      </c>
      <c r="CS37" s="102">
        <v>17</v>
      </c>
      <c r="CT37" s="102">
        <v>29</v>
      </c>
      <c r="CU37" s="102">
        <v>12</v>
      </c>
      <c r="CV37" s="103">
        <v>142</v>
      </c>
      <c r="CW37" s="104">
        <v>181</v>
      </c>
      <c r="CX37" s="105">
        <v>50</v>
      </c>
      <c r="CY37" s="97">
        <v>43</v>
      </c>
      <c r="CZ37" s="98">
        <v>93</v>
      </c>
      <c r="DA37" s="413">
        <v>0</v>
      </c>
      <c r="DB37" s="97">
        <v>99</v>
      </c>
      <c r="DC37" s="97">
        <v>46</v>
      </c>
      <c r="DD37" s="97">
        <v>41</v>
      </c>
      <c r="DE37" s="97">
        <v>49</v>
      </c>
      <c r="DF37" s="97">
        <v>33</v>
      </c>
      <c r="DG37" s="99">
        <v>268</v>
      </c>
      <c r="DH37" s="100">
        <v>361</v>
      </c>
      <c r="DI37" s="101">
        <v>1</v>
      </c>
      <c r="DJ37" s="102">
        <v>1</v>
      </c>
      <c r="DK37" s="103">
        <v>2</v>
      </c>
      <c r="DL37" s="413">
        <v>0</v>
      </c>
      <c r="DM37" s="102">
        <v>1</v>
      </c>
      <c r="DN37" s="102">
        <v>1</v>
      </c>
      <c r="DO37" s="102">
        <v>2</v>
      </c>
      <c r="DP37" s="102">
        <v>0</v>
      </c>
      <c r="DQ37" s="102">
        <v>2</v>
      </c>
      <c r="DR37" s="103">
        <v>6</v>
      </c>
      <c r="DS37" s="104">
        <v>8</v>
      </c>
      <c r="DT37" s="101">
        <v>2</v>
      </c>
      <c r="DU37" s="102">
        <v>0</v>
      </c>
      <c r="DV37" s="103">
        <v>2</v>
      </c>
      <c r="DW37" s="413">
        <v>0</v>
      </c>
      <c r="DX37" s="102">
        <v>3</v>
      </c>
      <c r="DY37" s="102">
        <v>1</v>
      </c>
      <c r="DZ37" s="102">
        <v>1</v>
      </c>
      <c r="EA37" s="102">
        <v>1</v>
      </c>
      <c r="EB37" s="102">
        <v>2</v>
      </c>
      <c r="EC37" s="103">
        <v>8</v>
      </c>
      <c r="ED37" s="104">
        <v>10</v>
      </c>
      <c r="EE37" s="101">
        <v>11</v>
      </c>
      <c r="EF37" s="102">
        <v>4</v>
      </c>
      <c r="EG37" s="103">
        <v>15</v>
      </c>
      <c r="EH37" s="413">
        <v>0</v>
      </c>
      <c r="EI37" s="102">
        <v>10</v>
      </c>
      <c r="EJ37" s="102">
        <v>2</v>
      </c>
      <c r="EK37" s="102">
        <v>6</v>
      </c>
      <c r="EL37" s="102">
        <v>3</v>
      </c>
      <c r="EM37" s="102">
        <v>2</v>
      </c>
      <c r="EN37" s="103">
        <v>23</v>
      </c>
      <c r="EO37" s="104">
        <v>38</v>
      </c>
      <c r="EP37" s="101">
        <v>11</v>
      </c>
      <c r="EQ37" s="102">
        <v>7</v>
      </c>
      <c r="ER37" s="103">
        <v>18</v>
      </c>
      <c r="ES37" s="413">
        <v>0</v>
      </c>
      <c r="ET37" s="102">
        <v>17</v>
      </c>
      <c r="EU37" s="102">
        <v>9</v>
      </c>
      <c r="EV37" s="102">
        <v>14</v>
      </c>
      <c r="EW37" s="102">
        <v>5</v>
      </c>
      <c r="EX37" s="102">
        <v>8</v>
      </c>
      <c r="EY37" s="103">
        <v>53</v>
      </c>
      <c r="EZ37" s="104">
        <v>71</v>
      </c>
      <c r="FA37" s="101">
        <v>17</v>
      </c>
      <c r="FB37" s="102">
        <v>16</v>
      </c>
      <c r="FC37" s="103">
        <v>33</v>
      </c>
      <c r="FD37" s="413">
        <v>0</v>
      </c>
      <c r="FE37" s="102">
        <v>37</v>
      </c>
      <c r="FF37" s="102">
        <v>14</v>
      </c>
      <c r="FG37" s="102">
        <v>8</v>
      </c>
      <c r="FH37" s="102">
        <v>9</v>
      </c>
      <c r="FI37" s="102">
        <v>4</v>
      </c>
      <c r="FJ37" s="103">
        <v>72</v>
      </c>
      <c r="FK37" s="104">
        <v>105</v>
      </c>
      <c r="FL37" s="101">
        <v>8</v>
      </c>
      <c r="FM37" s="102">
        <v>15</v>
      </c>
      <c r="FN37" s="103">
        <v>23</v>
      </c>
      <c r="FO37" s="413">
        <v>0</v>
      </c>
      <c r="FP37" s="102">
        <v>31</v>
      </c>
      <c r="FQ37" s="102">
        <v>19</v>
      </c>
      <c r="FR37" s="102">
        <v>10</v>
      </c>
      <c r="FS37" s="102">
        <v>31</v>
      </c>
      <c r="FT37" s="102">
        <v>15</v>
      </c>
      <c r="FU37" s="103">
        <v>106</v>
      </c>
      <c r="FV37" s="104">
        <v>129</v>
      </c>
      <c r="FW37" s="101">
        <v>0</v>
      </c>
      <c r="FX37" s="102">
        <v>0</v>
      </c>
      <c r="FY37" s="103">
        <v>0</v>
      </c>
      <c r="FZ37" s="413">
        <v>0</v>
      </c>
      <c r="GA37" s="102">
        <v>1</v>
      </c>
      <c r="GB37" s="102">
        <v>1</v>
      </c>
      <c r="GC37" s="102">
        <v>1</v>
      </c>
      <c r="GD37" s="102">
        <v>0</v>
      </c>
      <c r="GE37" s="102">
        <v>1</v>
      </c>
      <c r="GF37" s="103">
        <v>4</v>
      </c>
      <c r="GG37" s="104">
        <v>4</v>
      </c>
      <c r="GH37" s="101">
        <v>50</v>
      </c>
      <c r="GI37" s="102">
        <v>43</v>
      </c>
      <c r="GJ37" s="103">
        <v>93</v>
      </c>
      <c r="GK37" s="413">
        <v>0</v>
      </c>
      <c r="GL37" s="102">
        <v>100</v>
      </c>
      <c r="GM37" s="102">
        <v>47</v>
      </c>
      <c r="GN37" s="102">
        <v>42</v>
      </c>
      <c r="GO37" s="102">
        <v>49</v>
      </c>
      <c r="GP37" s="102">
        <v>34</v>
      </c>
      <c r="GQ37" s="103">
        <v>272</v>
      </c>
      <c r="GR37" s="104">
        <v>365</v>
      </c>
      <c r="GS37" s="105">
        <v>66</v>
      </c>
      <c r="GT37" s="97">
        <v>66</v>
      </c>
      <c r="GU37" s="98">
        <v>132</v>
      </c>
      <c r="GV37" s="413">
        <v>0</v>
      </c>
      <c r="GW37" s="97">
        <v>144</v>
      </c>
      <c r="GX37" s="97">
        <v>84</v>
      </c>
      <c r="GY37" s="97">
        <v>57</v>
      </c>
      <c r="GZ37" s="97">
        <v>77</v>
      </c>
      <c r="HA37" s="97">
        <v>43</v>
      </c>
      <c r="HB37" s="99">
        <v>405</v>
      </c>
      <c r="HC37" s="100">
        <v>537</v>
      </c>
      <c r="HD37" s="101">
        <v>1</v>
      </c>
      <c r="HE37" s="102">
        <v>2</v>
      </c>
      <c r="HF37" s="103">
        <v>3</v>
      </c>
      <c r="HG37" s="416">
        <v>0</v>
      </c>
      <c r="HH37" s="102">
        <v>5</v>
      </c>
      <c r="HI37" s="102">
        <v>1</v>
      </c>
      <c r="HJ37" s="102">
        <v>2</v>
      </c>
      <c r="HK37" s="102">
        <v>2</v>
      </c>
      <c r="HL37" s="102">
        <v>2</v>
      </c>
      <c r="HM37" s="103">
        <v>12</v>
      </c>
      <c r="HN37" s="104">
        <v>15</v>
      </c>
      <c r="HO37" s="101">
        <v>3</v>
      </c>
      <c r="HP37" s="102">
        <v>2</v>
      </c>
      <c r="HQ37" s="103">
        <v>5</v>
      </c>
      <c r="HR37" s="413">
        <v>0</v>
      </c>
      <c r="HS37" s="102">
        <v>7</v>
      </c>
      <c r="HT37" s="102">
        <v>5</v>
      </c>
      <c r="HU37" s="102">
        <v>3</v>
      </c>
      <c r="HV37" s="102">
        <v>3</v>
      </c>
      <c r="HW37" s="102">
        <v>3</v>
      </c>
      <c r="HX37" s="103">
        <v>21</v>
      </c>
      <c r="HY37" s="104">
        <v>26</v>
      </c>
      <c r="HZ37" s="101">
        <v>13</v>
      </c>
      <c r="IA37" s="102">
        <v>7</v>
      </c>
      <c r="IB37" s="103">
        <v>20</v>
      </c>
      <c r="IC37" s="413">
        <v>0</v>
      </c>
      <c r="ID37" s="102">
        <v>15</v>
      </c>
      <c r="IE37" s="102">
        <v>8</v>
      </c>
      <c r="IF37" s="102">
        <v>8</v>
      </c>
      <c r="IG37" s="102">
        <v>10</v>
      </c>
      <c r="IH37" s="102">
        <v>3</v>
      </c>
      <c r="II37" s="103">
        <v>44</v>
      </c>
      <c r="IJ37" s="104">
        <v>64</v>
      </c>
      <c r="IK37" s="101">
        <v>17</v>
      </c>
      <c r="IL37" s="102">
        <v>13</v>
      </c>
      <c r="IM37" s="103">
        <v>30</v>
      </c>
      <c r="IN37" s="413">
        <v>0</v>
      </c>
      <c r="IO37" s="102">
        <v>30</v>
      </c>
      <c r="IP37" s="102">
        <v>18</v>
      </c>
      <c r="IQ37" s="102">
        <v>21</v>
      </c>
      <c r="IR37" s="102">
        <v>11</v>
      </c>
      <c r="IS37" s="102">
        <v>13</v>
      </c>
      <c r="IT37" s="103">
        <v>93</v>
      </c>
      <c r="IU37" s="104">
        <v>123</v>
      </c>
      <c r="IV37" s="101">
        <v>19</v>
      </c>
      <c r="IW37" s="102">
        <v>25</v>
      </c>
      <c r="IX37" s="103">
        <v>44</v>
      </c>
      <c r="IY37" s="413">
        <v>0</v>
      </c>
      <c r="IZ37" s="102">
        <v>47</v>
      </c>
      <c r="JA37" s="102">
        <v>21</v>
      </c>
      <c r="JB37" s="102">
        <v>10</v>
      </c>
      <c r="JC37" s="102">
        <v>14</v>
      </c>
      <c r="JD37" s="102">
        <v>6</v>
      </c>
      <c r="JE37" s="103">
        <v>98</v>
      </c>
      <c r="JF37" s="104">
        <v>142</v>
      </c>
      <c r="JG37" s="101">
        <v>13</v>
      </c>
      <c r="JH37" s="102">
        <v>17</v>
      </c>
      <c r="JI37" s="103">
        <v>30</v>
      </c>
      <c r="JJ37" s="413">
        <v>0</v>
      </c>
      <c r="JK37" s="102">
        <v>40</v>
      </c>
      <c r="JL37" s="102">
        <v>31</v>
      </c>
      <c r="JM37" s="102">
        <v>13</v>
      </c>
      <c r="JN37" s="102">
        <v>37</v>
      </c>
      <c r="JO37" s="102">
        <v>16</v>
      </c>
      <c r="JP37" s="103">
        <v>137</v>
      </c>
      <c r="JQ37" s="104">
        <v>167</v>
      </c>
      <c r="JR37" s="101">
        <v>0</v>
      </c>
      <c r="JS37" s="102">
        <v>0</v>
      </c>
      <c r="JT37" s="103">
        <v>0</v>
      </c>
      <c r="JU37" s="413">
        <v>0</v>
      </c>
      <c r="JV37" s="102">
        <v>2</v>
      </c>
      <c r="JW37" s="102">
        <v>1</v>
      </c>
      <c r="JX37" s="102">
        <v>2</v>
      </c>
      <c r="JY37" s="102">
        <v>1</v>
      </c>
      <c r="JZ37" s="102">
        <v>3</v>
      </c>
      <c r="KA37" s="103">
        <v>9</v>
      </c>
      <c r="KB37" s="104">
        <v>9</v>
      </c>
      <c r="KC37" s="101">
        <v>66</v>
      </c>
      <c r="KD37" s="102">
        <v>66</v>
      </c>
      <c r="KE37" s="103">
        <v>132</v>
      </c>
      <c r="KF37" s="413">
        <v>0</v>
      </c>
      <c r="KG37" s="102">
        <v>146</v>
      </c>
      <c r="KH37" s="102">
        <v>85</v>
      </c>
      <c r="KI37" s="102">
        <v>59</v>
      </c>
      <c r="KJ37" s="102">
        <v>78</v>
      </c>
      <c r="KK37" s="102">
        <v>46</v>
      </c>
      <c r="KL37" s="103">
        <v>414</v>
      </c>
      <c r="KM37" s="104">
        <v>546</v>
      </c>
    </row>
    <row r="38" spans="2:299" s="70" customFormat="1" ht="21" customHeight="1" x14ac:dyDescent="0.2">
      <c r="B38" s="106" t="s">
        <v>35</v>
      </c>
      <c r="C38" s="96">
        <v>56</v>
      </c>
      <c r="D38" s="97">
        <v>61</v>
      </c>
      <c r="E38" s="98">
        <v>117</v>
      </c>
      <c r="F38" s="413">
        <v>0</v>
      </c>
      <c r="G38" s="97">
        <v>141</v>
      </c>
      <c r="H38" s="97">
        <v>98</v>
      </c>
      <c r="I38" s="97">
        <v>50</v>
      </c>
      <c r="J38" s="97">
        <v>51</v>
      </c>
      <c r="K38" s="97">
        <v>31</v>
      </c>
      <c r="L38" s="99">
        <v>371</v>
      </c>
      <c r="M38" s="100">
        <v>488</v>
      </c>
      <c r="N38" s="101">
        <v>3</v>
      </c>
      <c r="O38" s="102">
        <v>1</v>
      </c>
      <c r="P38" s="103">
        <v>4</v>
      </c>
      <c r="Q38" s="413">
        <v>0</v>
      </c>
      <c r="R38" s="102">
        <v>8</v>
      </c>
      <c r="S38" s="102">
        <v>11</v>
      </c>
      <c r="T38" s="102">
        <v>3</v>
      </c>
      <c r="U38" s="102">
        <v>2</v>
      </c>
      <c r="V38" s="102">
        <v>1</v>
      </c>
      <c r="W38" s="103">
        <v>25</v>
      </c>
      <c r="X38" s="104">
        <v>29</v>
      </c>
      <c r="Y38" s="101">
        <v>3</v>
      </c>
      <c r="Z38" s="102">
        <v>3</v>
      </c>
      <c r="AA38" s="103">
        <v>6</v>
      </c>
      <c r="AB38" s="413">
        <v>0</v>
      </c>
      <c r="AC38" s="102">
        <v>9</v>
      </c>
      <c r="AD38" s="102">
        <v>9</v>
      </c>
      <c r="AE38" s="102">
        <v>10</v>
      </c>
      <c r="AF38" s="102">
        <v>1</v>
      </c>
      <c r="AG38" s="102">
        <v>6</v>
      </c>
      <c r="AH38" s="103">
        <v>35</v>
      </c>
      <c r="AI38" s="104">
        <v>41</v>
      </c>
      <c r="AJ38" s="101">
        <v>11</v>
      </c>
      <c r="AK38" s="102">
        <v>13</v>
      </c>
      <c r="AL38" s="103">
        <v>24</v>
      </c>
      <c r="AM38" s="413">
        <v>0</v>
      </c>
      <c r="AN38" s="102">
        <v>20</v>
      </c>
      <c r="AO38" s="102">
        <v>9</v>
      </c>
      <c r="AP38" s="102">
        <v>10</v>
      </c>
      <c r="AQ38" s="102">
        <v>12</v>
      </c>
      <c r="AR38" s="102">
        <v>8</v>
      </c>
      <c r="AS38" s="103">
        <v>59</v>
      </c>
      <c r="AT38" s="104">
        <v>83</v>
      </c>
      <c r="AU38" s="101">
        <v>13</v>
      </c>
      <c r="AV38" s="102">
        <v>20</v>
      </c>
      <c r="AW38" s="103">
        <v>33</v>
      </c>
      <c r="AX38" s="413">
        <v>0</v>
      </c>
      <c r="AY38" s="102">
        <v>52</v>
      </c>
      <c r="AZ38" s="102">
        <v>23</v>
      </c>
      <c r="BA38" s="102">
        <v>6</v>
      </c>
      <c r="BB38" s="102">
        <v>14</v>
      </c>
      <c r="BC38" s="102">
        <v>2</v>
      </c>
      <c r="BD38" s="103">
        <v>97</v>
      </c>
      <c r="BE38" s="104">
        <v>130</v>
      </c>
      <c r="BF38" s="101">
        <v>17</v>
      </c>
      <c r="BG38" s="102">
        <v>13</v>
      </c>
      <c r="BH38" s="103">
        <v>30</v>
      </c>
      <c r="BI38" s="413">
        <v>0</v>
      </c>
      <c r="BJ38" s="102">
        <v>32</v>
      </c>
      <c r="BK38" s="102">
        <v>23</v>
      </c>
      <c r="BL38" s="102">
        <v>11</v>
      </c>
      <c r="BM38" s="102">
        <v>9</v>
      </c>
      <c r="BN38" s="102">
        <v>4</v>
      </c>
      <c r="BO38" s="103">
        <v>79</v>
      </c>
      <c r="BP38" s="104">
        <v>109</v>
      </c>
      <c r="BQ38" s="101">
        <v>9</v>
      </c>
      <c r="BR38" s="102">
        <v>11</v>
      </c>
      <c r="BS38" s="103">
        <v>20</v>
      </c>
      <c r="BT38" s="413">
        <v>0</v>
      </c>
      <c r="BU38" s="102">
        <v>20</v>
      </c>
      <c r="BV38" s="102">
        <v>23</v>
      </c>
      <c r="BW38" s="102">
        <v>10</v>
      </c>
      <c r="BX38" s="102">
        <v>13</v>
      </c>
      <c r="BY38" s="102">
        <v>10</v>
      </c>
      <c r="BZ38" s="103">
        <v>76</v>
      </c>
      <c r="CA38" s="104">
        <v>96</v>
      </c>
      <c r="CB38" s="101">
        <v>1</v>
      </c>
      <c r="CC38" s="102">
        <v>1</v>
      </c>
      <c r="CD38" s="103">
        <v>2</v>
      </c>
      <c r="CE38" s="413">
        <v>0</v>
      </c>
      <c r="CF38" s="102">
        <v>4</v>
      </c>
      <c r="CG38" s="102">
        <v>2</v>
      </c>
      <c r="CH38" s="102">
        <v>2</v>
      </c>
      <c r="CI38" s="102">
        <v>2</v>
      </c>
      <c r="CJ38" s="102">
        <v>1</v>
      </c>
      <c r="CK38" s="103">
        <v>11</v>
      </c>
      <c r="CL38" s="104">
        <v>13</v>
      </c>
      <c r="CM38" s="101">
        <v>57</v>
      </c>
      <c r="CN38" s="102">
        <v>62</v>
      </c>
      <c r="CO38" s="103">
        <v>119</v>
      </c>
      <c r="CP38" s="413">
        <v>0</v>
      </c>
      <c r="CQ38" s="102">
        <v>145</v>
      </c>
      <c r="CR38" s="102">
        <v>100</v>
      </c>
      <c r="CS38" s="102">
        <v>52</v>
      </c>
      <c r="CT38" s="102">
        <v>53</v>
      </c>
      <c r="CU38" s="102">
        <v>32</v>
      </c>
      <c r="CV38" s="103">
        <v>382</v>
      </c>
      <c r="CW38" s="104">
        <v>501</v>
      </c>
      <c r="CX38" s="105">
        <v>151</v>
      </c>
      <c r="CY38" s="97">
        <v>174</v>
      </c>
      <c r="CZ38" s="98">
        <v>325</v>
      </c>
      <c r="DA38" s="413">
        <v>0</v>
      </c>
      <c r="DB38" s="97">
        <v>331</v>
      </c>
      <c r="DC38" s="97">
        <v>169</v>
      </c>
      <c r="DD38" s="97">
        <v>145</v>
      </c>
      <c r="DE38" s="97">
        <v>166</v>
      </c>
      <c r="DF38" s="97">
        <v>98</v>
      </c>
      <c r="DG38" s="99">
        <v>909</v>
      </c>
      <c r="DH38" s="100">
        <v>1234</v>
      </c>
      <c r="DI38" s="101">
        <v>4</v>
      </c>
      <c r="DJ38" s="102">
        <v>6</v>
      </c>
      <c r="DK38" s="103">
        <v>10</v>
      </c>
      <c r="DL38" s="413">
        <v>0</v>
      </c>
      <c r="DM38" s="102">
        <v>4</v>
      </c>
      <c r="DN38" s="102">
        <v>3</v>
      </c>
      <c r="DO38" s="102">
        <v>2</v>
      </c>
      <c r="DP38" s="102">
        <v>4</v>
      </c>
      <c r="DQ38" s="102">
        <v>1</v>
      </c>
      <c r="DR38" s="103">
        <v>14</v>
      </c>
      <c r="DS38" s="104">
        <v>24</v>
      </c>
      <c r="DT38" s="101">
        <v>13</v>
      </c>
      <c r="DU38" s="102">
        <v>12</v>
      </c>
      <c r="DV38" s="103">
        <v>25</v>
      </c>
      <c r="DW38" s="413">
        <v>0</v>
      </c>
      <c r="DX38" s="102">
        <v>12</v>
      </c>
      <c r="DY38" s="102">
        <v>8</v>
      </c>
      <c r="DZ38" s="102">
        <v>7</v>
      </c>
      <c r="EA38" s="102">
        <v>6</v>
      </c>
      <c r="EB38" s="102">
        <v>6</v>
      </c>
      <c r="EC38" s="103">
        <v>39</v>
      </c>
      <c r="ED38" s="104">
        <v>64</v>
      </c>
      <c r="EE38" s="101">
        <v>24</v>
      </c>
      <c r="EF38" s="102">
        <v>22</v>
      </c>
      <c r="EG38" s="103">
        <v>46</v>
      </c>
      <c r="EH38" s="413">
        <v>0</v>
      </c>
      <c r="EI38" s="102">
        <v>31</v>
      </c>
      <c r="EJ38" s="102">
        <v>13</v>
      </c>
      <c r="EK38" s="102">
        <v>5</v>
      </c>
      <c r="EL38" s="102">
        <v>7</v>
      </c>
      <c r="EM38" s="102">
        <v>7</v>
      </c>
      <c r="EN38" s="103">
        <v>63</v>
      </c>
      <c r="EO38" s="104">
        <v>109</v>
      </c>
      <c r="EP38" s="101">
        <v>44</v>
      </c>
      <c r="EQ38" s="102">
        <v>50</v>
      </c>
      <c r="ER38" s="103">
        <v>94</v>
      </c>
      <c r="ES38" s="413">
        <v>0</v>
      </c>
      <c r="ET38" s="102">
        <v>73</v>
      </c>
      <c r="EU38" s="102">
        <v>33</v>
      </c>
      <c r="EV38" s="102">
        <v>30</v>
      </c>
      <c r="EW38" s="102">
        <v>24</v>
      </c>
      <c r="EX38" s="102">
        <v>15</v>
      </c>
      <c r="EY38" s="103">
        <v>175</v>
      </c>
      <c r="EZ38" s="104">
        <v>269</v>
      </c>
      <c r="FA38" s="101">
        <v>43</v>
      </c>
      <c r="FB38" s="102">
        <v>53</v>
      </c>
      <c r="FC38" s="103">
        <v>96</v>
      </c>
      <c r="FD38" s="413">
        <v>0</v>
      </c>
      <c r="FE38" s="102">
        <v>105</v>
      </c>
      <c r="FF38" s="102">
        <v>42</v>
      </c>
      <c r="FG38" s="102">
        <v>33</v>
      </c>
      <c r="FH38" s="102">
        <v>51</v>
      </c>
      <c r="FI38" s="102">
        <v>25</v>
      </c>
      <c r="FJ38" s="103">
        <v>256</v>
      </c>
      <c r="FK38" s="104">
        <v>352</v>
      </c>
      <c r="FL38" s="101">
        <v>23</v>
      </c>
      <c r="FM38" s="102">
        <v>31</v>
      </c>
      <c r="FN38" s="103">
        <v>54</v>
      </c>
      <c r="FO38" s="413">
        <v>0</v>
      </c>
      <c r="FP38" s="102">
        <v>106</v>
      </c>
      <c r="FQ38" s="102">
        <v>70</v>
      </c>
      <c r="FR38" s="102">
        <v>68</v>
      </c>
      <c r="FS38" s="102">
        <v>74</v>
      </c>
      <c r="FT38" s="102">
        <v>44</v>
      </c>
      <c r="FU38" s="103">
        <v>362</v>
      </c>
      <c r="FV38" s="104">
        <v>416</v>
      </c>
      <c r="FW38" s="101">
        <v>0</v>
      </c>
      <c r="FX38" s="102">
        <v>0</v>
      </c>
      <c r="FY38" s="103">
        <v>0</v>
      </c>
      <c r="FZ38" s="413">
        <v>0</v>
      </c>
      <c r="GA38" s="102">
        <v>2</v>
      </c>
      <c r="GB38" s="102">
        <v>3</v>
      </c>
      <c r="GC38" s="102">
        <v>0</v>
      </c>
      <c r="GD38" s="102">
        <v>1</v>
      </c>
      <c r="GE38" s="102">
        <v>1</v>
      </c>
      <c r="GF38" s="103">
        <v>7</v>
      </c>
      <c r="GG38" s="104">
        <v>7</v>
      </c>
      <c r="GH38" s="101">
        <v>151</v>
      </c>
      <c r="GI38" s="102">
        <v>174</v>
      </c>
      <c r="GJ38" s="103">
        <v>325</v>
      </c>
      <c r="GK38" s="413">
        <v>0</v>
      </c>
      <c r="GL38" s="102">
        <v>333</v>
      </c>
      <c r="GM38" s="102">
        <v>172</v>
      </c>
      <c r="GN38" s="102">
        <v>145</v>
      </c>
      <c r="GO38" s="102">
        <v>167</v>
      </c>
      <c r="GP38" s="102">
        <v>99</v>
      </c>
      <c r="GQ38" s="103">
        <v>916</v>
      </c>
      <c r="GR38" s="104">
        <v>1241</v>
      </c>
      <c r="GS38" s="105">
        <v>207</v>
      </c>
      <c r="GT38" s="97">
        <v>235</v>
      </c>
      <c r="GU38" s="98">
        <v>442</v>
      </c>
      <c r="GV38" s="413">
        <v>0</v>
      </c>
      <c r="GW38" s="97">
        <v>472</v>
      </c>
      <c r="GX38" s="97">
        <v>267</v>
      </c>
      <c r="GY38" s="97">
        <v>195</v>
      </c>
      <c r="GZ38" s="97">
        <v>217</v>
      </c>
      <c r="HA38" s="97">
        <v>129</v>
      </c>
      <c r="HB38" s="99">
        <v>1280</v>
      </c>
      <c r="HC38" s="100">
        <v>1722</v>
      </c>
      <c r="HD38" s="101">
        <v>7</v>
      </c>
      <c r="HE38" s="102">
        <v>7</v>
      </c>
      <c r="HF38" s="103">
        <v>14</v>
      </c>
      <c r="HG38" s="416">
        <v>0</v>
      </c>
      <c r="HH38" s="102">
        <v>12</v>
      </c>
      <c r="HI38" s="102">
        <v>14</v>
      </c>
      <c r="HJ38" s="102">
        <v>5</v>
      </c>
      <c r="HK38" s="102">
        <v>6</v>
      </c>
      <c r="HL38" s="102">
        <v>2</v>
      </c>
      <c r="HM38" s="103">
        <v>39</v>
      </c>
      <c r="HN38" s="104">
        <v>53</v>
      </c>
      <c r="HO38" s="101">
        <v>16</v>
      </c>
      <c r="HP38" s="102">
        <v>15</v>
      </c>
      <c r="HQ38" s="103">
        <v>31</v>
      </c>
      <c r="HR38" s="413">
        <v>0</v>
      </c>
      <c r="HS38" s="102">
        <v>21</v>
      </c>
      <c r="HT38" s="102">
        <v>17</v>
      </c>
      <c r="HU38" s="102">
        <v>17</v>
      </c>
      <c r="HV38" s="102">
        <v>7</v>
      </c>
      <c r="HW38" s="102">
        <v>12</v>
      </c>
      <c r="HX38" s="103">
        <v>74</v>
      </c>
      <c r="HY38" s="104">
        <v>105</v>
      </c>
      <c r="HZ38" s="101">
        <v>35</v>
      </c>
      <c r="IA38" s="102">
        <v>35</v>
      </c>
      <c r="IB38" s="103">
        <v>70</v>
      </c>
      <c r="IC38" s="413">
        <v>0</v>
      </c>
      <c r="ID38" s="102">
        <v>51</v>
      </c>
      <c r="IE38" s="102">
        <v>22</v>
      </c>
      <c r="IF38" s="102">
        <v>15</v>
      </c>
      <c r="IG38" s="102">
        <v>19</v>
      </c>
      <c r="IH38" s="102">
        <v>15</v>
      </c>
      <c r="II38" s="103">
        <v>122</v>
      </c>
      <c r="IJ38" s="104">
        <v>192</v>
      </c>
      <c r="IK38" s="101">
        <v>57</v>
      </c>
      <c r="IL38" s="102">
        <v>70</v>
      </c>
      <c r="IM38" s="103">
        <v>127</v>
      </c>
      <c r="IN38" s="413">
        <v>0</v>
      </c>
      <c r="IO38" s="102">
        <v>125</v>
      </c>
      <c r="IP38" s="102">
        <v>56</v>
      </c>
      <c r="IQ38" s="102">
        <v>36</v>
      </c>
      <c r="IR38" s="102">
        <v>38</v>
      </c>
      <c r="IS38" s="102">
        <v>17</v>
      </c>
      <c r="IT38" s="103">
        <v>272</v>
      </c>
      <c r="IU38" s="104">
        <v>399</v>
      </c>
      <c r="IV38" s="101">
        <v>60</v>
      </c>
      <c r="IW38" s="102">
        <v>66</v>
      </c>
      <c r="IX38" s="103">
        <v>126</v>
      </c>
      <c r="IY38" s="413">
        <v>0</v>
      </c>
      <c r="IZ38" s="102">
        <v>137</v>
      </c>
      <c r="JA38" s="102">
        <v>65</v>
      </c>
      <c r="JB38" s="102">
        <v>44</v>
      </c>
      <c r="JC38" s="102">
        <v>60</v>
      </c>
      <c r="JD38" s="102">
        <v>29</v>
      </c>
      <c r="JE38" s="103">
        <v>335</v>
      </c>
      <c r="JF38" s="104">
        <v>461</v>
      </c>
      <c r="JG38" s="101">
        <v>32</v>
      </c>
      <c r="JH38" s="102">
        <v>42</v>
      </c>
      <c r="JI38" s="103">
        <v>74</v>
      </c>
      <c r="JJ38" s="413">
        <v>0</v>
      </c>
      <c r="JK38" s="102">
        <v>126</v>
      </c>
      <c r="JL38" s="102">
        <v>93</v>
      </c>
      <c r="JM38" s="102">
        <v>78</v>
      </c>
      <c r="JN38" s="102">
        <v>87</v>
      </c>
      <c r="JO38" s="102">
        <v>54</v>
      </c>
      <c r="JP38" s="103">
        <v>438</v>
      </c>
      <c r="JQ38" s="104">
        <v>512</v>
      </c>
      <c r="JR38" s="101">
        <v>1</v>
      </c>
      <c r="JS38" s="102">
        <v>1</v>
      </c>
      <c r="JT38" s="103">
        <v>2</v>
      </c>
      <c r="JU38" s="413">
        <v>0</v>
      </c>
      <c r="JV38" s="102">
        <v>6</v>
      </c>
      <c r="JW38" s="102">
        <v>5</v>
      </c>
      <c r="JX38" s="102">
        <v>2</v>
      </c>
      <c r="JY38" s="102">
        <v>3</v>
      </c>
      <c r="JZ38" s="102">
        <v>2</v>
      </c>
      <c r="KA38" s="103">
        <v>18</v>
      </c>
      <c r="KB38" s="104">
        <v>20</v>
      </c>
      <c r="KC38" s="101">
        <v>208</v>
      </c>
      <c r="KD38" s="102">
        <v>236</v>
      </c>
      <c r="KE38" s="103">
        <v>444</v>
      </c>
      <c r="KF38" s="413">
        <v>0</v>
      </c>
      <c r="KG38" s="102">
        <v>478</v>
      </c>
      <c r="KH38" s="102">
        <v>272</v>
      </c>
      <c r="KI38" s="102">
        <v>197</v>
      </c>
      <c r="KJ38" s="102">
        <v>220</v>
      </c>
      <c r="KK38" s="102">
        <v>131</v>
      </c>
      <c r="KL38" s="103">
        <v>1298</v>
      </c>
      <c r="KM38" s="104">
        <v>1742</v>
      </c>
    </row>
    <row r="39" spans="2:299" s="70" customFormat="1" ht="21" customHeight="1" x14ac:dyDescent="0.2">
      <c r="B39" s="106" t="s">
        <v>36</v>
      </c>
      <c r="C39" s="96">
        <v>64</v>
      </c>
      <c r="D39" s="97">
        <v>89</v>
      </c>
      <c r="E39" s="98">
        <v>153</v>
      </c>
      <c r="F39" s="413">
        <v>0</v>
      </c>
      <c r="G39" s="97">
        <v>179</v>
      </c>
      <c r="H39" s="97">
        <v>137</v>
      </c>
      <c r="I39" s="97">
        <v>134</v>
      </c>
      <c r="J39" s="97">
        <v>77</v>
      </c>
      <c r="K39" s="97">
        <v>50</v>
      </c>
      <c r="L39" s="99">
        <v>577</v>
      </c>
      <c r="M39" s="100">
        <v>730</v>
      </c>
      <c r="N39" s="101">
        <v>3</v>
      </c>
      <c r="O39" s="102">
        <v>6</v>
      </c>
      <c r="P39" s="103">
        <v>9</v>
      </c>
      <c r="Q39" s="413">
        <v>0</v>
      </c>
      <c r="R39" s="102">
        <v>10</v>
      </c>
      <c r="S39" s="102">
        <v>7</v>
      </c>
      <c r="T39" s="102">
        <v>16</v>
      </c>
      <c r="U39" s="102">
        <v>6</v>
      </c>
      <c r="V39" s="102">
        <v>4</v>
      </c>
      <c r="W39" s="103">
        <v>43</v>
      </c>
      <c r="X39" s="104">
        <v>52</v>
      </c>
      <c r="Y39" s="101">
        <v>5</v>
      </c>
      <c r="Z39" s="102">
        <v>8</v>
      </c>
      <c r="AA39" s="103">
        <v>13</v>
      </c>
      <c r="AB39" s="413">
        <v>0</v>
      </c>
      <c r="AC39" s="102">
        <v>16</v>
      </c>
      <c r="AD39" s="102">
        <v>22</v>
      </c>
      <c r="AE39" s="102">
        <v>11</v>
      </c>
      <c r="AF39" s="102">
        <v>12</v>
      </c>
      <c r="AG39" s="102">
        <v>6</v>
      </c>
      <c r="AH39" s="103">
        <v>67</v>
      </c>
      <c r="AI39" s="104">
        <v>80</v>
      </c>
      <c r="AJ39" s="101">
        <v>17</v>
      </c>
      <c r="AK39" s="102">
        <v>15</v>
      </c>
      <c r="AL39" s="103">
        <v>32</v>
      </c>
      <c r="AM39" s="413">
        <v>0</v>
      </c>
      <c r="AN39" s="102">
        <v>39</v>
      </c>
      <c r="AO39" s="102">
        <v>29</v>
      </c>
      <c r="AP39" s="102">
        <v>25</v>
      </c>
      <c r="AQ39" s="102">
        <v>12</v>
      </c>
      <c r="AR39" s="102">
        <v>11</v>
      </c>
      <c r="AS39" s="103">
        <v>116</v>
      </c>
      <c r="AT39" s="104">
        <v>148</v>
      </c>
      <c r="AU39" s="101">
        <v>18</v>
      </c>
      <c r="AV39" s="102">
        <v>29</v>
      </c>
      <c r="AW39" s="103">
        <v>47</v>
      </c>
      <c r="AX39" s="413">
        <v>0</v>
      </c>
      <c r="AY39" s="102">
        <v>43</v>
      </c>
      <c r="AZ39" s="102">
        <v>29</v>
      </c>
      <c r="BA39" s="102">
        <v>42</v>
      </c>
      <c r="BB39" s="102">
        <v>21</v>
      </c>
      <c r="BC39" s="102">
        <v>14</v>
      </c>
      <c r="BD39" s="103">
        <v>149</v>
      </c>
      <c r="BE39" s="104">
        <v>196</v>
      </c>
      <c r="BF39" s="101">
        <v>13</v>
      </c>
      <c r="BG39" s="102">
        <v>18</v>
      </c>
      <c r="BH39" s="103">
        <v>31</v>
      </c>
      <c r="BI39" s="413">
        <v>0</v>
      </c>
      <c r="BJ39" s="102">
        <v>49</v>
      </c>
      <c r="BK39" s="102">
        <v>35</v>
      </c>
      <c r="BL39" s="102">
        <v>22</v>
      </c>
      <c r="BM39" s="102">
        <v>16</v>
      </c>
      <c r="BN39" s="102">
        <v>8</v>
      </c>
      <c r="BO39" s="103">
        <v>130</v>
      </c>
      <c r="BP39" s="104">
        <v>161</v>
      </c>
      <c r="BQ39" s="101">
        <v>8</v>
      </c>
      <c r="BR39" s="102">
        <v>13</v>
      </c>
      <c r="BS39" s="103">
        <v>21</v>
      </c>
      <c r="BT39" s="413">
        <v>0</v>
      </c>
      <c r="BU39" s="102">
        <v>22</v>
      </c>
      <c r="BV39" s="102">
        <v>15</v>
      </c>
      <c r="BW39" s="102">
        <v>18</v>
      </c>
      <c r="BX39" s="102">
        <v>10</v>
      </c>
      <c r="BY39" s="102">
        <v>7</v>
      </c>
      <c r="BZ39" s="103">
        <v>72</v>
      </c>
      <c r="CA39" s="104">
        <v>93</v>
      </c>
      <c r="CB39" s="101">
        <v>3</v>
      </c>
      <c r="CC39" s="102">
        <v>4</v>
      </c>
      <c r="CD39" s="103">
        <v>7</v>
      </c>
      <c r="CE39" s="413">
        <v>0</v>
      </c>
      <c r="CF39" s="102">
        <v>6</v>
      </c>
      <c r="CG39" s="102">
        <v>3</v>
      </c>
      <c r="CH39" s="102">
        <v>8</v>
      </c>
      <c r="CI39" s="102">
        <v>7</v>
      </c>
      <c r="CJ39" s="102">
        <v>2</v>
      </c>
      <c r="CK39" s="103">
        <v>26</v>
      </c>
      <c r="CL39" s="104">
        <v>33</v>
      </c>
      <c r="CM39" s="101">
        <v>67</v>
      </c>
      <c r="CN39" s="102">
        <v>93</v>
      </c>
      <c r="CO39" s="103">
        <v>160</v>
      </c>
      <c r="CP39" s="413">
        <v>0</v>
      </c>
      <c r="CQ39" s="102">
        <v>185</v>
      </c>
      <c r="CR39" s="102">
        <v>140</v>
      </c>
      <c r="CS39" s="102">
        <v>142</v>
      </c>
      <c r="CT39" s="102">
        <v>84</v>
      </c>
      <c r="CU39" s="102">
        <v>52</v>
      </c>
      <c r="CV39" s="103">
        <v>603</v>
      </c>
      <c r="CW39" s="104">
        <v>763</v>
      </c>
      <c r="CX39" s="105">
        <v>98</v>
      </c>
      <c r="CY39" s="97">
        <v>190</v>
      </c>
      <c r="CZ39" s="98">
        <v>288</v>
      </c>
      <c r="DA39" s="413">
        <v>0</v>
      </c>
      <c r="DB39" s="97">
        <v>247</v>
      </c>
      <c r="DC39" s="97">
        <v>227</v>
      </c>
      <c r="DD39" s="97">
        <v>200</v>
      </c>
      <c r="DE39" s="97">
        <v>170</v>
      </c>
      <c r="DF39" s="97">
        <v>126</v>
      </c>
      <c r="DG39" s="99">
        <v>970</v>
      </c>
      <c r="DH39" s="100">
        <v>1258</v>
      </c>
      <c r="DI39" s="101">
        <v>2</v>
      </c>
      <c r="DJ39" s="102">
        <v>2</v>
      </c>
      <c r="DK39" s="103">
        <v>4</v>
      </c>
      <c r="DL39" s="413">
        <v>0</v>
      </c>
      <c r="DM39" s="102">
        <v>6</v>
      </c>
      <c r="DN39" s="102">
        <v>6</v>
      </c>
      <c r="DO39" s="102">
        <v>6</v>
      </c>
      <c r="DP39" s="102">
        <v>4</v>
      </c>
      <c r="DQ39" s="102">
        <v>2</v>
      </c>
      <c r="DR39" s="103">
        <v>24</v>
      </c>
      <c r="DS39" s="104">
        <v>28</v>
      </c>
      <c r="DT39" s="101">
        <v>2</v>
      </c>
      <c r="DU39" s="102">
        <v>25</v>
      </c>
      <c r="DV39" s="103">
        <v>27</v>
      </c>
      <c r="DW39" s="413">
        <v>0</v>
      </c>
      <c r="DX39" s="102">
        <v>21</v>
      </c>
      <c r="DY39" s="102">
        <v>13</v>
      </c>
      <c r="DZ39" s="102">
        <v>12</v>
      </c>
      <c r="EA39" s="102">
        <v>11</v>
      </c>
      <c r="EB39" s="102">
        <v>7</v>
      </c>
      <c r="EC39" s="103">
        <v>64</v>
      </c>
      <c r="ED39" s="104">
        <v>91</v>
      </c>
      <c r="EE39" s="101">
        <v>27</v>
      </c>
      <c r="EF39" s="102">
        <v>32</v>
      </c>
      <c r="EG39" s="103">
        <v>59</v>
      </c>
      <c r="EH39" s="413">
        <v>0</v>
      </c>
      <c r="EI39" s="102">
        <v>27</v>
      </c>
      <c r="EJ39" s="102">
        <v>30</v>
      </c>
      <c r="EK39" s="102">
        <v>22</v>
      </c>
      <c r="EL39" s="102">
        <v>22</v>
      </c>
      <c r="EM39" s="102">
        <v>22</v>
      </c>
      <c r="EN39" s="103">
        <v>123</v>
      </c>
      <c r="EO39" s="104">
        <v>182</v>
      </c>
      <c r="EP39" s="101">
        <v>41</v>
      </c>
      <c r="EQ39" s="102">
        <v>54</v>
      </c>
      <c r="ER39" s="103">
        <v>95</v>
      </c>
      <c r="ES39" s="413">
        <v>0</v>
      </c>
      <c r="ET39" s="102">
        <v>66</v>
      </c>
      <c r="EU39" s="102">
        <v>60</v>
      </c>
      <c r="EV39" s="102">
        <v>29</v>
      </c>
      <c r="EW39" s="102">
        <v>35</v>
      </c>
      <c r="EX39" s="102">
        <v>29</v>
      </c>
      <c r="EY39" s="103">
        <v>219</v>
      </c>
      <c r="EZ39" s="104">
        <v>314</v>
      </c>
      <c r="FA39" s="101">
        <v>20</v>
      </c>
      <c r="FB39" s="102">
        <v>55</v>
      </c>
      <c r="FC39" s="103">
        <v>75</v>
      </c>
      <c r="FD39" s="413">
        <v>0</v>
      </c>
      <c r="FE39" s="102">
        <v>69</v>
      </c>
      <c r="FF39" s="102">
        <v>60</v>
      </c>
      <c r="FG39" s="102">
        <v>56</v>
      </c>
      <c r="FH39" s="102">
        <v>35</v>
      </c>
      <c r="FI39" s="102">
        <v>28</v>
      </c>
      <c r="FJ39" s="103">
        <v>248</v>
      </c>
      <c r="FK39" s="104">
        <v>323</v>
      </c>
      <c r="FL39" s="101">
        <v>6</v>
      </c>
      <c r="FM39" s="102">
        <v>22</v>
      </c>
      <c r="FN39" s="103">
        <v>28</v>
      </c>
      <c r="FO39" s="413">
        <v>0</v>
      </c>
      <c r="FP39" s="102">
        <v>58</v>
      </c>
      <c r="FQ39" s="102">
        <v>58</v>
      </c>
      <c r="FR39" s="102">
        <v>75</v>
      </c>
      <c r="FS39" s="102">
        <v>63</v>
      </c>
      <c r="FT39" s="102">
        <v>38</v>
      </c>
      <c r="FU39" s="103">
        <v>292</v>
      </c>
      <c r="FV39" s="104">
        <v>320</v>
      </c>
      <c r="FW39" s="101">
        <v>1</v>
      </c>
      <c r="FX39" s="102">
        <v>3</v>
      </c>
      <c r="FY39" s="103">
        <v>4</v>
      </c>
      <c r="FZ39" s="413">
        <v>0</v>
      </c>
      <c r="GA39" s="102">
        <v>3</v>
      </c>
      <c r="GB39" s="102">
        <v>3</v>
      </c>
      <c r="GC39" s="102">
        <v>2</v>
      </c>
      <c r="GD39" s="102">
        <v>8</v>
      </c>
      <c r="GE39" s="102">
        <v>3</v>
      </c>
      <c r="GF39" s="103">
        <v>19</v>
      </c>
      <c r="GG39" s="104">
        <v>23</v>
      </c>
      <c r="GH39" s="101">
        <v>99</v>
      </c>
      <c r="GI39" s="102">
        <v>193</v>
      </c>
      <c r="GJ39" s="103">
        <v>292</v>
      </c>
      <c r="GK39" s="413">
        <v>0</v>
      </c>
      <c r="GL39" s="102">
        <v>250</v>
      </c>
      <c r="GM39" s="102">
        <v>230</v>
      </c>
      <c r="GN39" s="102">
        <v>202</v>
      </c>
      <c r="GO39" s="102">
        <v>178</v>
      </c>
      <c r="GP39" s="102">
        <v>129</v>
      </c>
      <c r="GQ39" s="103">
        <v>989</v>
      </c>
      <c r="GR39" s="104">
        <v>1281</v>
      </c>
      <c r="GS39" s="105">
        <v>162</v>
      </c>
      <c r="GT39" s="97">
        <v>279</v>
      </c>
      <c r="GU39" s="98">
        <v>441</v>
      </c>
      <c r="GV39" s="413">
        <v>0</v>
      </c>
      <c r="GW39" s="97">
        <v>426</v>
      </c>
      <c r="GX39" s="97">
        <v>364</v>
      </c>
      <c r="GY39" s="97">
        <v>334</v>
      </c>
      <c r="GZ39" s="97">
        <v>247</v>
      </c>
      <c r="HA39" s="97">
        <v>176</v>
      </c>
      <c r="HB39" s="99">
        <v>1547</v>
      </c>
      <c r="HC39" s="100">
        <v>1988</v>
      </c>
      <c r="HD39" s="101">
        <v>5</v>
      </c>
      <c r="HE39" s="102">
        <v>8</v>
      </c>
      <c r="HF39" s="103">
        <v>13</v>
      </c>
      <c r="HG39" s="416">
        <v>0</v>
      </c>
      <c r="HH39" s="102">
        <v>16</v>
      </c>
      <c r="HI39" s="102">
        <v>13</v>
      </c>
      <c r="HJ39" s="102">
        <v>22</v>
      </c>
      <c r="HK39" s="102">
        <v>10</v>
      </c>
      <c r="HL39" s="102">
        <v>6</v>
      </c>
      <c r="HM39" s="103">
        <v>67</v>
      </c>
      <c r="HN39" s="104">
        <v>80</v>
      </c>
      <c r="HO39" s="101">
        <v>7</v>
      </c>
      <c r="HP39" s="102">
        <v>33</v>
      </c>
      <c r="HQ39" s="103">
        <v>40</v>
      </c>
      <c r="HR39" s="413">
        <v>0</v>
      </c>
      <c r="HS39" s="102">
        <v>37</v>
      </c>
      <c r="HT39" s="102">
        <v>35</v>
      </c>
      <c r="HU39" s="102">
        <v>23</v>
      </c>
      <c r="HV39" s="102">
        <v>23</v>
      </c>
      <c r="HW39" s="102">
        <v>13</v>
      </c>
      <c r="HX39" s="103">
        <v>131</v>
      </c>
      <c r="HY39" s="104">
        <v>171</v>
      </c>
      <c r="HZ39" s="101">
        <v>44</v>
      </c>
      <c r="IA39" s="102">
        <v>47</v>
      </c>
      <c r="IB39" s="103">
        <v>91</v>
      </c>
      <c r="IC39" s="413">
        <v>0</v>
      </c>
      <c r="ID39" s="102">
        <v>66</v>
      </c>
      <c r="IE39" s="102">
        <v>59</v>
      </c>
      <c r="IF39" s="102">
        <v>47</v>
      </c>
      <c r="IG39" s="102">
        <v>34</v>
      </c>
      <c r="IH39" s="102">
        <v>33</v>
      </c>
      <c r="II39" s="103">
        <v>239</v>
      </c>
      <c r="IJ39" s="104">
        <v>330</v>
      </c>
      <c r="IK39" s="101">
        <v>59</v>
      </c>
      <c r="IL39" s="102">
        <v>83</v>
      </c>
      <c r="IM39" s="103">
        <v>142</v>
      </c>
      <c r="IN39" s="413">
        <v>0</v>
      </c>
      <c r="IO39" s="102">
        <v>109</v>
      </c>
      <c r="IP39" s="102">
        <v>89</v>
      </c>
      <c r="IQ39" s="102">
        <v>71</v>
      </c>
      <c r="IR39" s="102">
        <v>56</v>
      </c>
      <c r="IS39" s="102">
        <v>43</v>
      </c>
      <c r="IT39" s="103">
        <v>368</v>
      </c>
      <c r="IU39" s="104">
        <v>510</v>
      </c>
      <c r="IV39" s="101">
        <v>33</v>
      </c>
      <c r="IW39" s="102">
        <v>73</v>
      </c>
      <c r="IX39" s="103">
        <v>106</v>
      </c>
      <c r="IY39" s="413">
        <v>0</v>
      </c>
      <c r="IZ39" s="102">
        <v>118</v>
      </c>
      <c r="JA39" s="102">
        <v>95</v>
      </c>
      <c r="JB39" s="102">
        <v>78</v>
      </c>
      <c r="JC39" s="102">
        <v>51</v>
      </c>
      <c r="JD39" s="102">
        <v>36</v>
      </c>
      <c r="JE39" s="103">
        <v>378</v>
      </c>
      <c r="JF39" s="104">
        <v>484</v>
      </c>
      <c r="JG39" s="101">
        <v>14</v>
      </c>
      <c r="JH39" s="102">
        <v>35</v>
      </c>
      <c r="JI39" s="103">
        <v>49</v>
      </c>
      <c r="JJ39" s="413">
        <v>0</v>
      </c>
      <c r="JK39" s="102">
        <v>80</v>
      </c>
      <c r="JL39" s="102">
        <v>73</v>
      </c>
      <c r="JM39" s="102">
        <v>93</v>
      </c>
      <c r="JN39" s="102">
        <v>73</v>
      </c>
      <c r="JO39" s="102">
        <v>45</v>
      </c>
      <c r="JP39" s="103">
        <v>364</v>
      </c>
      <c r="JQ39" s="104">
        <v>413</v>
      </c>
      <c r="JR39" s="101">
        <v>4</v>
      </c>
      <c r="JS39" s="102">
        <v>7</v>
      </c>
      <c r="JT39" s="103">
        <v>11</v>
      </c>
      <c r="JU39" s="413">
        <v>0</v>
      </c>
      <c r="JV39" s="102">
        <v>9</v>
      </c>
      <c r="JW39" s="102">
        <v>6</v>
      </c>
      <c r="JX39" s="102">
        <v>10</v>
      </c>
      <c r="JY39" s="102">
        <v>15</v>
      </c>
      <c r="JZ39" s="102">
        <v>5</v>
      </c>
      <c r="KA39" s="103">
        <v>45</v>
      </c>
      <c r="KB39" s="104">
        <v>56</v>
      </c>
      <c r="KC39" s="101">
        <v>166</v>
      </c>
      <c r="KD39" s="102">
        <v>286</v>
      </c>
      <c r="KE39" s="103">
        <v>452</v>
      </c>
      <c r="KF39" s="413">
        <v>0</v>
      </c>
      <c r="KG39" s="102">
        <v>435</v>
      </c>
      <c r="KH39" s="102">
        <v>370</v>
      </c>
      <c r="KI39" s="102">
        <v>344</v>
      </c>
      <c r="KJ39" s="102">
        <v>262</v>
      </c>
      <c r="KK39" s="102">
        <v>181</v>
      </c>
      <c r="KL39" s="103">
        <v>1592</v>
      </c>
      <c r="KM39" s="104">
        <v>2044</v>
      </c>
    </row>
    <row r="40" spans="2:299" s="70" customFormat="1" ht="21" customHeight="1" thickBot="1" x14ac:dyDescent="0.25">
      <c r="B40" s="108" t="s">
        <v>37</v>
      </c>
      <c r="C40" s="109">
        <v>2</v>
      </c>
      <c r="D40" s="110">
        <v>1</v>
      </c>
      <c r="E40" s="111">
        <v>3</v>
      </c>
      <c r="F40" s="414">
        <v>0</v>
      </c>
      <c r="G40" s="110">
        <v>8</v>
      </c>
      <c r="H40" s="110">
        <v>15</v>
      </c>
      <c r="I40" s="110">
        <v>8</v>
      </c>
      <c r="J40" s="110">
        <v>3</v>
      </c>
      <c r="K40" s="110">
        <v>6</v>
      </c>
      <c r="L40" s="112">
        <v>40</v>
      </c>
      <c r="M40" s="113">
        <v>43</v>
      </c>
      <c r="N40" s="114">
        <v>1</v>
      </c>
      <c r="O40" s="115">
        <v>1</v>
      </c>
      <c r="P40" s="116">
        <v>2</v>
      </c>
      <c r="Q40" s="414">
        <v>0</v>
      </c>
      <c r="R40" s="115">
        <v>0</v>
      </c>
      <c r="S40" s="115">
        <v>0</v>
      </c>
      <c r="T40" s="115">
        <v>0</v>
      </c>
      <c r="U40" s="115">
        <v>1</v>
      </c>
      <c r="V40" s="115">
        <v>0</v>
      </c>
      <c r="W40" s="116">
        <v>1</v>
      </c>
      <c r="X40" s="117">
        <v>3</v>
      </c>
      <c r="Y40" s="114">
        <v>1</v>
      </c>
      <c r="Z40" s="115">
        <v>0</v>
      </c>
      <c r="AA40" s="116">
        <v>1</v>
      </c>
      <c r="AB40" s="414">
        <v>0</v>
      </c>
      <c r="AC40" s="115">
        <v>0</v>
      </c>
      <c r="AD40" s="115">
        <v>0</v>
      </c>
      <c r="AE40" s="115">
        <v>3</v>
      </c>
      <c r="AF40" s="115">
        <v>1</v>
      </c>
      <c r="AG40" s="115">
        <v>1</v>
      </c>
      <c r="AH40" s="116">
        <v>5</v>
      </c>
      <c r="AI40" s="117">
        <v>6</v>
      </c>
      <c r="AJ40" s="114">
        <v>0</v>
      </c>
      <c r="AK40" s="115">
        <v>0</v>
      </c>
      <c r="AL40" s="116">
        <v>0</v>
      </c>
      <c r="AM40" s="414">
        <v>0</v>
      </c>
      <c r="AN40" s="115">
        <v>2</v>
      </c>
      <c r="AO40" s="115">
        <v>6</v>
      </c>
      <c r="AP40" s="115">
        <v>2</v>
      </c>
      <c r="AQ40" s="115">
        <v>0</v>
      </c>
      <c r="AR40" s="115">
        <v>0</v>
      </c>
      <c r="AS40" s="116">
        <v>10</v>
      </c>
      <c r="AT40" s="117">
        <v>10</v>
      </c>
      <c r="AU40" s="114">
        <v>0</v>
      </c>
      <c r="AV40" s="115">
        <v>0</v>
      </c>
      <c r="AW40" s="116">
        <v>0</v>
      </c>
      <c r="AX40" s="414">
        <v>0</v>
      </c>
      <c r="AY40" s="115">
        <v>3</v>
      </c>
      <c r="AZ40" s="115">
        <v>5</v>
      </c>
      <c r="BA40" s="115">
        <v>1</v>
      </c>
      <c r="BB40" s="115">
        <v>0</v>
      </c>
      <c r="BC40" s="115">
        <v>0</v>
      </c>
      <c r="BD40" s="116">
        <v>9</v>
      </c>
      <c r="BE40" s="117">
        <v>9</v>
      </c>
      <c r="BF40" s="114">
        <v>0</v>
      </c>
      <c r="BG40" s="115">
        <v>0</v>
      </c>
      <c r="BH40" s="116">
        <v>0</v>
      </c>
      <c r="BI40" s="414">
        <v>0</v>
      </c>
      <c r="BJ40" s="115">
        <v>1</v>
      </c>
      <c r="BK40" s="115">
        <v>2</v>
      </c>
      <c r="BL40" s="115">
        <v>2</v>
      </c>
      <c r="BM40" s="115">
        <v>1</v>
      </c>
      <c r="BN40" s="115">
        <v>3</v>
      </c>
      <c r="BO40" s="116">
        <v>9</v>
      </c>
      <c r="BP40" s="117">
        <v>9</v>
      </c>
      <c r="BQ40" s="114">
        <v>0</v>
      </c>
      <c r="BR40" s="115">
        <v>0</v>
      </c>
      <c r="BS40" s="116">
        <v>0</v>
      </c>
      <c r="BT40" s="414">
        <v>0</v>
      </c>
      <c r="BU40" s="115">
        <v>2</v>
      </c>
      <c r="BV40" s="115">
        <v>2</v>
      </c>
      <c r="BW40" s="115">
        <v>0</v>
      </c>
      <c r="BX40" s="115">
        <v>0</v>
      </c>
      <c r="BY40" s="115">
        <v>2</v>
      </c>
      <c r="BZ40" s="116">
        <v>6</v>
      </c>
      <c r="CA40" s="117">
        <v>6</v>
      </c>
      <c r="CB40" s="114">
        <v>0</v>
      </c>
      <c r="CC40" s="115">
        <v>0</v>
      </c>
      <c r="CD40" s="116">
        <v>0</v>
      </c>
      <c r="CE40" s="414">
        <v>0</v>
      </c>
      <c r="CF40" s="115">
        <v>0</v>
      </c>
      <c r="CG40" s="115">
        <v>2</v>
      </c>
      <c r="CH40" s="115">
        <v>0</v>
      </c>
      <c r="CI40" s="115">
        <v>2</v>
      </c>
      <c r="CJ40" s="115">
        <v>0</v>
      </c>
      <c r="CK40" s="116">
        <v>4</v>
      </c>
      <c r="CL40" s="117">
        <v>4</v>
      </c>
      <c r="CM40" s="114">
        <v>2</v>
      </c>
      <c r="CN40" s="115">
        <v>1</v>
      </c>
      <c r="CO40" s="116">
        <v>3</v>
      </c>
      <c r="CP40" s="414">
        <v>0</v>
      </c>
      <c r="CQ40" s="115">
        <v>8</v>
      </c>
      <c r="CR40" s="115">
        <v>17</v>
      </c>
      <c r="CS40" s="115">
        <v>8</v>
      </c>
      <c r="CT40" s="115">
        <v>5</v>
      </c>
      <c r="CU40" s="115">
        <v>6</v>
      </c>
      <c r="CV40" s="116">
        <v>44</v>
      </c>
      <c r="CW40" s="117">
        <v>47</v>
      </c>
      <c r="CX40" s="118">
        <v>15</v>
      </c>
      <c r="CY40" s="110">
        <v>4</v>
      </c>
      <c r="CZ40" s="111">
        <v>19</v>
      </c>
      <c r="DA40" s="414">
        <v>0</v>
      </c>
      <c r="DB40" s="110">
        <v>19</v>
      </c>
      <c r="DC40" s="110">
        <v>18</v>
      </c>
      <c r="DD40" s="110">
        <v>21</v>
      </c>
      <c r="DE40" s="110">
        <v>23</v>
      </c>
      <c r="DF40" s="110">
        <v>13</v>
      </c>
      <c r="DG40" s="112">
        <v>94</v>
      </c>
      <c r="DH40" s="113">
        <v>113</v>
      </c>
      <c r="DI40" s="114">
        <v>0</v>
      </c>
      <c r="DJ40" s="115">
        <v>0</v>
      </c>
      <c r="DK40" s="116">
        <v>0</v>
      </c>
      <c r="DL40" s="414">
        <v>0</v>
      </c>
      <c r="DM40" s="115">
        <v>0</v>
      </c>
      <c r="DN40" s="115">
        <v>0</v>
      </c>
      <c r="DO40" s="115">
        <v>0</v>
      </c>
      <c r="DP40" s="115">
        <v>0</v>
      </c>
      <c r="DQ40" s="115">
        <v>1</v>
      </c>
      <c r="DR40" s="116">
        <v>1</v>
      </c>
      <c r="DS40" s="117">
        <v>1</v>
      </c>
      <c r="DT40" s="114">
        <v>2</v>
      </c>
      <c r="DU40" s="115">
        <v>0</v>
      </c>
      <c r="DV40" s="116">
        <v>2</v>
      </c>
      <c r="DW40" s="414">
        <v>0</v>
      </c>
      <c r="DX40" s="115">
        <v>0</v>
      </c>
      <c r="DY40" s="115">
        <v>0</v>
      </c>
      <c r="DZ40" s="115">
        <v>1</v>
      </c>
      <c r="EA40" s="115">
        <v>1</v>
      </c>
      <c r="EB40" s="115">
        <v>1</v>
      </c>
      <c r="EC40" s="116">
        <v>3</v>
      </c>
      <c r="ED40" s="117">
        <v>5</v>
      </c>
      <c r="EE40" s="114">
        <v>1</v>
      </c>
      <c r="EF40" s="115">
        <v>1</v>
      </c>
      <c r="EG40" s="116">
        <v>2</v>
      </c>
      <c r="EH40" s="414">
        <v>0</v>
      </c>
      <c r="EI40" s="115">
        <v>1</v>
      </c>
      <c r="EJ40" s="115">
        <v>4</v>
      </c>
      <c r="EK40" s="115">
        <v>2</v>
      </c>
      <c r="EL40" s="115">
        <v>1</v>
      </c>
      <c r="EM40" s="115">
        <v>0</v>
      </c>
      <c r="EN40" s="116">
        <v>8</v>
      </c>
      <c r="EO40" s="117">
        <v>10</v>
      </c>
      <c r="EP40" s="114">
        <v>4</v>
      </c>
      <c r="EQ40" s="115">
        <v>2</v>
      </c>
      <c r="ER40" s="116">
        <v>6</v>
      </c>
      <c r="ES40" s="414">
        <v>0</v>
      </c>
      <c r="ET40" s="115">
        <v>5</v>
      </c>
      <c r="EU40" s="115">
        <v>3</v>
      </c>
      <c r="EV40" s="115">
        <v>2</v>
      </c>
      <c r="EW40" s="115">
        <v>4</v>
      </c>
      <c r="EX40" s="115">
        <v>4</v>
      </c>
      <c r="EY40" s="116">
        <v>18</v>
      </c>
      <c r="EZ40" s="117">
        <v>24</v>
      </c>
      <c r="FA40" s="114">
        <v>5</v>
      </c>
      <c r="FB40" s="115">
        <v>0</v>
      </c>
      <c r="FC40" s="116">
        <v>5</v>
      </c>
      <c r="FD40" s="414">
        <v>0</v>
      </c>
      <c r="FE40" s="115">
        <v>6</v>
      </c>
      <c r="FF40" s="115">
        <v>4</v>
      </c>
      <c r="FG40" s="115">
        <v>9</v>
      </c>
      <c r="FH40" s="115">
        <v>6</v>
      </c>
      <c r="FI40" s="115">
        <v>4</v>
      </c>
      <c r="FJ40" s="116">
        <v>29</v>
      </c>
      <c r="FK40" s="117">
        <v>34</v>
      </c>
      <c r="FL40" s="114">
        <v>3</v>
      </c>
      <c r="FM40" s="115">
        <v>1</v>
      </c>
      <c r="FN40" s="116">
        <v>4</v>
      </c>
      <c r="FO40" s="414">
        <v>0</v>
      </c>
      <c r="FP40" s="115">
        <v>7</v>
      </c>
      <c r="FQ40" s="115">
        <v>7</v>
      </c>
      <c r="FR40" s="115">
        <v>7</v>
      </c>
      <c r="FS40" s="115">
        <v>11</v>
      </c>
      <c r="FT40" s="115">
        <v>3</v>
      </c>
      <c r="FU40" s="116">
        <v>35</v>
      </c>
      <c r="FV40" s="117">
        <v>39</v>
      </c>
      <c r="FW40" s="114">
        <v>0</v>
      </c>
      <c r="FX40" s="115">
        <v>0</v>
      </c>
      <c r="FY40" s="116">
        <v>0</v>
      </c>
      <c r="FZ40" s="414">
        <v>0</v>
      </c>
      <c r="GA40" s="115">
        <v>0</v>
      </c>
      <c r="GB40" s="115">
        <v>1</v>
      </c>
      <c r="GC40" s="115">
        <v>0</v>
      </c>
      <c r="GD40" s="115">
        <v>0</v>
      </c>
      <c r="GE40" s="115">
        <v>0</v>
      </c>
      <c r="GF40" s="116">
        <v>1</v>
      </c>
      <c r="GG40" s="117">
        <v>1</v>
      </c>
      <c r="GH40" s="114">
        <v>15</v>
      </c>
      <c r="GI40" s="115">
        <v>4</v>
      </c>
      <c r="GJ40" s="116">
        <v>19</v>
      </c>
      <c r="GK40" s="414">
        <v>0</v>
      </c>
      <c r="GL40" s="115">
        <v>19</v>
      </c>
      <c r="GM40" s="115">
        <v>19</v>
      </c>
      <c r="GN40" s="115">
        <v>21</v>
      </c>
      <c r="GO40" s="115">
        <v>23</v>
      </c>
      <c r="GP40" s="115">
        <v>13</v>
      </c>
      <c r="GQ40" s="116">
        <v>95</v>
      </c>
      <c r="GR40" s="117">
        <v>114</v>
      </c>
      <c r="GS40" s="118">
        <v>17</v>
      </c>
      <c r="GT40" s="110">
        <v>5</v>
      </c>
      <c r="GU40" s="111">
        <v>22</v>
      </c>
      <c r="GV40" s="414">
        <v>0</v>
      </c>
      <c r="GW40" s="110">
        <v>27</v>
      </c>
      <c r="GX40" s="110">
        <v>33</v>
      </c>
      <c r="GY40" s="110">
        <v>29</v>
      </c>
      <c r="GZ40" s="110">
        <v>26</v>
      </c>
      <c r="HA40" s="110">
        <v>19</v>
      </c>
      <c r="HB40" s="112">
        <v>134</v>
      </c>
      <c r="HC40" s="113">
        <v>156</v>
      </c>
      <c r="HD40" s="114">
        <v>1</v>
      </c>
      <c r="HE40" s="115">
        <v>1</v>
      </c>
      <c r="HF40" s="116">
        <v>2</v>
      </c>
      <c r="HG40" s="417">
        <v>0</v>
      </c>
      <c r="HH40" s="115">
        <v>0</v>
      </c>
      <c r="HI40" s="115">
        <v>0</v>
      </c>
      <c r="HJ40" s="115">
        <v>0</v>
      </c>
      <c r="HK40" s="115">
        <v>1</v>
      </c>
      <c r="HL40" s="115">
        <v>1</v>
      </c>
      <c r="HM40" s="116">
        <v>2</v>
      </c>
      <c r="HN40" s="117">
        <v>4</v>
      </c>
      <c r="HO40" s="114">
        <v>3</v>
      </c>
      <c r="HP40" s="115">
        <v>0</v>
      </c>
      <c r="HQ40" s="116">
        <v>3</v>
      </c>
      <c r="HR40" s="414">
        <v>0</v>
      </c>
      <c r="HS40" s="115">
        <v>0</v>
      </c>
      <c r="HT40" s="115">
        <v>0</v>
      </c>
      <c r="HU40" s="115">
        <v>4</v>
      </c>
      <c r="HV40" s="115">
        <v>2</v>
      </c>
      <c r="HW40" s="115">
        <v>2</v>
      </c>
      <c r="HX40" s="116">
        <v>8</v>
      </c>
      <c r="HY40" s="117">
        <v>11</v>
      </c>
      <c r="HZ40" s="114">
        <v>1</v>
      </c>
      <c r="IA40" s="115">
        <v>1</v>
      </c>
      <c r="IB40" s="116">
        <v>2</v>
      </c>
      <c r="IC40" s="414">
        <v>0</v>
      </c>
      <c r="ID40" s="115">
        <v>3</v>
      </c>
      <c r="IE40" s="115">
        <v>10</v>
      </c>
      <c r="IF40" s="115">
        <v>4</v>
      </c>
      <c r="IG40" s="115">
        <v>1</v>
      </c>
      <c r="IH40" s="115">
        <v>0</v>
      </c>
      <c r="II40" s="116">
        <v>18</v>
      </c>
      <c r="IJ40" s="117">
        <v>20</v>
      </c>
      <c r="IK40" s="114">
        <v>4</v>
      </c>
      <c r="IL40" s="115">
        <v>2</v>
      </c>
      <c r="IM40" s="116">
        <v>6</v>
      </c>
      <c r="IN40" s="414">
        <v>0</v>
      </c>
      <c r="IO40" s="115">
        <v>8</v>
      </c>
      <c r="IP40" s="115">
        <v>8</v>
      </c>
      <c r="IQ40" s="115">
        <v>3</v>
      </c>
      <c r="IR40" s="115">
        <v>4</v>
      </c>
      <c r="IS40" s="115">
        <v>4</v>
      </c>
      <c r="IT40" s="116">
        <v>27</v>
      </c>
      <c r="IU40" s="117">
        <v>33</v>
      </c>
      <c r="IV40" s="114">
        <v>5</v>
      </c>
      <c r="IW40" s="115">
        <v>0</v>
      </c>
      <c r="IX40" s="116">
        <v>5</v>
      </c>
      <c r="IY40" s="414">
        <v>0</v>
      </c>
      <c r="IZ40" s="115">
        <v>7</v>
      </c>
      <c r="JA40" s="115">
        <v>6</v>
      </c>
      <c r="JB40" s="115">
        <v>11</v>
      </c>
      <c r="JC40" s="115">
        <v>7</v>
      </c>
      <c r="JD40" s="115">
        <v>7</v>
      </c>
      <c r="JE40" s="116">
        <v>38</v>
      </c>
      <c r="JF40" s="117">
        <v>43</v>
      </c>
      <c r="JG40" s="114">
        <v>3</v>
      </c>
      <c r="JH40" s="115">
        <v>1</v>
      </c>
      <c r="JI40" s="116">
        <v>4</v>
      </c>
      <c r="JJ40" s="414">
        <v>0</v>
      </c>
      <c r="JK40" s="115">
        <v>9</v>
      </c>
      <c r="JL40" s="115">
        <v>9</v>
      </c>
      <c r="JM40" s="115">
        <v>7</v>
      </c>
      <c r="JN40" s="115">
        <v>11</v>
      </c>
      <c r="JO40" s="115">
        <v>5</v>
      </c>
      <c r="JP40" s="116">
        <v>41</v>
      </c>
      <c r="JQ40" s="117">
        <v>45</v>
      </c>
      <c r="JR40" s="114">
        <v>0</v>
      </c>
      <c r="JS40" s="115">
        <v>0</v>
      </c>
      <c r="JT40" s="116">
        <v>0</v>
      </c>
      <c r="JU40" s="414">
        <v>0</v>
      </c>
      <c r="JV40" s="115">
        <v>0</v>
      </c>
      <c r="JW40" s="115">
        <v>3</v>
      </c>
      <c r="JX40" s="115">
        <v>0</v>
      </c>
      <c r="JY40" s="115">
        <v>2</v>
      </c>
      <c r="JZ40" s="115">
        <v>0</v>
      </c>
      <c r="KA40" s="116">
        <v>5</v>
      </c>
      <c r="KB40" s="117">
        <v>5</v>
      </c>
      <c r="KC40" s="114">
        <v>17</v>
      </c>
      <c r="KD40" s="115">
        <v>5</v>
      </c>
      <c r="KE40" s="116">
        <v>22</v>
      </c>
      <c r="KF40" s="414">
        <v>0</v>
      </c>
      <c r="KG40" s="115">
        <v>27</v>
      </c>
      <c r="KH40" s="115">
        <v>36</v>
      </c>
      <c r="KI40" s="115">
        <v>29</v>
      </c>
      <c r="KJ40" s="115">
        <v>28</v>
      </c>
      <c r="KK40" s="115">
        <v>19</v>
      </c>
      <c r="KL40" s="116">
        <v>139</v>
      </c>
      <c r="KM40" s="117">
        <v>161</v>
      </c>
    </row>
    <row r="41" spans="2:299" ht="32.25" customHeight="1" x14ac:dyDescent="0.2"/>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8" width="9.6640625" style="71" bestFit="1" customWidth="1"/>
    <col min="9" max="9" width="9.109375" style="71" bestFit="1" customWidth="1"/>
    <col min="10"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12</v>
      </c>
      <c r="H1" s="445">
        <f>IF(G1&lt;3,G1-2+12,G1-2)</f>
        <v>10</v>
      </c>
      <c r="I1" s="445"/>
    </row>
    <row r="2" spans="2:43" ht="24" customHeight="1" thickBot="1" x14ac:dyDescent="0.25">
      <c r="B2" s="10" t="s">
        <v>155</v>
      </c>
      <c r="F2" s="10" t="s">
        <v>137</v>
      </c>
    </row>
    <row r="3" spans="2:43" ht="21" customHeight="1" x14ac:dyDescent="0.2">
      <c r="B3" s="502"/>
      <c r="C3" s="505" t="s">
        <v>57</v>
      </c>
      <c r="D3" s="506"/>
      <c r="E3" s="506"/>
      <c r="F3" s="506"/>
      <c r="G3" s="506"/>
      <c r="H3" s="506"/>
      <c r="I3" s="506"/>
      <c r="J3" s="506"/>
      <c r="K3" s="506"/>
      <c r="L3" s="506"/>
      <c r="M3" s="505" t="s">
        <v>58</v>
      </c>
      <c r="N3" s="508"/>
      <c r="O3" s="508"/>
      <c r="P3" s="508"/>
      <c r="Q3" s="508"/>
      <c r="R3" s="508"/>
      <c r="S3" s="508"/>
      <c r="T3" s="508"/>
      <c r="U3" s="508"/>
      <c r="V3" s="508"/>
      <c r="W3" s="505" t="s">
        <v>59</v>
      </c>
      <c r="X3" s="506"/>
      <c r="Y3" s="506"/>
      <c r="Z3" s="506"/>
      <c r="AA3" s="506"/>
      <c r="AB3" s="506"/>
      <c r="AC3" s="506"/>
      <c r="AD3" s="506"/>
      <c r="AE3" s="506"/>
      <c r="AF3" s="506"/>
      <c r="AG3" s="505" t="s">
        <v>148</v>
      </c>
      <c r="AH3" s="506"/>
      <c r="AI3" s="506"/>
      <c r="AJ3" s="506"/>
      <c r="AK3" s="506"/>
      <c r="AL3" s="506"/>
      <c r="AM3" s="506"/>
      <c r="AN3" s="506"/>
      <c r="AO3" s="506"/>
      <c r="AP3" s="507"/>
    </row>
    <row r="4" spans="2:43" ht="21" customHeight="1" x14ac:dyDescent="0.2">
      <c r="B4" s="504"/>
      <c r="C4" s="510" t="s">
        <v>61</v>
      </c>
      <c r="D4" s="511"/>
      <c r="E4" s="512"/>
      <c r="F4" s="513" t="s">
        <v>62</v>
      </c>
      <c r="G4" s="514"/>
      <c r="H4" s="514"/>
      <c r="I4" s="514"/>
      <c r="J4" s="514"/>
      <c r="K4" s="515"/>
      <c r="L4" s="525" t="s">
        <v>52</v>
      </c>
      <c r="M4" s="510" t="s">
        <v>61</v>
      </c>
      <c r="N4" s="511"/>
      <c r="O4" s="512"/>
      <c r="P4" s="513" t="s">
        <v>62</v>
      </c>
      <c r="Q4" s="514"/>
      <c r="R4" s="514"/>
      <c r="S4" s="514"/>
      <c r="T4" s="514"/>
      <c r="U4" s="515"/>
      <c r="V4" s="516" t="s">
        <v>52</v>
      </c>
      <c r="W4" s="510" t="s">
        <v>61</v>
      </c>
      <c r="X4" s="511"/>
      <c r="Y4" s="512"/>
      <c r="Z4" s="513" t="s">
        <v>62</v>
      </c>
      <c r="AA4" s="514"/>
      <c r="AB4" s="514"/>
      <c r="AC4" s="514"/>
      <c r="AD4" s="514"/>
      <c r="AE4" s="515"/>
      <c r="AF4" s="525" t="s">
        <v>52</v>
      </c>
      <c r="AG4" s="510" t="s">
        <v>61</v>
      </c>
      <c r="AH4" s="511"/>
      <c r="AI4" s="512"/>
      <c r="AJ4" s="513" t="s">
        <v>62</v>
      </c>
      <c r="AK4" s="514"/>
      <c r="AL4" s="514"/>
      <c r="AM4" s="514"/>
      <c r="AN4" s="514"/>
      <c r="AO4" s="515"/>
      <c r="AP4" s="516"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24"/>
      <c r="M5" s="229" t="s">
        <v>43</v>
      </c>
      <c r="N5" s="230" t="s">
        <v>44</v>
      </c>
      <c r="O5" s="234" t="s">
        <v>45</v>
      </c>
      <c r="P5" s="235" t="s">
        <v>47</v>
      </c>
      <c r="Q5" s="232" t="s">
        <v>48</v>
      </c>
      <c r="R5" s="232" t="s">
        <v>49</v>
      </c>
      <c r="S5" s="233" t="s">
        <v>50</v>
      </c>
      <c r="T5" s="230" t="s">
        <v>51</v>
      </c>
      <c r="U5" s="234" t="s">
        <v>45</v>
      </c>
      <c r="V5" s="517"/>
      <c r="W5" s="229" t="s">
        <v>43</v>
      </c>
      <c r="X5" s="230" t="s">
        <v>44</v>
      </c>
      <c r="Y5" s="230" t="s">
        <v>45</v>
      </c>
      <c r="Z5" s="231" t="s">
        <v>47</v>
      </c>
      <c r="AA5" s="232" t="s">
        <v>48</v>
      </c>
      <c r="AB5" s="232" t="s">
        <v>49</v>
      </c>
      <c r="AC5" s="233" t="s">
        <v>50</v>
      </c>
      <c r="AD5" s="230" t="s">
        <v>51</v>
      </c>
      <c r="AE5" s="234" t="s">
        <v>45</v>
      </c>
      <c r="AF5" s="524"/>
      <c r="AG5" s="229" t="s">
        <v>43</v>
      </c>
      <c r="AH5" s="230" t="s">
        <v>44</v>
      </c>
      <c r="AI5" s="230" t="s">
        <v>45</v>
      </c>
      <c r="AJ5" s="231" t="s">
        <v>47</v>
      </c>
      <c r="AK5" s="232" t="s">
        <v>48</v>
      </c>
      <c r="AL5" s="232" t="s">
        <v>49</v>
      </c>
      <c r="AM5" s="233" t="s">
        <v>50</v>
      </c>
      <c r="AN5" s="230" t="s">
        <v>51</v>
      </c>
      <c r="AO5" s="234" t="s">
        <v>45</v>
      </c>
      <c r="AP5" s="517"/>
    </row>
    <row r="6" spans="2:43" ht="21" customHeight="1" x14ac:dyDescent="0.2">
      <c r="B6" s="84" t="s">
        <v>4</v>
      </c>
      <c r="C6" s="211">
        <v>0</v>
      </c>
      <c r="D6" s="213">
        <v>0</v>
      </c>
      <c r="E6" s="213">
        <v>0</v>
      </c>
      <c r="F6" s="214">
        <v>17</v>
      </c>
      <c r="G6" s="212">
        <v>64</v>
      </c>
      <c r="H6" s="212">
        <v>485</v>
      </c>
      <c r="I6" s="212">
        <v>684</v>
      </c>
      <c r="J6" s="213">
        <v>359</v>
      </c>
      <c r="K6" s="236">
        <v>1609</v>
      </c>
      <c r="L6" s="237">
        <v>1609</v>
      </c>
      <c r="M6" s="211">
        <v>0</v>
      </c>
      <c r="N6" s="213">
        <v>0</v>
      </c>
      <c r="O6" s="236">
        <v>0</v>
      </c>
      <c r="P6" s="216">
        <v>91</v>
      </c>
      <c r="Q6" s="212">
        <v>179</v>
      </c>
      <c r="R6" s="212">
        <v>303</v>
      </c>
      <c r="S6" s="212">
        <v>332</v>
      </c>
      <c r="T6" s="213">
        <v>166</v>
      </c>
      <c r="U6" s="236">
        <v>1071</v>
      </c>
      <c r="V6" s="215">
        <v>1071</v>
      </c>
      <c r="W6" s="216">
        <v>0</v>
      </c>
      <c r="X6" s="213">
        <v>0</v>
      </c>
      <c r="Y6" s="213">
        <v>0</v>
      </c>
      <c r="Z6" s="214">
        <v>0</v>
      </c>
      <c r="AA6" s="212">
        <v>0</v>
      </c>
      <c r="AB6" s="212">
        <v>0</v>
      </c>
      <c r="AC6" s="212">
        <v>0</v>
      </c>
      <c r="AD6" s="213">
        <v>0</v>
      </c>
      <c r="AE6" s="236">
        <v>0</v>
      </c>
      <c r="AF6" s="237">
        <v>0</v>
      </c>
      <c r="AG6" s="211">
        <v>0</v>
      </c>
      <c r="AH6" s="213">
        <v>0</v>
      </c>
      <c r="AI6" s="213">
        <v>0</v>
      </c>
      <c r="AJ6" s="214">
        <v>0</v>
      </c>
      <c r="AK6" s="212">
        <v>1</v>
      </c>
      <c r="AL6" s="212">
        <v>2</v>
      </c>
      <c r="AM6" s="212">
        <v>16</v>
      </c>
      <c r="AN6" s="213">
        <v>20</v>
      </c>
      <c r="AO6" s="236">
        <v>39</v>
      </c>
      <c r="AP6" s="238">
        <v>39</v>
      </c>
      <c r="AQ6" s="239"/>
    </row>
    <row r="7" spans="2:43" ht="21" customHeight="1" x14ac:dyDescent="0.2">
      <c r="B7" s="95" t="s">
        <v>5</v>
      </c>
      <c r="C7" s="217">
        <v>0</v>
      </c>
      <c r="D7" s="219">
        <v>0</v>
      </c>
      <c r="E7" s="219">
        <v>0</v>
      </c>
      <c r="F7" s="220">
        <v>10</v>
      </c>
      <c r="G7" s="218">
        <v>50</v>
      </c>
      <c r="H7" s="218">
        <v>237</v>
      </c>
      <c r="I7" s="218">
        <v>321</v>
      </c>
      <c r="J7" s="219">
        <v>152</v>
      </c>
      <c r="K7" s="240">
        <v>770</v>
      </c>
      <c r="L7" s="241">
        <v>770</v>
      </c>
      <c r="M7" s="217">
        <v>0</v>
      </c>
      <c r="N7" s="219">
        <v>0</v>
      </c>
      <c r="O7" s="240">
        <v>0</v>
      </c>
      <c r="P7" s="222">
        <v>42</v>
      </c>
      <c r="Q7" s="218">
        <v>99</v>
      </c>
      <c r="R7" s="218">
        <v>142</v>
      </c>
      <c r="S7" s="218">
        <v>179</v>
      </c>
      <c r="T7" s="219">
        <v>87</v>
      </c>
      <c r="U7" s="240">
        <v>549</v>
      </c>
      <c r="V7" s="221">
        <v>549</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1</v>
      </c>
      <c r="AM7" s="218">
        <v>6</v>
      </c>
      <c r="AN7" s="219">
        <v>6</v>
      </c>
      <c r="AO7" s="240">
        <v>13</v>
      </c>
      <c r="AP7" s="242">
        <v>13</v>
      </c>
      <c r="AQ7" s="239"/>
    </row>
    <row r="8" spans="2:43" ht="21" customHeight="1" x14ac:dyDescent="0.2">
      <c r="B8" s="106" t="s">
        <v>6</v>
      </c>
      <c r="C8" s="217">
        <v>0</v>
      </c>
      <c r="D8" s="219">
        <v>0</v>
      </c>
      <c r="E8" s="219">
        <v>0</v>
      </c>
      <c r="F8" s="220">
        <v>4</v>
      </c>
      <c r="G8" s="218">
        <v>6</v>
      </c>
      <c r="H8" s="218">
        <v>53</v>
      </c>
      <c r="I8" s="218">
        <v>69</v>
      </c>
      <c r="J8" s="219">
        <v>45</v>
      </c>
      <c r="K8" s="240">
        <v>177</v>
      </c>
      <c r="L8" s="241">
        <v>177</v>
      </c>
      <c r="M8" s="217">
        <v>0</v>
      </c>
      <c r="N8" s="219">
        <v>0</v>
      </c>
      <c r="O8" s="240">
        <v>0</v>
      </c>
      <c r="P8" s="222">
        <v>8</v>
      </c>
      <c r="Q8" s="218">
        <v>15</v>
      </c>
      <c r="R8" s="218">
        <v>39</v>
      </c>
      <c r="S8" s="218">
        <v>34</v>
      </c>
      <c r="T8" s="219">
        <v>23</v>
      </c>
      <c r="U8" s="240">
        <v>119</v>
      </c>
      <c r="V8" s="221">
        <v>119</v>
      </c>
      <c r="W8" s="222">
        <v>0</v>
      </c>
      <c r="X8" s="219">
        <v>0</v>
      </c>
      <c r="Y8" s="219">
        <v>0</v>
      </c>
      <c r="Z8" s="220">
        <v>0</v>
      </c>
      <c r="AA8" s="218">
        <v>0</v>
      </c>
      <c r="AB8" s="218">
        <v>0</v>
      </c>
      <c r="AC8" s="218">
        <v>0</v>
      </c>
      <c r="AD8" s="219">
        <v>0</v>
      </c>
      <c r="AE8" s="240">
        <v>0</v>
      </c>
      <c r="AF8" s="241">
        <v>0</v>
      </c>
      <c r="AG8" s="217">
        <v>0</v>
      </c>
      <c r="AH8" s="219">
        <v>0</v>
      </c>
      <c r="AI8" s="219">
        <v>0</v>
      </c>
      <c r="AJ8" s="220">
        <v>0</v>
      </c>
      <c r="AK8" s="218">
        <v>0</v>
      </c>
      <c r="AL8" s="218">
        <v>0</v>
      </c>
      <c r="AM8" s="218">
        <v>1</v>
      </c>
      <c r="AN8" s="219">
        <v>0</v>
      </c>
      <c r="AO8" s="240">
        <v>1</v>
      </c>
      <c r="AP8" s="242">
        <v>1</v>
      </c>
      <c r="AQ8" s="239"/>
    </row>
    <row r="9" spans="2:43" ht="21" customHeight="1" x14ac:dyDescent="0.2">
      <c r="B9" s="106" t="s">
        <v>14</v>
      </c>
      <c r="C9" s="217">
        <v>0</v>
      </c>
      <c r="D9" s="219">
        <v>0</v>
      </c>
      <c r="E9" s="219">
        <v>0</v>
      </c>
      <c r="F9" s="220">
        <v>0</v>
      </c>
      <c r="G9" s="218">
        <v>1</v>
      </c>
      <c r="H9" s="218">
        <v>44</v>
      </c>
      <c r="I9" s="218">
        <v>54</v>
      </c>
      <c r="J9" s="219">
        <v>30</v>
      </c>
      <c r="K9" s="240">
        <v>129</v>
      </c>
      <c r="L9" s="241">
        <v>129</v>
      </c>
      <c r="M9" s="217">
        <v>0</v>
      </c>
      <c r="N9" s="219">
        <v>0</v>
      </c>
      <c r="O9" s="240">
        <v>0</v>
      </c>
      <c r="P9" s="222">
        <v>1</v>
      </c>
      <c r="Q9" s="218">
        <v>12</v>
      </c>
      <c r="R9" s="218">
        <v>22</v>
      </c>
      <c r="S9" s="218">
        <v>15</v>
      </c>
      <c r="T9" s="219">
        <v>8</v>
      </c>
      <c r="U9" s="240">
        <v>58</v>
      </c>
      <c r="V9" s="221">
        <v>58</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0</v>
      </c>
      <c r="AM9" s="218">
        <v>4</v>
      </c>
      <c r="AN9" s="219">
        <v>8</v>
      </c>
      <c r="AO9" s="240">
        <v>12</v>
      </c>
      <c r="AP9" s="242">
        <v>12</v>
      </c>
      <c r="AQ9" s="239"/>
    </row>
    <row r="10" spans="2:43" ht="21" customHeight="1" x14ac:dyDescent="0.2">
      <c r="B10" s="106" t="s">
        <v>7</v>
      </c>
      <c r="C10" s="217">
        <v>0</v>
      </c>
      <c r="D10" s="219">
        <v>0</v>
      </c>
      <c r="E10" s="219">
        <v>0</v>
      </c>
      <c r="F10" s="220">
        <v>1</v>
      </c>
      <c r="G10" s="218">
        <v>1</v>
      </c>
      <c r="H10" s="218">
        <v>35</v>
      </c>
      <c r="I10" s="218">
        <v>51</v>
      </c>
      <c r="J10" s="219">
        <v>22</v>
      </c>
      <c r="K10" s="240">
        <v>110</v>
      </c>
      <c r="L10" s="241">
        <v>110</v>
      </c>
      <c r="M10" s="217">
        <v>0</v>
      </c>
      <c r="N10" s="219">
        <v>0</v>
      </c>
      <c r="O10" s="240">
        <v>0</v>
      </c>
      <c r="P10" s="222">
        <v>15</v>
      </c>
      <c r="Q10" s="218">
        <v>11</v>
      </c>
      <c r="R10" s="218">
        <v>13</v>
      </c>
      <c r="S10" s="218">
        <v>16</v>
      </c>
      <c r="T10" s="219">
        <v>5</v>
      </c>
      <c r="U10" s="240">
        <v>60</v>
      </c>
      <c r="V10" s="221">
        <v>60</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2</v>
      </c>
      <c r="AN10" s="219">
        <v>0</v>
      </c>
      <c r="AO10" s="240">
        <v>2</v>
      </c>
      <c r="AP10" s="242">
        <v>2</v>
      </c>
      <c r="AQ10" s="239"/>
    </row>
    <row r="11" spans="2:43" ht="21" customHeight="1" x14ac:dyDescent="0.2">
      <c r="B11" s="106" t="s">
        <v>8</v>
      </c>
      <c r="C11" s="217">
        <v>0</v>
      </c>
      <c r="D11" s="219">
        <v>0</v>
      </c>
      <c r="E11" s="219">
        <v>0</v>
      </c>
      <c r="F11" s="220">
        <v>1</v>
      </c>
      <c r="G11" s="218">
        <v>1</v>
      </c>
      <c r="H11" s="218">
        <v>14</v>
      </c>
      <c r="I11" s="218">
        <v>10</v>
      </c>
      <c r="J11" s="219">
        <v>8</v>
      </c>
      <c r="K11" s="240">
        <v>34</v>
      </c>
      <c r="L11" s="241">
        <v>34</v>
      </c>
      <c r="M11" s="217">
        <v>0</v>
      </c>
      <c r="N11" s="219">
        <v>0</v>
      </c>
      <c r="O11" s="240">
        <v>0</v>
      </c>
      <c r="P11" s="222">
        <v>2</v>
      </c>
      <c r="Q11" s="218">
        <v>0</v>
      </c>
      <c r="R11" s="218">
        <v>7</v>
      </c>
      <c r="S11" s="218">
        <v>3</v>
      </c>
      <c r="T11" s="219">
        <v>4</v>
      </c>
      <c r="U11" s="240">
        <v>16</v>
      </c>
      <c r="V11" s="221">
        <v>16</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0</v>
      </c>
      <c r="AN11" s="219">
        <v>0</v>
      </c>
      <c r="AO11" s="240">
        <v>0</v>
      </c>
      <c r="AP11" s="242">
        <v>0</v>
      </c>
      <c r="AQ11" s="239"/>
    </row>
    <row r="12" spans="2:43" ht="21" customHeight="1" x14ac:dyDescent="0.2">
      <c r="B12" s="106" t="s">
        <v>9</v>
      </c>
      <c r="C12" s="217">
        <v>0</v>
      </c>
      <c r="D12" s="219">
        <v>0</v>
      </c>
      <c r="E12" s="219">
        <v>0</v>
      </c>
      <c r="F12" s="220">
        <v>0</v>
      </c>
      <c r="G12" s="218">
        <v>0</v>
      </c>
      <c r="H12" s="218">
        <v>13</v>
      </c>
      <c r="I12" s="218">
        <v>21</v>
      </c>
      <c r="J12" s="219">
        <v>8</v>
      </c>
      <c r="K12" s="240">
        <v>42</v>
      </c>
      <c r="L12" s="241">
        <v>42</v>
      </c>
      <c r="M12" s="217">
        <v>0</v>
      </c>
      <c r="N12" s="219">
        <v>0</v>
      </c>
      <c r="O12" s="240">
        <v>0</v>
      </c>
      <c r="P12" s="222">
        <v>3</v>
      </c>
      <c r="Q12" s="218">
        <v>4</v>
      </c>
      <c r="R12" s="218">
        <v>7</v>
      </c>
      <c r="S12" s="218">
        <v>9</v>
      </c>
      <c r="T12" s="219">
        <v>4</v>
      </c>
      <c r="U12" s="240">
        <v>27</v>
      </c>
      <c r="V12" s="221">
        <v>27</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1</v>
      </c>
      <c r="AO12" s="240">
        <v>1</v>
      </c>
      <c r="AP12" s="242">
        <v>1</v>
      </c>
      <c r="AQ12" s="239"/>
    </row>
    <row r="13" spans="2:43" ht="21" customHeight="1" x14ac:dyDescent="0.2">
      <c r="B13" s="106" t="s">
        <v>10</v>
      </c>
      <c r="C13" s="217">
        <v>0</v>
      </c>
      <c r="D13" s="219">
        <v>0</v>
      </c>
      <c r="E13" s="219">
        <v>0</v>
      </c>
      <c r="F13" s="220">
        <v>0</v>
      </c>
      <c r="G13" s="218">
        <v>0</v>
      </c>
      <c r="H13" s="218">
        <v>14</v>
      </c>
      <c r="I13" s="218">
        <v>29</v>
      </c>
      <c r="J13" s="219">
        <v>15</v>
      </c>
      <c r="K13" s="240">
        <v>58</v>
      </c>
      <c r="L13" s="241">
        <v>58</v>
      </c>
      <c r="M13" s="217">
        <v>0</v>
      </c>
      <c r="N13" s="219">
        <v>0</v>
      </c>
      <c r="O13" s="240">
        <v>0</v>
      </c>
      <c r="P13" s="222">
        <v>3</v>
      </c>
      <c r="Q13" s="218">
        <v>6</v>
      </c>
      <c r="R13" s="218">
        <v>5</v>
      </c>
      <c r="S13" s="218">
        <v>7</v>
      </c>
      <c r="T13" s="219">
        <v>6</v>
      </c>
      <c r="U13" s="240">
        <v>27</v>
      </c>
      <c r="V13" s="221">
        <v>27</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0</v>
      </c>
      <c r="AM13" s="218">
        <v>1</v>
      </c>
      <c r="AN13" s="219">
        <v>1</v>
      </c>
      <c r="AO13" s="240">
        <v>2</v>
      </c>
      <c r="AP13" s="242">
        <v>2</v>
      </c>
      <c r="AQ13" s="239"/>
    </row>
    <row r="14" spans="2:43" ht="21" customHeight="1" x14ac:dyDescent="0.2">
      <c r="B14" s="106" t="s">
        <v>11</v>
      </c>
      <c r="C14" s="217">
        <v>0</v>
      </c>
      <c r="D14" s="219">
        <v>0</v>
      </c>
      <c r="E14" s="219">
        <v>0</v>
      </c>
      <c r="F14" s="220">
        <v>0</v>
      </c>
      <c r="G14" s="218">
        <v>0</v>
      </c>
      <c r="H14" s="218">
        <v>3</v>
      </c>
      <c r="I14" s="218">
        <v>16</v>
      </c>
      <c r="J14" s="219">
        <v>6</v>
      </c>
      <c r="K14" s="240">
        <v>25</v>
      </c>
      <c r="L14" s="241">
        <v>25</v>
      </c>
      <c r="M14" s="217">
        <v>0</v>
      </c>
      <c r="N14" s="219">
        <v>0</v>
      </c>
      <c r="O14" s="240">
        <v>0</v>
      </c>
      <c r="P14" s="222">
        <v>1</v>
      </c>
      <c r="Q14" s="218">
        <v>2</v>
      </c>
      <c r="R14" s="218">
        <v>9</v>
      </c>
      <c r="S14" s="218">
        <v>6</v>
      </c>
      <c r="T14" s="219">
        <v>6</v>
      </c>
      <c r="U14" s="240">
        <v>24</v>
      </c>
      <c r="V14" s="221">
        <v>24</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1</v>
      </c>
      <c r="AL14" s="218">
        <v>0</v>
      </c>
      <c r="AM14" s="218">
        <v>1</v>
      </c>
      <c r="AN14" s="219">
        <v>0</v>
      </c>
      <c r="AO14" s="240">
        <v>2</v>
      </c>
      <c r="AP14" s="242">
        <v>2</v>
      </c>
      <c r="AQ14" s="239"/>
    </row>
    <row r="15" spans="2:43" ht="21" customHeight="1" x14ac:dyDescent="0.2">
      <c r="B15" s="106" t="s">
        <v>12</v>
      </c>
      <c r="C15" s="217">
        <v>0</v>
      </c>
      <c r="D15" s="219">
        <v>0</v>
      </c>
      <c r="E15" s="219">
        <v>0</v>
      </c>
      <c r="F15" s="220">
        <v>0</v>
      </c>
      <c r="G15" s="218">
        <v>0</v>
      </c>
      <c r="H15" s="218">
        <v>6</v>
      </c>
      <c r="I15" s="218">
        <v>7</v>
      </c>
      <c r="J15" s="219">
        <v>6</v>
      </c>
      <c r="K15" s="240">
        <v>19</v>
      </c>
      <c r="L15" s="241">
        <v>19</v>
      </c>
      <c r="M15" s="217">
        <v>0</v>
      </c>
      <c r="N15" s="219">
        <v>0</v>
      </c>
      <c r="O15" s="240">
        <v>0</v>
      </c>
      <c r="P15" s="222">
        <v>1</v>
      </c>
      <c r="Q15" s="218">
        <v>3</v>
      </c>
      <c r="R15" s="218">
        <v>12</v>
      </c>
      <c r="S15" s="218">
        <v>11</v>
      </c>
      <c r="T15" s="219">
        <v>3</v>
      </c>
      <c r="U15" s="240">
        <v>30</v>
      </c>
      <c r="V15" s="221">
        <v>30</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0</v>
      </c>
      <c r="AN15" s="219">
        <v>0</v>
      </c>
      <c r="AO15" s="240">
        <v>0</v>
      </c>
      <c r="AP15" s="242">
        <v>0</v>
      </c>
      <c r="AQ15" s="239"/>
    </row>
    <row r="16" spans="2:43" ht="21" customHeight="1" x14ac:dyDescent="0.2">
      <c r="B16" s="106" t="s">
        <v>13</v>
      </c>
      <c r="C16" s="217">
        <v>0</v>
      </c>
      <c r="D16" s="219">
        <v>0</v>
      </c>
      <c r="E16" s="219">
        <v>0</v>
      </c>
      <c r="F16" s="220">
        <v>0</v>
      </c>
      <c r="G16" s="218">
        <v>2</v>
      </c>
      <c r="H16" s="218">
        <v>3</v>
      </c>
      <c r="I16" s="218">
        <v>8</v>
      </c>
      <c r="J16" s="219">
        <v>7</v>
      </c>
      <c r="K16" s="240">
        <v>20</v>
      </c>
      <c r="L16" s="241">
        <v>20</v>
      </c>
      <c r="M16" s="217">
        <v>0</v>
      </c>
      <c r="N16" s="219">
        <v>0</v>
      </c>
      <c r="O16" s="240">
        <v>0</v>
      </c>
      <c r="P16" s="222">
        <v>1</v>
      </c>
      <c r="Q16" s="218">
        <v>0</v>
      </c>
      <c r="R16" s="218">
        <v>2</v>
      </c>
      <c r="S16" s="218">
        <v>8</v>
      </c>
      <c r="T16" s="219">
        <v>0</v>
      </c>
      <c r="U16" s="240">
        <v>11</v>
      </c>
      <c r="V16" s="221">
        <v>11</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2</v>
      </c>
      <c r="I17" s="218">
        <v>10</v>
      </c>
      <c r="J17" s="219">
        <v>2</v>
      </c>
      <c r="K17" s="240">
        <v>14</v>
      </c>
      <c r="L17" s="241">
        <v>14</v>
      </c>
      <c r="M17" s="217">
        <v>0</v>
      </c>
      <c r="N17" s="219">
        <v>0</v>
      </c>
      <c r="O17" s="240">
        <v>0</v>
      </c>
      <c r="P17" s="222">
        <v>0</v>
      </c>
      <c r="Q17" s="218">
        <v>2</v>
      </c>
      <c r="R17" s="218">
        <v>0</v>
      </c>
      <c r="S17" s="218">
        <v>3</v>
      </c>
      <c r="T17" s="219">
        <v>2</v>
      </c>
      <c r="U17" s="240">
        <v>7</v>
      </c>
      <c r="V17" s="221">
        <v>7</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0</v>
      </c>
      <c r="H18" s="218">
        <v>7</v>
      </c>
      <c r="I18" s="218">
        <v>11</v>
      </c>
      <c r="J18" s="219">
        <v>5</v>
      </c>
      <c r="K18" s="240">
        <v>23</v>
      </c>
      <c r="L18" s="241">
        <v>23</v>
      </c>
      <c r="M18" s="217">
        <v>0</v>
      </c>
      <c r="N18" s="219">
        <v>0</v>
      </c>
      <c r="O18" s="240">
        <v>0</v>
      </c>
      <c r="P18" s="222">
        <v>5</v>
      </c>
      <c r="Q18" s="218">
        <v>7</v>
      </c>
      <c r="R18" s="218">
        <v>5</v>
      </c>
      <c r="S18" s="218">
        <v>7</v>
      </c>
      <c r="T18" s="219">
        <v>2</v>
      </c>
      <c r="U18" s="240">
        <v>26</v>
      </c>
      <c r="V18" s="221">
        <v>26</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1</v>
      </c>
      <c r="AO18" s="240">
        <v>1</v>
      </c>
      <c r="AP18" s="242">
        <v>1</v>
      </c>
      <c r="AQ18" s="239"/>
    </row>
    <row r="19" spans="2:43" ht="21" customHeight="1" x14ac:dyDescent="0.2">
      <c r="B19" s="106" t="s">
        <v>17</v>
      </c>
      <c r="C19" s="217">
        <v>0</v>
      </c>
      <c r="D19" s="219">
        <v>0</v>
      </c>
      <c r="E19" s="219">
        <v>0</v>
      </c>
      <c r="F19" s="220">
        <v>0</v>
      </c>
      <c r="G19" s="218">
        <v>0</v>
      </c>
      <c r="H19" s="218">
        <v>7</v>
      </c>
      <c r="I19" s="218">
        <v>12</v>
      </c>
      <c r="J19" s="219">
        <v>12</v>
      </c>
      <c r="K19" s="240">
        <v>31</v>
      </c>
      <c r="L19" s="241">
        <v>31</v>
      </c>
      <c r="M19" s="217">
        <v>0</v>
      </c>
      <c r="N19" s="219">
        <v>0</v>
      </c>
      <c r="O19" s="240">
        <v>0</v>
      </c>
      <c r="P19" s="222">
        <v>0</v>
      </c>
      <c r="Q19" s="218">
        <v>4</v>
      </c>
      <c r="R19" s="218">
        <v>6</v>
      </c>
      <c r="S19" s="218">
        <v>2</v>
      </c>
      <c r="T19" s="219">
        <v>4</v>
      </c>
      <c r="U19" s="240">
        <v>16</v>
      </c>
      <c r="V19" s="221">
        <v>16</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0</v>
      </c>
      <c r="AO19" s="240">
        <v>0</v>
      </c>
      <c r="AP19" s="242">
        <v>0</v>
      </c>
      <c r="AQ19" s="239"/>
    </row>
    <row r="20" spans="2:43" ht="21" customHeight="1" x14ac:dyDescent="0.2">
      <c r="B20" s="106" t="s">
        <v>18</v>
      </c>
      <c r="C20" s="217">
        <v>0</v>
      </c>
      <c r="D20" s="219">
        <v>0</v>
      </c>
      <c r="E20" s="219">
        <v>0</v>
      </c>
      <c r="F20" s="220">
        <v>0</v>
      </c>
      <c r="G20" s="218">
        <v>0</v>
      </c>
      <c r="H20" s="218">
        <v>10</v>
      </c>
      <c r="I20" s="218">
        <v>18</v>
      </c>
      <c r="J20" s="219">
        <v>6</v>
      </c>
      <c r="K20" s="240">
        <v>34</v>
      </c>
      <c r="L20" s="241">
        <v>34</v>
      </c>
      <c r="M20" s="217">
        <v>0</v>
      </c>
      <c r="N20" s="219">
        <v>0</v>
      </c>
      <c r="O20" s="240">
        <v>0</v>
      </c>
      <c r="P20" s="222">
        <v>1</v>
      </c>
      <c r="Q20" s="218">
        <v>4</v>
      </c>
      <c r="R20" s="218">
        <v>9</v>
      </c>
      <c r="S20" s="218">
        <v>5</v>
      </c>
      <c r="T20" s="219">
        <v>2</v>
      </c>
      <c r="U20" s="240">
        <v>21</v>
      </c>
      <c r="V20" s="221">
        <v>21</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0</v>
      </c>
      <c r="AN20" s="219">
        <v>1</v>
      </c>
      <c r="AO20" s="240">
        <v>1</v>
      </c>
      <c r="AP20" s="242">
        <v>1</v>
      </c>
      <c r="AQ20" s="239"/>
    </row>
    <row r="21" spans="2:43" ht="21" customHeight="1" x14ac:dyDescent="0.2">
      <c r="B21" s="106" t="s">
        <v>19</v>
      </c>
      <c r="C21" s="217">
        <v>0</v>
      </c>
      <c r="D21" s="219">
        <v>0</v>
      </c>
      <c r="E21" s="219">
        <v>0</v>
      </c>
      <c r="F21" s="220">
        <v>0</v>
      </c>
      <c r="G21" s="218">
        <v>0</v>
      </c>
      <c r="H21" s="218">
        <v>3</v>
      </c>
      <c r="I21" s="218">
        <v>5</v>
      </c>
      <c r="J21" s="219">
        <v>5</v>
      </c>
      <c r="K21" s="240">
        <v>13</v>
      </c>
      <c r="L21" s="241">
        <v>13</v>
      </c>
      <c r="M21" s="217">
        <v>0</v>
      </c>
      <c r="N21" s="219">
        <v>0</v>
      </c>
      <c r="O21" s="240">
        <v>0</v>
      </c>
      <c r="P21" s="222">
        <v>2</v>
      </c>
      <c r="Q21" s="218">
        <v>2</v>
      </c>
      <c r="R21" s="218">
        <v>2</v>
      </c>
      <c r="S21" s="218">
        <v>3</v>
      </c>
      <c r="T21" s="219">
        <v>0</v>
      </c>
      <c r="U21" s="240">
        <v>9</v>
      </c>
      <c r="V21" s="221">
        <v>9</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0</v>
      </c>
      <c r="AO21" s="240">
        <v>0</v>
      </c>
      <c r="AP21" s="242">
        <v>0</v>
      </c>
      <c r="AQ21" s="239"/>
    </row>
    <row r="22" spans="2:43" ht="21" customHeight="1" x14ac:dyDescent="0.2">
      <c r="B22" s="106" t="s">
        <v>20</v>
      </c>
      <c r="C22" s="217">
        <v>0</v>
      </c>
      <c r="D22" s="219">
        <v>0</v>
      </c>
      <c r="E22" s="219">
        <v>0</v>
      </c>
      <c r="F22" s="220">
        <v>0</v>
      </c>
      <c r="G22" s="218">
        <v>2</v>
      </c>
      <c r="H22" s="218">
        <v>5</v>
      </c>
      <c r="I22" s="218">
        <v>9</v>
      </c>
      <c r="J22" s="219">
        <v>5</v>
      </c>
      <c r="K22" s="240">
        <v>21</v>
      </c>
      <c r="L22" s="241">
        <v>21</v>
      </c>
      <c r="M22" s="217">
        <v>0</v>
      </c>
      <c r="N22" s="219">
        <v>0</v>
      </c>
      <c r="O22" s="240">
        <v>0</v>
      </c>
      <c r="P22" s="222">
        <v>0</v>
      </c>
      <c r="Q22" s="218">
        <v>2</v>
      </c>
      <c r="R22" s="218">
        <v>2</v>
      </c>
      <c r="S22" s="218">
        <v>3</v>
      </c>
      <c r="T22" s="219">
        <v>0</v>
      </c>
      <c r="U22" s="240">
        <v>7</v>
      </c>
      <c r="V22" s="221">
        <v>7</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1</v>
      </c>
      <c r="AO22" s="240">
        <v>1</v>
      </c>
      <c r="AP22" s="242">
        <v>1</v>
      </c>
      <c r="AQ22" s="239"/>
    </row>
    <row r="23" spans="2:43" ht="21" customHeight="1" x14ac:dyDescent="0.2">
      <c r="B23" s="106" t="s">
        <v>21</v>
      </c>
      <c r="C23" s="217">
        <v>0</v>
      </c>
      <c r="D23" s="219">
        <v>0</v>
      </c>
      <c r="E23" s="219">
        <v>0</v>
      </c>
      <c r="F23" s="220">
        <v>0</v>
      </c>
      <c r="G23" s="218">
        <v>0</v>
      </c>
      <c r="H23" s="218">
        <v>3</v>
      </c>
      <c r="I23" s="218">
        <v>8</v>
      </c>
      <c r="J23" s="219">
        <v>4</v>
      </c>
      <c r="K23" s="240">
        <v>15</v>
      </c>
      <c r="L23" s="241">
        <v>15</v>
      </c>
      <c r="M23" s="217">
        <v>0</v>
      </c>
      <c r="N23" s="219">
        <v>0</v>
      </c>
      <c r="O23" s="240">
        <v>0</v>
      </c>
      <c r="P23" s="222">
        <v>2</v>
      </c>
      <c r="Q23" s="218">
        <v>0</v>
      </c>
      <c r="R23" s="218">
        <v>3</v>
      </c>
      <c r="S23" s="218">
        <v>1</v>
      </c>
      <c r="T23" s="219">
        <v>1</v>
      </c>
      <c r="U23" s="240">
        <v>7</v>
      </c>
      <c r="V23" s="221">
        <v>7</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0</v>
      </c>
      <c r="AN23" s="219">
        <v>1</v>
      </c>
      <c r="AO23" s="240">
        <v>1</v>
      </c>
      <c r="AP23" s="242">
        <v>1</v>
      </c>
      <c r="AQ23" s="239"/>
    </row>
    <row r="24" spans="2:43" ht="21" customHeight="1" x14ac:dyDescent="0.2">
      <c r="B24" s="106" t="s">
        <v>22</v>
      </c>
      <c r="C24" s="217">
        <v>0</v>
      </c>
      <c r="D24" s="219">
        <v>0</v>
      </c>
      <c r="E24" s="219">
        <v>0</v>
      </c>
      <c r="F24" s="220">
        <v>0</v>
      </c>
      <c r="G24" s="218">
        <v>0</v>
      </c>
      <c r="H24" s="218">
        <v>4</v>
      </c>
      <c r="I24" s="218">
        <v>2</v>
      </c>
      <c r="J24" s="219">
        <v>1</v>
      </c>
      <c r="K24" s="240">
        <v>7</v>
      </c>
      <c r="L24" s="241">
        <v>7</v>
      </c>
      <c r="M24" s="217">
        <v>0</v>
      </c>
      <c r="N24" s="219">
        <v>0</v>
      </c>
      <c r="O24" s="240">
        <v>0</v>
      </c>
      <c r="P24" s="222">
        <v>0</v>
      </c>
      <c r="Q24" s="218">
        <v>2</v>
      </c>
      <c r="R24" s="218">
        <v>2</v>
      </c>
      <c r="S24" s="218">
        <v>2</v>
      </c>
      <c r="T24" s="219">
        <v>0</v>
      </c>
      <c r="U24" s="240">
        <v>6</v>
      </c>
      <c r="V24" s="221">
        <v>6</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1</v>
      </c>
      <c r="AN24" s="219">
        <v>0</v>
      </c>
      <c r="AO24" s="240">
        <v>1</v>
      </c>
      <c r="AP24" s="242">
        <v>1</v>
      </c>
      <c r="AQ24" s="239"/>
    </row>
    <row r="25" spans="2:43" ht="21" customHeight="1" x14ac:dyDescent="0.2">
      <c r="B25" s="106" t="s">
        <v>23</v>
      </c>
      <c r="C25" s="217">
        <v>0</v>
      </c>
      <c r="D25" s="219">
        <v>0</v>
      </c>
      <c r="E25" s="219">
        <v>0</v>
      </c>
      <c r="F25" s="220">
        <v>0</v>
      </c>
      <c r="G25" s="218">
        <v>0</v>
      </c>
      <c r="H25" s="218">
        <v>7</v>
      </c>
      <c r="I25" s="218">
        <v>6</v>
      </c>
      <c r="J25" s="219">
        <v>5</v>
      </c>
      <c r="K25" s="240">
        <v>18</v>
      </c>
      <c r="L25" s="241">
        <v>18</v>
      </c>
      <c r="M25" s="217">
        <v>0</v>
      </c>
      <c r="N25" s="219">
        <v>0</v>
      </c>
      <c r="O25" s="240">
        <v>0</v>
      </c>
      <c r="P25" s="222">
        <v>0</v>
      </c>
      <c r="Q25" s="218">
        <v>0</v>
      </c>
      <c r="R25" s="218">
        <v>1</v>
      </c>
      <c r="S25" s="218">
        <v>2</v>
      </c>
      <c r="T25" s="219">
        <v>2</v>
      </c>
      <c r="U25" s="240">
        <v>5</v>
      </c>
      <c r="V25" s="221">
        <v>5</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0</v>
      </c>
      <c r="AO25" s="240">
        <v>0</v>
      </c>
      <c r="AP25" s="242">
        <v>0</v>
      </c>
      <c r="AQ25" s="239"/>
    </row>
    <row r="26" spans="2:43" ht="21" customHeight="1" x14ac:dyDescent="0.2">
      <c r="B26" s="106" t="s">
        <v>24</v>
      </c>
      <c r="C26" s="217">
        <v>0</v>
      </c>
      <c r="D26" s="219">
        <v>0</v>
      </c>
      <c r="E26" s="219">
        <v>0</v>
      </c>
      <c r="F26" s="220">
        <v>0</v>
      </c>
      <c r="G26" s="218">
        <v>0</v>
      </c>
      <c r="H26" s="218">
        <v>3</v>
      </c>
      <c r="I26" s="218">
        <v>4</v>
      </c>
      <c r="J26" s="219">
        <v>3</v>
      </c>
      <c r="K26" s="240">
        <v>10</v>
      </c>
      <c r="L26" s="241">
        <v>10</v>
      </c>
      <c r="M26" s="217">
        <v>0</v>
      </c>
      <c r="N26" s="219">
        <v>0</v>
      </c>
      <c r="O26" s="240">
        <v>0</v>
      </c>
      <c r="P26" s="222">
        <v>2</v>
      </c>
      <c r="Q26" s="218">
        <v>1</v>
      </c>
      <c r="R26" s="218">
        <v>5</v>
      </c>
      <c r="S26" s="218">
        <v>4</v>
      </c>
      <c r="T26" s="219">
        <v>2</v>
      </c>
      <c r="U26" s="240">
        <v>14</v>
      </c>
      <c r="V26" s="221">
        <v>14</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1</v>
      </c>
      <c r="G27" s="218">
        <v>0</v>
      </c>
      <c r="H27" s="218">
        <v>3</v>
      </c>
      <c r="I27" s="218">
        <v>0</v>
      </c>
      <c r="J27" s="219">
        <v>1</v>
      </c>
      <c r="K27" s="240">
        <v>5</v>
      </c>
      <c r="L27" s="241">
        <v>5</v>
      </c>
      <c r="M27" s="217">
        <v>0</v>
      </c>
      <c r="N27" s="219">
        <v>0</v>
      </c>
      <c r="O27" s="240">
        <v>0</v>
      </c>
      <c r="P27" s="222">
        <v>1</v>
      </c>
      <c r="Q27" s="218">
        <v>1</v>
      </c>
      <c r="R27" s="218">
        <v>1</v>
      </c>
      <c r="S27" s="218">
        <v>1</v>
      </c>
      <c r="T27" s="219">
        <v>1</v>
      </c>
      <c r="U27" s="240">
        <v>5</v>
      </c>
      <c r="V27" s="221">
        <v>5</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3</v>
      </c>
      <c r="I28" s="218">
        <v>1</v>
      </c>
      <c r="J28" s="219">
        <v>2</v>
      </c>
      <c r="K28" s="240">
        <v>6</v>
      </c>
      <c r="L28" s="241">
        <v>6</v>
      </c>
      <c r="M28" s="217">
        <v>0</v>
      </c>
      <c r="N28" s="219">
        <v>0</v>
      </c>
      <c r="O28" s="240">
        <v>0</v>
      </c>
      <c r="P28" s="222">
        <v>0</v>
      </c>
      <c r="Q28" s="218">
        <v>0</v>
      </c>
      <c r="R28" s="218">
        <v>2</v>
      </c>
      <c r="S28" s="218">
        <v>1</v>
      </c>
      <c r="T28" s="219">
        <v>0</v>
      </c>
      <c r="U28" s="240">
        <v>3</v>
      </c>
      <c r="V28" s="221">
        <v>3</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1</v>
      </c>
      <c r="H29" s="218">
        <v>1</v>
      </c>
      <c r="I29" s="218">
        <v>2</v>
      </c>
      <c r="J29" s="219">
        <v>2</v>
      </c>
      <c r="K29" s="240">
        <v>6</v>
      </c>
      <c r="L29" s="241">
        <v>6</v>
      </c>
      <c r="M29" s="217">
        <v>0</v>
      </c>
      <c r="N29" s="219">
        <v>0</v>
      </c>
      <c r="O29" s="240">
        <v>0</v>
      </c>
      <c r="P29" s="222">
        <v>0</v>
      </c>
      <c r="Q29" s="218">
        <v>2</v>
      </c>
      <c r="R29" s="218">
        <v>2</v>
      </c>
      <c r="S29" s="218">
        <v>4</v>
      </c>
      <c r="T29" s="219">
        <v>0</v>
      </c>
      <c r="U29" s="240">
        <v>8</v>
      </c>
      <c r="V29" s="221">
        <v>8</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0</v>
      </c>
      <c r="AO29" s="240">
        <v>0</v>
      </c>
      <c r="AP29" s="242">
        <v>0</v>
      </c>
      <c r="AQ29" s="239"/>
    </row>
    <row r="30" spans="2:43" ht="21" customHeight="1" x14ac:dyDescent="0.2">
      <c r="B30" s="106" t="s">
        <v>28</v>
      </c>
      <c r="C30" s="217">
        <v>0</v>
      </c>
      <c r="D30" s="219">
        <v>0</v>
      </c>
      <c r="E30" s="219">
        <v>0</v>
      </c>
      <c r="F30" s="220">
        <v>0</v>
      </c>
      <c r="G30" s="218">
        <v>0</v>
      </c>
      <c r="H30" s="218">
        <v>0</v>
      </c>
      <c r="I30" s="218">
        <v>1</v>
      </c>
      <c r="J30" s="219">
        <v>1</v>
      </c>
      <c r="K30" s="240">
        <v>2</v>
      </c>
      <c r="L30" s="241">
        <v>2</v>
      </c>
      <c r="M30" s="217">
        <v>0</v>
      </c>
      <c r="N30" s="219">
        <v>0</v>
      </c>
      <c r="O30" s="240">
        <v>0</v>
      </c>
      <c r="P30" s="222">
        <v>0</v>
      </c>
      <c r="Q30" s="218">
        <v>0</v>
      </c>
      <c r="R30" s="218">
        <v>0</v>
      </c>
      <c r="S30" s="218">
        <v>1</v>
      </c>
      <c r="T30" s="219">
        <v>0</v>
      </c>
      <c r="U30" s="240">
        <v>1</v>
      </c>
      <c r="V30" s="221">
        <v>1</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0</v>
      </c>
      <c r="J31" s="219">
        <v>2</v>
      </c>
      <c r="K31" s="240">
        <v>2</v>
      </c>
      <c r="L31" s="241">
        <v>2</v>
      </c>
      <c r="M31" s="217">
        <v>0</v>
      </c>
      <c r="N31" s="219">
        <v>0</v>
      </c>
      <c r="O31" s="240">
        <v>0</v>
      </c>
      <c r="P31" s="222">
        <v>0</v>
      </c>
      <c r="Q31" s="218">
        <v>0</v>
      </c>
      <c r="R31" s="218">
        <v>0</v>
      </c>
      <c r="S31" s="218">
        <v>0</v>
      </c>
      <c r="T31" s="219">
        <v>2</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2</v>
      </c>
      <c r="J32" s="219">
        <v>1</v>
      </c>
      <c r="K32" s="240">
        <v>4</v>
      </c>
      <c r="L32" s="241">
        <v>4</v>
      </c>
      <c r="M32" s="217">
        <v>0</v>
      </c>
      <c r="N32" s="219">
        <v>0</v>
      </c>
      <c r="O32" s="240">
        <v>0</v>
      </c>
      <c r="P32" s="222">
        <v>0</v>
      </c>
      <c r="Q32" s="218">
        <v>0</v>
      </c>
      <c r="R32" s="218">
        <v>1</v>
      </c>
      <c r="S32" s="218">
        <v>3</v>
      </c>
      <c r="T32" s="219">
        <v>0</v>
      </c>
      <c r="U32" s="240">
        <v>4</v>
      </c>
      <c r="V32" s="221">
        <v>4</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0</v>
      </c>
      <c r="AN32" s="219">
        <v>0</v>
      </c>
      <c r="AO32" s="240">
        <v>0</v>
      </c>
      <c r="AP32" s="242">
        <v>0</v>
      </c>
      <c r="AQ32" s="239"/>
    </row>
    <row r="33" spans="2:43" ht="21" customHeight="1" x14ac:dyDescent="0.2">
      <c r="B33" s="106" t="s">
        <v>31</v>
      </c>
      <c r="C33" s="217">
        <v>0</v>
      </c>
      <c r="D33" s="219">
        <v>0</v>
      </c>
      <c r="E33" s="219">
        <v>0</v>
      </c>
      <c r="F33" s="220">
        <v>0</v>
      </c>
      <c r="G33" s="218">
        <v>0</v>
      </c>
      <c r="H33" s="218">
        <v>2</v>
      </c>
      <c r="I33" s="218">
        <v>1</v>
      </c>
      <c r="J33" s="219">
        <v>0</v>
      </c>
      <c r="K33" s="240">
        <v>3</v>
      </c>
      <c r="L33" s="241">
        <v>3</v>
      </c>
      <c r="M33" s="217">
        <v>0</v>
      </c>
      <c r="N33" s="219">
        <v>0</v>
      </c>
      <c r="O33" s="240">
        <v>0</v>
      </c>
      <c r="P33" s="222">
        <v>0</v>
      </c>
      <c r="Q33" s="218">
        <v>0</v>
      </c>
      <c r="R33" s="218">
        <v>0</v>
      </c>
      <c r="S33" s="218">
        <v>0</v>
      </c>
      <c r="T33" s="219">
        <v>0</v>
      </c>
      <c r="U33" s="240">
        <v>0</v>
      </c>
      <c r="V33" s="221">
        <v>0</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1</v>
      </c>
      <c r="J34" s="219">
        <v>0</v>
      </c>
      <c r="K34" s="240">
        <v>1</v>
      </c>
      <c r="L34" s="241">
        <v>1</v>
      </c>
      <c r="M34" s="217">
        <v>0</v>
      </c>
      <c r="N34" s="219">
        <v>0</v>
      </c>
      <c r="O34" s="240">
        <v>0</v>
      </c>
      <c r="P34" s="222">
        <v>0</v>
      </c>
      <c r="Q34" s="218">
        <v>0</v>
      </c>
      <c r="R34" s="218">
        <v>0</v>
      </c>
      <c r="S34" s="218">
        <v>0</v>
      </c>
      <c r="T34" s="219">
        <v>0</v>
      </c>
      <c r="U34" s="240">
        <v>0</v>
      </c>
      <c r="V34" s="221">
        <v>0</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1</v>
      </c>
      <c r="J35" s="219">
        <v>0</v>
      </c>
      <c r="K35" s="240">
        <v>1</v>
      </c>
      <c r="L35" s="241">
        <v>1</v>
      </c>
      <c r="M35" s="217">
        <v>0</v>
      </c>
      <c r="N35" s="219">
        <v>0</v>
      </c>
      <c r="O35" s="240">
        <v>0</v>
      </c>
      <c r="P35" s="222">
        <v>0</v>
      </c>
      <c r="Q35" s="218">
        <v>0</v>
      </c>
      <c r="R35" s="218">
        <v>0</v>
      </c>
      <c r="S35" s="218">
        <v>0</v>
      </c>
      <c r="T35" s="219">
        <v>0</v>
      </c>
      <c r="U35" s="240">
        <v>0</v>
      </c>
      <c r="V35" s="221">
        <v>0</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0</v>
      </c>
      <c r="AL35" s="218">
        <v>1</v>
      </c>
      <c r="AM35" s="218">
        <v>0</v>
      </c>
      <c r="AN35" s="219">
        <v>0</v>
      </c>
      <c r="AO35" s="240">
        <v>1</v>
      </c>
      <c r="AP35" s="242">
        <v>1</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1</v>
      </c>
      <c r="S36" s="218">
        <v>0</v>
      </c>
      <c r="T36" s="219">
        <v>0</v>
      </c>
      <c r="U36" s="240">
        <v>1</v>
      </c>
      <c r="V36" s="221">
        <v>1</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3</v>
      </c>
      <c r="K37" s="240">
        <v>4</v>
      </c>
      <c r="L37" s="241">
        <v>4</v>
      </c>
      <c r="M37" s="217">
        <v>0</v>
      </c>
      <c r="N37" s="219">
        <v>0</v>
      </c>
      <c r="O37" s="240">
        <v>0</v>
      </c>
      <c r="P37" s="222">
        <v>1</v>
      </c>
      <c r="Q37" s="218">
        <v>0</v>
      </c>
      <c r="R37" s="218">
        <v>2</v>
      </c>
      <c r="S37" s="218">
        <v>0</v>
      </c>
      <c r="T37" s="219">
        <v>0</v>
      </c>
      <c r="U37" s="240">
        <v>3</v>
      </c>
      <c r="V37" s="221">
        <v>3</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1</v>
      </c>
      <c r="I38" s="218">
        <v>2</v>
      </c>
      <c r="J38" s="219">
        <v>0</v>
      </c>
      <c r="K38" s="240">
        <v>3</v>
      </c>
      <c r="L38" s="241">
        <v>3</v>
      </c>
      <c r="M38" s="217">
        <v>0</v>
      </c>
      <c r="N38" s="219">
        <v>0</v>
      </c>
      <c r="O38" s="240">
        <v>0</v>
      </c>
      <c r="P38" s="222">
        <v>0</v>
      </c>
      <c r="Q38" s="218">
        <v>0</v>
      </c>
      <c r="R38" s="218">
        <v>1</v>
      </c>
      <c r="S38" s="218">
        <v>2</v>
      </c>
      <c r="T38" s="219">
        <v>2</v>
      </c>
      <c r="U38" s="240">
        <v>5</v>
      </c>
      <c r="V38" s="221">
        <v>5</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1</v>
      </c>
      <c r="I39" s="224">
        <v>0</v>
      </c>
      <c r="J39" s="225">
        <v>0</v>
      </c>
      <c r="K39" s="243">
        <v>1</v>
      </c>
      <c r="L39" s="244">
        <v>1</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H1:I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12</v>
      </c>
      <c r="H1" s="528">
        <f>IF(G1&lt;3,G1-2+12,G1-2)</f>
        <v>10</v>
      </c>
      <c r="I1" s="528"/>
    </row>
    <row r="2" spans="2:43" ht="24" customHeight="1" thickBot="1" x14ac:dyDescent="0.25">
      <c r="B2" s="10" t="s">
        <v>156</v>
      </c>
      <c r="F2" s="10" t="s">
        <v>137</v>
      </c>
    </row>
    <row r="3" spans="2:43" ht="21" customHeight="1" x14ac:dyDescent="0.2">
      <c r="B3" s="502"/>
      <c r="C3" s="505" t="s">
        <v>57</v>
      </c>
      <c r="D3" s="506"/>
      <c r="E3" s="506"/>
      <c r="F3" s="506"/>
      <c r="G3" s="506"/>
      <c r="H3" s="506"/>
      <c r="I3" s="506"/>
      <c r="J3" s="506"/>
      <c r="K3" s="506"/>
      <c r="L3" s="506"/>
      <c r="M3" s="505" t="s">
        <v>58</v>
      </c>
      <c r="N3" s="508"/>
      <c r="O3" s="508"/>
      <c r="P3" s="508"/>
      <c r="Q3" s="508"/>
      <c r="R3" s="508"/>
      <c r="S3" s="508"/>
      <c r="T3" s="508"/>
      <c r="U3" s="508"/>
      <c r="V3" s="508"/>
      <c r="W3" s="505" t="s">
        <v>59</v>
      </c>
      <c r="X3" s="506"/>
      <c r="Y3" s="506"/>
      <c r="Z3" s="506"/>
      <c r="AA3" s="506"/>
      <c r="AB3" s="506"/>
      <c r="AC3" s="506"/>
      <c r="AD3" s="506"/>
      <c r="AE3" s="506"/>
      <c r="AF3" s="506"/>
      <c r="AG3" s="505" t="s">
        <v>148</v>
      </c>
      <c r="AH3" s="506"/>
      <c r="AI3" s="506"/>
      <c r="AJ3" s="506"/>
      <c r="AK3" s="506"/>
      <c r="AL3" s="506"/>
      <c r="AM3" s="506"/>
      <c r="AN3" s="506"/>
      <c r="AO3" s="506"/>
      <c r="AP3" s="507"/>
    </row>
    <row r="4" spans="2:43" ht="21" customHeight="1" x14ac:dyDescent="0.2">
      <c r="B4" s="504"/>
      <c r="C4" s="510" t="s">
        <v>61</v>
      </c>
      <c r="D4" s="511"/>
      <c r="E4" s="512"/>
      <c r="F4" s="513" t="s">
        <v>62</v>
      </c>
      <c r="G4" s="514"/>
      <c r="H4" s="514"/>
      <c r="I4" s="514"/>
      <c r="J4" s="514"/>
      <c r="K4" s="515"/>
      <c r="L4" s="525" t="s">
        <v>52</v>
      </c>
      <c r="M4" s="510" t="s">
        <v>61</v>
      </c>
      <c r="N4" s="511"/>
      <c r="O4" s="512"/>
      <c r="P4" s="513" t="s">
        <v>62</v>
      </c>
      <c r="Q4" s="514"/>
      <c r="R4" s="514"/>
      <c r="S4" s="514"/>
      <c r="T4" s="514"/>
      <c r="U4" s="515"/>
      <c r="V4" s="516" t="s">
        <v>52</v>
      </c>
      <c r="W4" s="510" t="s">
        <v>61</v>
      </c>
      <c r="X4" s="511"/>
      <c r="Y4" s="512"/>
      <c r="Z4" s="513" t="s">
        <v>62</v>
      </c>
      <c r="AA4" s="514"/>
      <c r="AB4" s="514"/>
      <c r="AC4" s="514"/>
      <c r="AD4" s="514"/>
      <c r="AE4" s="515"/>
      <c r="AF4" s="525" t="s">
        <v>52</v>
      </c>
      <c r="AG4" s="510" t="s">
        <v>61</v>
      </c>
      <c r="AH4" s="511"/>
      <c r="AI4" s="512"/>
      <c r="AJ4" s="513" t="s">
        <v>62</v>
      </c>
      <c r="AK4" s="514"/>
      <c r="AL4" s="514"/>
      <c r="AM4" s="514"/>
      <c r="AN4" s="514"/>
      <c r="AO4" s="515"/>
      <c r="AP4" s="516"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24"/>
      <c r="M5" s="229" t="s">
        <v>43</v>
      </c>
      <c r="N5" s="230" t="s">
        <v>44</v>
      </c>
      <c r="O5" s="234" t="s">
        <v>45</v>
      </c>
      <c r="P5" s="235" t="s">
        <v>47</v>
      </c>
      <c r="Q5" s="232" t="s">
        <v>48</v>
      </c>
      <c r="R5" s="232" t="s">
        <v>49</v>
      </c>
      <c r="S5" s="233" t="s">
        <v>50</v>
      </c>
      <c r="T5" s="230" t="s">
        <v>51</v>
      </c>
      <c r="U5" s="234" t="s">
        <v>45</v>
      </c>
      <c r="V5" s="517"/>
      <c r="W5" s="229" t="s">
        <v>43</v>
      </c>
      <c r="X5" s="230" t="s">
        <v>44</v>
      </c>
      <c r="Y5" s="230" t="s">
        <v>45</v>
      </c>
      <c r="Z5" s="231" t="s">
        <v>47</v>
      </c>
      <c r="AA5" s="232" t="s">
        <v>48</v>
      </c>
      <c r="AB5" s="232" t="s">
        <v>49</v>
      </c>
      <c r="AC5" s="233" t="s">
        <v>50</v>
      </c>
      <c r="AD5" s="230" t="s">
        <v>51</v>
      </c>
      <c r="AE5" s="234" t="s">
        <v>45</v>
      </c>
      <c r="AF5" s="524"/>
      <c r="AG5" s="229" t="s">
        <v>43</v>
      </c>
      <c r="AH5" s="230" t="s">
        <v>44</v>
      </c>
      <c r="AI5" s="230" t="s">
        <v>45</v>
      </c>
      <c r="AJ5" s="231" t="s">
        <v>47</v>
      </c>
      <c r="AK5" s="232" t="s">
        <v>48</v>
      </c>
      <c r="AL5" s="232" t="s">
        <v>49</v>
      </c>
      <c r="AM5" s="233" t="s">
        <v>50</v>
      </c>
      <c r="AN5" s="230" t="s">
        <v>51</v>
      </c>
      <c r="AO5" s="234" t="s">
        <v>45</v>
      </c>
      <c r="AP5" s="517"/>
    </row>
    <row r="6" spans="2:43" ht="21" customHeight="1" x14ac:dyDescent="0.2">
      <c r="B6" s="84" t="s">
        <v>4</v>
      </c>
      <c r="C6" s="211">
        <v>0</v>
      </c>
      <c r="D6" s="213">
        <v>0</v>
      </c>
      <c r="E6" s="213">
        <v>0</v>
      </c>
      <c r="F6" s="214">
        <v>13</v>
      </c>
      <c r="G6" s="212">
        <v>46</v>
      </c>
      <c r="H6" s="212">
        <v>323</v>
      </c>
      <c r="I6" s="212">
        <v>432</v>
      </c>
      <c r="J6" s="213">
        <v>270</v>
      </c>
      <c r="K6" s="236">
        <v>1084</v>
      </c>
      <c r="L6" s="237">
        <v>1084</v>
      </c>
      <c r="M6" s="211">
        <v>0</v>
      </c>
      <c r="N6" s="213">
        <v>0</v>
      </c>
      <c r="O6" s="236">
        <v>0</v>
      </c>
      <c r="P6" s="216">
        <v>69</v>
      </c>
      <c r="Q6" s="212">
        <v>149</v>
      </c>
      <c r="R6" s="212">
        <v>204</v>
      </c>
      <c r="S6" s="212">
        <v>276</v>
      </c>
      <c r="T6" s="213">
        <v>145</v>
      </c>
      <c r="U6" s="236">
        <v>843</v>
      </c>
      <c r="V6" s="215">
        <v>843</v>
      </c>
      <c r="W6" s="216">
        <v>0</v>
      </c>
      <c r="X6" s="213">
        <v>0</v>
      </c>
      <c r="Y6" s="213">
        <v>0</v>
      </c>
      <c r="Z6" s="214">
        <v>0</v>
      </c>
      <c r="AA6" s="212">
        <v>0</v>
      </c>
      <c r="AB6" s="212">
        <v>0</v>
      </c>
      <c r="AC6" s="212">
        <v>0</v>
      </c>
      <c r="AD6" s="213">
        <v>0</v>
      </c>
      <c r="AE6" s="236">
        <v>0</v>
      </c>
      <c r="AF6" s="237">
        <v>0</v>
      </c>
      <c r="AG6" s="211">
        <v>0</v>
      </c>
      <c r="AH6" s="213">
        <v>0</v>
      </c>
      <c r="AI6" s="213">
        <v>0</v>
      </c>
      <c r="AJ6" s="214">
        <v>0</v>
      </c>
      <c r="AK6" s="212">
        <v>1</v>
      </c>
      <c r="AL6" s="212">
        <v>2</v>
      </c>
      <c r="AM6" s="212">
        <v>14</v>
      </c>
      <c r="AN6" s="213">
        <v>23</v>
      </c>
      <c r="AO6" s="236">
        <v>40</v>
      </c>
      <c r="AP6" s="238">
        <v>40</v>
      </c>
      <c r="AQ6" s="239"/>
    </row>
    <row r="7" spans="2:43" ht="21" customHeight="1" x14ac:dyDescent="0.2">
      <c r="B7" s="95" t="s">
        <v>5</v>
      </c>
      <c r="C7" s="217">
        <v>0</v>
      </c>
      <c r="D7" s="219">
        <v>0</v>
      </c>
      <c r="E7" s="219">
        <v>0</v>
      </c>
      <c r="F7" s="220">
        <v>11</v>
      </c>
      <c r="G7" s="218">
        <v>35</v>
      </c>
      <c r="H7" s="218">
        <v>156</v>
      </c>
      <c r="I7" s="218">
        <v>195</v>
      </c>
      <c r="J7" s="219">
        <v>109</v>
      </c>
      <c r="K7" s="240">
        <v>506</v>
      </c>
      <c r="L7" s="241">
        <v>506</v>
      </c>
      <c r="M7" s="217">
        <v>0</v>
      </c>
      <c r="N7" s="219">
        <v>0</v>
      </c>
      <c r="O7" s="240">
        <v>0</v>
      </c>
      <c r="P7" s="222">
        <v>32</v>
      </c>
      <c r="Q7" s="218">
        <v>76</v>
      </c>
      <c r="R7" s="218">
        <v>101</v>
      </c>
      <c r="S7" s="218">
        <v>143</v>
      </c>
      <c r="T7" s="219">
        <v>83</v>
      </c>
      <c r="U7" s="240">
        <v>435</v>
      </c>
      <c r="V7" s="221">
        <v>435</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0</v>
      </c>
      <c r="AM7" s="218">
        <v>6</v>
      </c>
      <c r="AN7" s="219">
        <v>6</v>
      </c>
      <c r="AO7" s="240">
        <v>12</v>
      </c>
      <c r="AP7" s="242">
        <v>12</v>
      </c>
      <c r="AQ7" s="239"/>
    </row>
    <row r="8" spans="2:43" ht="21" customHeight="1" x14ac:dyDescent="0.2">
      <c r="B8" s="106" t="s">
        <v>6</v>
      </c>
      <c r="C8" s="217">
        <v>0</v>
      </c>
      <c r="D8" s="219">
        <v>0</v>
      </c>
      <c r="E8" s="219">
        <v>0</v>
      </c>
      <c r="F8" s="220">
        <v>2</v>
      </c>
      <c r="G8" s="218">
        <v>6</v>
      </c>
      <c r="H8" s="218">
        <v>38</v>
      </c>
      <c r="I8" s="218">
        <v>54</v>
      </c>
      <c r="J8" s="219">
        <v>39</v>
      </c>
      <c r="K8" s="240">
        <v>139</v>
      </c>
      <c r="L8" s="241">
        <v>139</v>
      </c>
      <c r="M8" s="217">
        <v>0</v>
      </c>
      <c r="N8" s="219">
        <v>0</v>
      </c>
      <c r="O8" s="240">
        <v>0</v>
      </c>
      <c r="P8" s="222">
        <v>13</v>
      </c>
      <c r="Q8" s="218">
        <v>18</v>
      </c>
      <c r="R8" s="218">
        <v>26</v>
      </c>
      <c r="S8" s="218">
        <v>38</v>
      </c>
      <c r="T8" s="219">
        <v>19</v>
      </c>
      <c r="U8" s="240">
        <v>114</v>
      </c>
      <c r="V8" s="221">
        <v>114</v>
      </c>
      <c r="W8" s="222">
        <v>0</v>
      </c>
      <c r="X8" s="219">
        <v>0</v>
      </c>
      <c r="Y8" s="219">
        <v>0</v>
      </c>
      <c r="Z8" s="220">
        <v>0</v>
      </c>
      <c r="AA8" s="218">
        <v>0</v>
      </c>
      <c r="AB8" s="218">
        <v>0</v>
      </c>
      <c r="AC8" s="218">
        <v>0</v>
      </c>
      <c r="AD8" s="219">
        <v>0</v>
      </c>
      <c r="AE8" s="240">
        <v>0</v>
      </c>
      <c r="AF8" s="241">
        <v>0</v>
      </c>
      <c r="AG8" s="217">
        <v>0</v>
      </c>
      <c r="AH8" s="219">
        <v>0</v>
      </c>
      <c r="AI8" s="219">
        <v>0</v>
      </c>
      <c r="AJ8" s="220">
        <v>0</v>
      </c>
      <c r="AK8" s="218">
        <v>0</v>
      </c>
      <c r="AL8" s="218">
        <v>0</v>
      </c>
      <c r="AM8" s="218">
        <v>2</v>
      </c>
      <c r="AN8" s="219">
        <v>2</v>
      </c>
      <c r="AO8" s="240">
        <v>4</v>
      </c>
      <c r="AP8" s="242">
        <v>4</v>
      </c>
      <c r="AQ8" s="239"/>
    </row>
    <row r="9" spans="2:43" ht="21" customHeight="1" x14ac:dyDescent="0.2">
      <c r="B9" s="106" t="s">
        <v>14</v>
      </c>
      <c r="C9" s="217">
        <v>0</v>
      </c>
      <c r="D9" s="219">
        <v>0</v>
      </c>
      <c r="E9" s="219">
        <v>0</v>
      </c>
      <c r="F9" s="220">
        <v>0</v>
      </c>
      <c r="G9" s="218">
        <v>0</v>
      </c>
      <c r="H9" s="218">
        <v>26</v>
      </c>
      <c r="I9" s="218">
        <v>44</v>
      </c>
      <c r="J9" s="219">
        <v>18</v>
      </c>
      <c r="K9" s="240">
        <v>88</v>
      </c>
      <c r="L9" s="241">
        <v>88</v>
      </c>
      <c r="M9" s="217">
        <v>0</v>
      </c>
      <c r="N9" s="219">
        <v>0</v>
      </c>
      <c r="O9" s="240">
        <v>0</v>
      </c>
      <c r="P9" s="222">
        <v>2</v>
      </c>
      <c r="Q9" s="218">
        <v>7</v>
      </c>
      <c r="R9" s="218">
        <v>7</v>
      </c>
      <c r="S9" s="218">
        <v>14</v>
      </c>
      <c r="T9" s="219">
        <v>3</v>
      </c>
      <c r="U9" s="240">
        <v>33</v>
      </c>
      <c r="V9" s="221">
        <v>33</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1</v>
      </c>
      <c r="AM9" s="218">
        <v>2</v>
      </c>
      <c r="AN9" s="219">
        <v>4</v>
      </c>
      <c r="AO9" s="240">
        <v>7</v>
      </c>
      <c r="AP9" s="242">
        <v>7</v>
      </c>
      <c r="AQ9" s="239"/>
    </row>
    <row r="10" spans="2:43" ht="21" customHeight="1" x14ac:dyDescent="0.2">
      <c r="B10" s="106" t="s">
        <v>7</v>
      </c>
      <c r="C10" s="217">
        <v>0</v>
      </c>
      <c r="D10" s="219">
        <v>0</v>
      </c>
      <c r="E10" s="219">
        <v>0</v>
      </c>
      <c r="F10" s="220">
        <v>0</v>
      </c>
      <c r="G10" s="218">
        <v>0</v>
      </c>
      <c r="H10" s="218">
        <v>9</v>
      </c>
      <c r="I10" s="218">
        <v>16</v>
      </c>
      <c r="J10" s="219">
        <v>8</v>
      </c>
      <c r="K10" s="240">
        <v>33</v>
      </c>
      <c r="L10" s="241">
        <v>33</v>
      </c>
      <c r="M10" s="217">
        <v>0</v>
      </c>
      <c r="N10" s="219">
        <v>0</v>
      </c>
      <c r="O10" s="240">
        <v>0</v>
      </c>
      <c r="P10" s="222">
        <v>2</v>
      </c>
      <c r="Q10" s="218">
        <v>2</v>
      </c>
      <c r="R10" s="218">
        <v>5</v>
      </c>
      <c r="S10" s="218">
        <v>5</v>
      </c>
      <c r="T10" s="219">
        <v>4</v>
      </c>
      <c r="U10" s="240">
        <v>18</v>
      </c>
      <c r="V10" s="221">
        <v>18</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0</v>
      </c>
      <c r="AN10" s="219">
        <v>0</v>
      </c>
      <c r="AO10" s="240">
        <v>0</v>
      </c>
      <c r="AP10" s="242">
        <v>0</v>
      </c>
      <c r="AQ10" s="239"/>
    </row>
    <row r="11" spans="2:43" ht="21" customHeight="1" x14ac:dyDescent="0.2">
      <c r="B11" s="106" t="s">
        <v>8</v>
      </c>
      <c r="C11" s="217">
        <v>0</v>
      </c>
      <c r="D11" s="219">
        <v>0</v>
      </c>
      <c r="E11" s="219">
        <v>0</v>
      </c>
      <c r="F11" s="220">
        <v>0</v>
      </c>
      <c r="G11" s="218">
        <v>0</v>
      </c>
      <c r="H11" s="218">
        <v>8</v>
      </c>
      <c r="I11" s="218">
        <v>6</v>
      </c>
      <c r="J11" s="219">
        <v>8</v>
      </c>
      <c r="K11" s="240">
        <v>22</v>
      </c>
      <c r="L11" s="241">
        <v>22</v>
      </c>
      <c r="M11" s="217">
        <v>0</v>
      </c>
      <c r="N11" s="219">
        <v>0</v>
      </c>
      <c r="O11" s="240">
        <v>0</v>
      </c>
      <c r="P11" s="222">
        <v>1</v>
      </c>
      <c r="Q11" s="218">
        <v>4</v>
      </c>
      <c r="R11" s="218">
        <v>5</v>
      </c>
      <c r="S11" s="218">
        <v>4</v>
      </c>
      <c r="T11" s="219">
        <v>2</v>
      </c>
      <c r="U11" s="240">
        <v>16</v>
      </c>
      <c r="V11" s="221">
        <v>16</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0</v>
      </c>
      <c r="AN11" s="219">
        <v>0</v>
      </c>
      <c r="AO11" s="240">
        <v>0</v>
      </c>
      <c r="AP11" s="242">
        <v>0</v>
      </c>
      <c r="AQ11" s="239"/>
    </row>
    <row r="12" spans="2:43" ht="21" customHeight="1" x14ac:dyDescent="0.2">
      <c r="B12" s="106" t="s">
        <v>9</v>
      </c>
      <c r="C12" s="217">
        <v>0</v>
      </c>
      <c r="D12" s="219">
        <v>0</v>
      </c>
      <c r="E12" s="219">
        <v>0</v>
      </c>
      <c r="F12" s="220">
        <v>0</v>
      </c>
      <c r="G12" s="218">
        <v>0</v>
      </c>
      <c r="H12" s="218">
        <v>15</v>
      </c>
      <c r="I12" s="218">
        <v>23</v>
      </c>
      <c r="J12" s="219">
        <v>12</v>
      </c>
      <c r="K12" s="240">
        <v>50</v>
      </c>
      <c r="L12" s="241">
        <v>50</v>
      </c>
      <c r="M12" s="217">
        <v>0</v>
      </c>
      <c r="N12" s="219">
        <v>0</v>
      </c>
      <c r="O12" s="240">
        <v>0</v>
      </c>
      <c r="P12" s="222">
        <v>3</v>
      </c>
      <c r="Q12" s="218">
        <v>6</v>
      </c>
      <c r="R12" s="218">
        <v>6</v>
      </c>
      <c r="S12" s="218">
        <v>8</v>
      </c>
      <c r="T12" s="219">
        <v>6</v>
      </c>
      <c r="U12" s="240">
        <v>29</v>
      </c>
      <c r="V12" s="221">
        <v>29</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0</v>
      </c>
      <c r="G13" s="218">
        <v>0</v>
      </c>
      <c r="H13" s="218">
        <v>10</v>
      </c>
      <c r="I13" s="218">
        <v>15</v>
      </c>
      <c r="J13" s="219">
        <v>17</v>
      </c>
      <c r="K13" s="240">
        <v>42</v>
      </c>
      <c r="L13" s="241">
        <v>42</v>
      </c>
      <c r="M13" s="217">
        <v>0</v>
      </c>
      <c r="N13" s="219">
        <v>0</v>
      </c>
      <c r="O13" s="240">
        <v>0</v>
      </c>
      <c r="P13" s="222">
        <v>4</v>
      </c>
      <c r="Q13" s="218">
        <v>7</v>
      </c>
      <c r="R13" s="218">
        <v>3</v>
      </c>
      <c r="S13" s="218">
        <v>12</v>
      </c>
      <c r="T13" s="219">
        <v>3</v>
      </c>
      <c r="U13" s="240">
        <v>29</v>
      </c>
      <c r="V13" s="221">
        <v>29</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1</v>
      </c>
      <c r="AM13" s="218">
        <v>0</v>
      </c>
      <c r="AN13" s="219">
        <v>2</v>
      </c>
      <c r="AO13" s="240">
        <v>3</v>
      </c>
      <c r="AP13" s="242">
        <v>3</v>
      </c>
      <c r="AQ13" s="239"/>
    </row>
    <row r="14" spans="2:43" ht="21" customHeight="1" x14ac:dyDescent="0.2">
      <c r="B14" s="106" t="s">
        <v>11</v>
      </c>
      <c r="C14" s="217">
        <v>0</v>
      </c>
      <c r="D14" s="219">
        <v>0</v>
      </c>
      <c r="E14" s="219">
        <v>0</v>
      </c>
      <c r="F14" s="220">
        <v>0</v>
      </c>
      <c r="G14" s="218">
        <v>0</v>
      </c>
      <c r="H14" s="218">
        <v>7</v>
      </c>
      <c r="I14" s="218">
        <v>6</v>
      </c>
      <c r="J14" s="219">
        <v>7</v>
      </c>
      <c r="K14" s="240">
        <v>20</v>
      </c>
      <c r="L14" s="241">
        <v>20</v>
      </c>
      <c r="M14" s="217">
        <v>0</v>
      </c>
      <c r="N14" s="219">
        <v>0</v>
      </c>
      <c r="O14" s="240">
        <v>0</v>
      </c>
      <c r="P14" s="222">
        <v>0</v>
      </c>
      <c r="Q14" s="218">
        <v>2</v>
      </c>
      <c r="R14" s="218">
        <v>3</v>
      </c>
      <c r="S14" s="218">
        <v>6</v>
      </c>
      <c r="T14" s="219">
        <v>2</v>
      </c>
      <c r="U14" s="240">
        <v>13</v>
      </c>
      <c r="V14" s="221">
        <v>13</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0</v>
      </c>
      <c r="AN14" s="219">
        <v>2</v>
      </c>
      <c r="AO14" s="240">
        <v>2</v>
      </c>
      <c r="AP14" s="242">
        <v>2</v>
      </c>
      <c r="AQ14" s="239"/>
    </row>
    <row r="15" spans="2:43" ht="21" customHeight="1" x14ac:dyDescent="0.2">
      <c r="B15" s="106" t="s">
        <v>12</v>
      </c>
      <c r="C15" s="217">
        <v>0</v>
      </c>
      <c r="D15" s="219">
        <v>0</v>
      </c>
      <c r="E15" s="219">
        <v>0</v>
      </c>
      <c r="F15" s="220">
        <v>0</v>
      </c>
      <c r="G15" s="218">
        <v>0</v>
      </c>
      <c r="H15" s="218">
        <v>3</v>
      </c>
      <c r="I15" s="218">
        <v>15</v>
      </c>
      <c r="J15" s="219">
        <v>2</v>
      </c>
      <c r="K15" s="240">
        <v>20</v>
      </c>
      <c r="L15" s="241">
        <v>20</v>
      </c>
      <c r="M15" s="217">
        <v>0</v>
      </c>
      <c r="N15" s="219">
        <v>0</v>
      </c>
      <c r="O15" s="240">
        <v>0</v>
      </c>
      <c r="P15" s="222">
        <v>1</v>
      </c>
      <c r="Q15" s="218">
        <v>4</v>
      </c>
      <c r="R15" s="218">
        <v>7</v>
      </c>
      <c r="S15" s="218">
        <v>9</v>
      </c>
      <c r="T15" s="219">
        <v>2</v>
      </c>
      <c r="U15" s="240">
        <v>23</v>
      </c>
      <c r="V15" s="221">
        <v>23</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2</v>
      </c>
      <c r="AN15" s="219">
        <v>0</v>
      </c>
      <c r="AO15" s="240">
        <v>2</v>
      </c>
      <c r="AP15" s="242">
        <v>2</v>
      </c>
      <c r="AQ15" s="239"/>
    </row>
    <row r="16" spans="2:43" ht="21" customHeight="1" x14ac:dyDescent="0.2">
      <c r="B16" s="106" t="s">
        <v>13</v>
      </c>
      <c r="C16" s="217">
        <v>0</v>
      </c>
      <c r="D16" s="219">
        <v>0</v>
      </c>
      <c r="E16" s="219">
        <v>0</v>
      </c>
      <c r="F16" s="220">
        <v>0</v>
      </c>
      <c r="G16" s="218">
        <v>0</v>
      </c>
      <c r="H16" s="218">
        <v>3</v>
      </c>
      <c r="I16" s="218">
        <v>4</v>
      </c>
      <c r="J16" s="219">
        <v>4</v>
      </c>
      <c r="K16" s="240">
        <v>11</v>
      </c>
      <c r="L16" s="241">
        <v>11</v>
      </c>
      <c r="M16" s="217">
        <v>0</v>
      </c>
      <c r="N16" s="219">
        <v>0</v>
      </c>
      <c r="O16" s="240">
        <v>0</v>
      </c>
      <c r="P16" s="222">
        <v>0</v>
      </c>
      <c r="Q16" s="218">
        <v>2</v>
      </c>
      <c r="R16" s="218">
        <v>2</v>
      </c>
      <c r="S16" s="218">
        <v>2</v>
      </c>
      <c r="T16" s="219">
        <v>2</v>
      </c>
      <c r="U16" s="240">
        <v>8</v>
      </c>
      <c r="V16" s="221">
        <v>8</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1</v>
      </c>
      <c r="I17" s="218">
        <v>1</v>
      </c>
      <c r="J17" s="219">
        <v>2</v>
      </c>
      <c r="K17" s="240">
        <v>4</v>
      </c>
      <c r="L17" s="241">
        <v>4</v>
      </c>
      <c r="M17" s="217">
        <v>0</v>
      </c>
      <c r="N17" s="219">
        <v>0</v>
      </c>
      <c r="O17" s="240">
        <v>0</v>
      </c>
      <c r="P17" s="222">
        <v>0</v>
      </c>
      <c r="Q17" s="218">
        <v>1</v>
      </c>
      <c r="R17" s="218">
        <v>2</v>
      </c>
      <c r="S17" s="218">
        <v>0</v>
      </c>
      <c r="T17" s="219">
        <v>0</v>
      </c>
      <c r="U17" s="240">
        <v>3</v>
      </c>
      <c r="V17" s="221">
        <v>3</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0</v>
      </c>
      <c r="H18" s="218">
        <v>7</v>
      </c>
      <c r="I18" s="218">
        <v>9</v>
      </c>
      <c r="J18" s="219">
        <v>5</v>
      </c>
      <c r="K18" s="240">
        <v>21</v>
      </c>
      <c r="L18" s="241">
        <v>21</v>
      </c>
      <c r="M18" s="217">
        <v>0</v>
      </c>
      <c r="N18" s="219">
        <v>0</v>
      </c>
      <c r="O18" s="240">
        <v>0</v>
      </c>
      <c r="P18" s="222">
        <v>0</v>
      </c>
      <c r="Q18" s="218">
        <v>1</v>
      </c>
      <c r="R18" s="218">
        <v>6</v>
      </c>
      <c r="S18" s="218">
        <v>7</v>
      </c>
      <c r="T18" s="219">
        <v>2</v>
      </c>
      <c r="U18" s="240">
        <v>16</v>
      </c>
      <c r="V18" s="221">
        <v>16</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1</v>
      </c>
      <c r="AO18" s="240">
        <v>1</v>
      </c>
      <c r="AP18" s="242">
        <v>1</v>
      </c>
      <c r="AQ18" s="239"/>
    </row>
    <row r="19" spans="2:43" ht="21" customHeight="1" x14ac:dyDescent="0.2">
      <c r="B19" s="106" t="s">
        <v>17</v>
      </c>
      <c r="C19" s="217">
        <v>0</v>
      </c>
      <c r="D19" s="219">
        <v>0</v>
      </c>
      <c r="E19" s="219">
        <v>0</v>
      </c>
      <c r="F19" s="220">
        <v>0</v>
      </c>
      <c r="G19" s="218">
        <v>1</v>
      </c>
      <c r="H19" s="218">
        <v>6</v>
      </c>
      <c r="I19" s="218">
        <v>6</v>
      </c>
      <c r="J19" s="219">
        <v>8</v>
      </c>
      <c r="K19" s="240">
        <v>21</v>
      </c>
      <c r="L19" s="241">
        <v>21</v>
      </c>
      <c r="M19" s="217">
        <v>0</v>
      </c>
      <c r="N19" s="219">
        <v>0</v>
      </c>
      <c r="O19" s="240">
        <v>0</v>
      </c>
      <c r="P19" s="222">
        <v>2</v>
      </c>
      <c r="Q19" s="218">
        <v>9</v>
      </c>
      <c r="R19" s="218">
        <v>12</v>
      </c>
      <c r="S19" s="218">
        <v>9</v>
      </c>
      <c r="T19" s="219">
        <v>4</v>
      </c>
      <c r="U19" s="240">
        <v>36</v>
      </c>
      <c r="V19" s="221">
        <v>36</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1</v>
      </c>
      <c r="AO19" s="240">
        <v>1</v>
      </c>
      <c r="AP19" s="242">
        <v>1</v>
      </c>
      <c r="AQ19" s="239"/>
    </row>
    <row r="20" spans="2:43" ht="21" customHeight="1" x14ac:dyDescent="0.2">
      <c r="B20" s="106" t="s">
        <v>18</v>
      </c>
      <c r="C20" s="217">
        <v>0</v>
      </c>
      <c r="D20" s="219">
        <v>0</v>
      </c>
      <c r="E20" s="219">
        <v>0</v>
      </c>
      <c r="F20" s="220">
        <v>0</v>
      </c>
      <c r="G20" s="218">
        <v>1</v>
      </c>
      <c r="H20" s="218">
        <v>8</v>
      </c>
      <c r="I20" s="218">
        <v>7</v>
      </c>
      <c r="J20" s="219">
        <v>9</v>
      </c>
      <c r="K20" s="240">
        <v>25</v>
      </c>
      <c r="L20" s="241">
        <v>25</v>
      </c>
      <c r="M20" s="217">
        <v>0</v>
      </c>
      <c r="N20" s="219">
        <v>0</v>
      </c>
      <c r="O20" s="240">
        <v>0</v>
      </c>
      <c r="P20" s="222">
        <v>1</v>
      </c>
      <c r="Q20" s="218">
        <v>0</v>
      </c>
      <c r="R20" s="218">
        <v>5</v>
      </c>
      <c r="S20" s="218">
        <v>5</v>
      </c>
      <c r="T20" s="219">
        <v>3</v>
      </c>
      <c r="U20" s="240">
        <v>14</v>
      </c>
      <c r="V20" s="221">
        <v>14</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0</v>
      </c>
      <c r="AN20" s="219">
        <v>1</v>
      </c>
      <c r="AO20" s="240">
        <v>1</v>
      </c>
      <c r="AP20" s="242">
        <v>1</v>
      </c>
      <c r="AQ20" s="239"/>
    </row>
    <row r="21" spans="2:43" ht="21" customHeight="1" x14ac:dyDescent="0.2">
      <c r="B21" s="106" t="s">
        <v>19</v>
      </c>
      <c r="C21" s="217">
        <v>0</v>
      </c>
      <c r="D21" s="219">
        <v>0</v>
      </c>
      <c r="E21" s="219">
        <v>0</v>
      </c>
      <c r="F21" s="220">
        <v>0</v>
      </c>
      <c r="G21" s="218">
        <v>0</v>
      </c>
      <c r="H21" s="218">
        <v>4</v>
      </c>
      <c r="I21" s="218">
        <v>3</v>
      </c>
      <c r="J21" s="219">
        <v>2</v>
      </c>
      <c r="K21" s="240">
        <v>9</v>
      </c>
      <c r="L21" s="241">
        <v>9</v>
      </c>
      <c r="M21" s="217">
        <v>0</v>
      </c>
      <c r="N21" s="219">
        <v>0</v>
      </c>
      <c r="O21" s="240">
        <v>0</v>
      </c>
      <c r="P21" s="222">
        <v>1</v>
      </c>
      <c r="Q21" s="218">
        <v>3</v>
      </c>
      <c r="R21" s="218">
        <v>3</v>
      </c>
      <c r="S21" s="218">
        <v>0</v>
      </c>
      <c r="T21" s="219">
        <v>1</v>
      </c>
      <c r="U21" s="240">
        <v>8</v>
      </c>
      <c r="V21" s="221">
        <v>8</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0</v>
      </c>
      <c r="AO21" s="240">
        <v>0</v>
      </c>
      <c r="AP21" s="242">
        <v>0</v>
      </c>
      <c r="AQ21" s="239"/>
    </row>
    <row r="22" spans="2:43" ht="21" customHeight="1" x14ac:dyDescent="0.2">
      <c r="B22" s="106" t="s">
        <v>20</v>
      </c>
      <c r="C22" s="217">
        <v>0</v>
      </c>
      <c r="D22" s="219">
        <v>0</v>
      </c>
      <c r="E22" s="219">
        <v>0</v>
      </c>
      <c r="F22" s="220">
        <v>0</v>
      </c>
      <c r="G22" s="218">
        <v>2</v>
      </c>
      <c r="H22" s="218">
        <v>1</v>
      </c>
      <c r="I22" s="218">
        <v>7</v>
      </c>
      <c r="J22" s="219">
        <v>7</v>
      </c>
      <c r="K22" s="240">
        <v>17</v>
      </c>
      <c r="L22" s="241">
        <v>17</v>
      </c>
      <c r="M22" s="217">
        <v>0</v>
      </c>
      <c r="N22" s="219">
        <v>0</v>
      </c>
      <c r="O22" s="240">
        <v>0</v>
      </c>
      <c r="P22" s="222">
        <v>1</v>
      </c>
      <c r="Q22" s="218">
        <v>1</v>
      </c>
      <c r="R22" s="218">
        <v>1</v>
      </c>
      <c r="S22" s="218">
        <v>5</v>
      </c>
      <c r="T22" s="219">
        <v>1</v>
      </c>
      <c r="U22" s="240">
        <v>9</v>
      </c>
      <c r="V22" s="221">
        <v>9</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0</v>
      </c>
      <c r="AO22" s="240">
        <v>0</v>
      </c>
      <c r="AP22" s="242">
        <v>0</v>
      </c>
      <c r="AQ22" s="239"/>
    </row>
    <row r="23" spans="2:43" ht="21" customHeight="1" x14ac:dyDescent="0.2">
      <c r="B23" s="106" t="s">
        <v>21</v>
      </c>
      <c r="C23" s="217">
        <v>0</v>
      </c>
      <c r="D23" s="219">
        <v>0</v>
      </c>
      <c r="E23" s="219">
        <v>0</v>
      </c>
      <c r="F23" s="220">
        <v>0</v>
      </c>
      <c r="G23" s="218">
        <v>0</v>
      </c>
      <c r="H23" s="218">
        <v>6</v>
      </c>
      <c r="I23" s="218">
        <v>7</v>
      </c>
      <c r="J23" s="219">
        <v>2</v>
      </c>
      <c r="K23" s="240">
        <v>15</v>
      </c>
      <c r="L23" s="241">
        <v>15</v>
      </c>
      <c r="M23" s="217">
        <v>0</v>
      </c>
      <c r="N23" s="219">
        <v>0</v>
      </c>
      <c r="O23" s="240">
        <v>0</v>
      </c>
      <c r="P23" s="222">
        <v>0</v>
      </c>
      <c r="Q23" s="218">
        <v>3</v>
      </c>
      <c r="R23" s="218">
        <v>2</v>
      </c>
      <c r="S23" s="218">
        <v>1</v>
      </c>
      <c r="T23" s="219">
        <v>0</v>
      </c>
      <c r="U23" s="240">
        <v>6</v>
      </c>
      <c r="V23" s="221">
        <v>6</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1</v>
      </c>
      <c r="AN23" s="219">
        <v>0</v>
      </c>
      <c r="AO23" s="240">
        <v>1</v>
      </c>
      <c r="AP23" s="242">
        <v>1</v>
      </c>
      <c r="AQ23" s="239"/>
    </row>
    <row r="24" spans="2:43" ht="21" customHeight="1" x14ac:dyDescent="0.2">
      <c r="B24" s="106" t="s">
        <v>22</v>
      </c>
      <c r="C24" s="217">
        <v>0</v>
      </c>
      <c r="D24" s="219">
        <v>0</v>
      </c>
      <c r="E24" s="219">
        <v>0</v>
      </c>
      <c r="F24" s="220">
        <v>0</v>
      </c>
      <c r="G24" s="218">
        <v>1</v>
      </c>
      <c r="H24" s="218">
        <v>1</v>
      </c>
      <c r="I24" s="218">
        <v>0</v>
      </c>
      <c r="J24" s="219">
        <v>0</v>
      </c>
      <c r="K24" s="240">
        <v>2</v>
      </c>
      <c r="L24" s="241">
        <v>2</v>
      </c>
      <c r="M24" s="217">
        <v>0</v>
      </c>
      <c r="N24" s="219">
        <v>0</v>
      </c>
      <c r="O24" s="240">
        <v>0</v>
      </c>
      <c r="P24" s="222">
        <v>1</v>
      </c>
      <c r="Q24" s="218">
        <v>1</v>
      </c>
      <c r="R24" s="218">
        <v>0</v>
      </c>
      <c r="S24" s="218">
        <v>1</v>
      </c>
      <c r="T24" s="219">
        <v>1</v>
      </c>
      <c r="U24" s="240">
        <v>4</v>
      </c>
      <c r="V24" s="221">
        <v>4</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0</v>
      </c>
      <c r="AN24" s="219">
        <v>0</v>
      </c>
      <c r="AO24" s="240">
        <v>0</v>
      </c>
      <c r="AP24" s="242">
        <v>0</v>
      </c>
      <c r="AQ24" s="239"/>
    </row>
    <row r="25" spans="2:43" ht="21" customHeight="1" x14ac:dyDescent="0.2">
      <c r="B25" s="106" t="s">
        <v>23</v>
      </c>
      <c r="C25" s="217">
        <v>0</v>
      </c>
      <c r="D25" s="219">
        <v>0</v>
      </c>
      <c r="E25" s="219">
        <v>0</v>
      </c>
      <c r="F25" s="220">
        <v>0</v>
      </c>
      <c r="G25" s="218">
        <v>0</v>
      </c>
      <c r="H25" s="218">
        <v>4</v>
      </c>
      <c r="I25" s="218">
        <v>2</v>
      </c>
      <c r="J25" s="219">
        <v>2</v>
      </c>
      <c r="K25" s="240">
        <v>8</v>
      </c>
      <c r="L25" s="241">
        <v>8</v>
      </c>
      <c r="M25" s="217">
        <v>0</v>
      </c>
      <c r="N25" s="219">
        <v>0</v>
      </c>
      <c r="O25" s="240">
        <v>0</v>
      </c>
      <c r="P25" s="222">
        <v>0</v>
      </c>
      <c r="Q25" s="218">
        <v>0</v>
      </c>
      <c r="R25" s="218">
        <v>0</v>
      </c>
      <c r="S25" s="218">
        <v>0</v>
      </c>
      <c r="T25" s="219">
        <v>2</v>
      </c>
      <c r="U25" s="240">
        <v>2</v>
      </c>
      <c r="V25" s="221">
        <v>2</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1</v>
      </c>
      <c r="AO25" s="240">
        <v>1</v>
      </c>
      <c r="AP25" s="242">
        <v>1</v>
      </c>
      <c r="AQ25" s="239"/>
    </row>
    <row r="26" spans="2:43" ht="21" customHeight="1" x14ac:dyDescent="0.2">
      <c r="B26" s="106" t="s">
        <v>24</v>
      </c>
      <c r="C26" s="217">
        <v>0</v>
      </c>
      <c r="D26" s="219">
        <v>0</v>
      </c>
      <c r="E26" s="219">
        <v>0</v>
      </c>
      <c r="F26" s="220">
        <v>0</v>
      </c>
      <c r="G26" s="218">
        <v>0</v>
      </c>
      <c r="H26" s="218">
        <v>2</v>
      </c>
      <c r="I26" s="218">
        <v>3</v>
      </c>
      <c r="J26" s="219">
        <v>1</v>
      </c>
      <c r="K26" s="240">
        <v>6</v>
      </c>
      <c r="L26" s="241">
        <v>6</v>
      </c>
      <c r="M26" s="217">
        <v>0</v>
      </c>
      <c r="N26" s="219">
        <v>0</v>
      </c>
      <c r="O26" s="240">
        <v>0</v>
      </c>
      <c r="P26" s="222">
        <v>0</v>
      </c>
      <c r="Q26" s="218">
        <v>0</v>
      </c>
      <c r="R26" s="218">
        <v>1</v>
      </c>
      <c r="S26" s="218">
        <v>0</v>
      </c>
      <c r="T26" s="219">
        <v>1</v>
      </c>
      <c r="U26" s="240">
        <v>2</v>
      </c>
      <c r="V26" s="221">
        <v>2</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0</v>
      </c>
      <c r="G27" s="218">
        <v>0</v>
      </c>
      <c r="H27" s="218">
        <v>2</v>
      </c>
      <c r="I27" s="218">
        <v>2</v>
      </c>
      <c r="J27" s="219">
        <v>2</v>
      </c>
      <c r="K27" s="240">
        <v>6</v>
      </c>
      <c r="L27" s="241">
        <v>6</v>
      </c>
      <c r="M27" s="217">
        <v>0</v>
      </c>
      <c r="N27" s="219">
        <v>0</v>
      </c>
      <c r="O27" s="240">
        <v>0</v>
      </c>
      <c r="P27" s="222">
        <v>2</v>
      </c>
      <c r="Q27" s="218">
        <v>2</v>
      </c>
      <c r="R27" s="218">
        <v>2</v>
      </c>
      <c r="S27" s="218">
        <v>2</v>
      </c>
      <c r="T27" s="219">
        <v>3</v>
      </c>
      <c r="U27" s="240">
        <v>11</v>
      </c>
      <c r="V27" s="221">
        <v>11</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1</v>
      </c>
      <c r="I28" s="218">
        <v>1</v>
      </c>
      <c r="J28" s="219">
        <v>2</v>
      </c>
      <c r="K28" s="240">
        <v>4</v>
      </c>
      <c r="L28" s="241">
        <v>4</v>
      </c>
      <c r="M28" s="217">
        <v>0</v>
      </c>
      <c r="N28" s="219">
        <v>0</v>
      </c>
      <c r="O28" s="240">
        <v>0</v>
      </c>
      <c r="P28" s="222">
        <v>0</v>
      </c>
      <c r="Q28" s="218">
        <v>0</v>
      </c>
      <c r="R28" s="218">
        <v>1</v>
      </c>
      <c r="S28" s="218">
        <v>1</v>
      </c>
      <c r="T28" s="219">
        <v>0</v>
      </c>
      <c r="U28" s="240">
        <v>2</v>
      </c>
      <c r="V28" s="221">
        <v>2</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0</v>
      </c>
      <c r="H29" s="218">
        <v>0</v>
      </c>
      <c r="I29" s="218">
        <v>1</v>
      </c>
      <c r="J29" s="219">
        <v>1</v>
      </c>
      <c r="K29" s="240">
        <v>2</v>
      </c>
      <c r="L29" s="241">
        <v>2</v>
      </c>
      <c r="M29" s="217">
        <v>0</v>
      </c>
      <c r="N29" s="219">
        <v>0</v>
      </c>
      <c r="O29" s="240">
        <v>0</v>
      </c>
      <c r="P29" s="222">
        <v>1</v>
      </c>
      <c r="Q29" s="218">
        <v>0</v>
      </c>
      <c r="R29" s="218">
        <v>1</v>
      </c>
      <c r="S29" s="218">
        <v>1</v>
      </c>
      <c r="T29" s="219">
        <v>0</v>
      </c>
      <c r="U29" s="240">
        <v>3</v>
      </c>
      <c r="V29" s="221">
        <v>3</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2</v>
      </c>
      <c r="AO29" s="240">
        <v>2</v>
      </c>
      <c r="AP29" s="242">
        <v>2</v>
      </c>
      <c r="AQ29" s="239"/>
    </row>
    <row r="30" spans="2:43" ht="21" customHeight="1" x14ac:dyDescent="0.2">
      <c r="B30" s="106" t="s">
        <v>28</v>
      </c>
      <c r="C30" s="217">
        <v>0</v>
      </c>
      <c r="D30" s="219">
        <v>0</v>
      </c>
      <c r="E30" s="219">
        <v>0</v>
      </c>
      <c r="F30" s="220">
        <v>0</v>
      </c>
      <c r="G30" s="218">
        <v>0</v>
      </c>
      <c r="H30" s="218">
        <v>0</v>
      </c>
      <c r="I30" s="218">
        <v>0</v>
      </c>
      <c r="J30" s="219">
        <v>0</v>
      </c>
      <c r="K30" s="240">
        <v>0</v>
      </c>
      <c r="L30" s="241">
        <v>0</v>
      </c>
      <c r="M30" s="217">
        <v>0</v>
      </c>
      <c r="N30" s="219">
        <v>0</v>
      </c>
      <c r="O30" s="240">
        <v>0</v>
      </c>
      <c r="P30" s="222">
        <v>0</v>
      </c>
      <c r="Q30" s="218">
        <v>0</v>
      </c>
      <c r="R30" s="218">
        <v>1</v>
      </c>
      <c r="S30" s="218">
        <v>0</v>
      </c>
      <c r="T30" s="219">
        <v>0</v>
      </c>
      <c r="U30" s="240">
        <v>1</v>
      </c>
      <c r="V30" s="221">
        <v>1</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0</v>
      </c>
      <c r="J31" s="219">
        <v>0</v>
      </c>
      <c r="K31" s="240">
        <v>0</v>
      </c>
      <c r="L31" s="241">
        <v>0</v>
      </c>
      <c r="M31" s="217">
        <v>0</v>
      </c>
      <c r="N31" s="219">
        <v>0</v>
      </c>
      <c r="O31" s="240">
        <v>0</v>
      </c>
      <c r="P31" s="222">
        <v>0</v>
      </c>
      <c r="Q31" s="218">
        <v>0</v>
      </c>
      <c r="R31" s="218">
        <v>0</v>
      </c>
      <c r="S31" s="218">
        <v>1</v>
      </c>
      <c r="T31" s="219">
        <v>1</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1</v>
      </c>
      <c r="J32" s="219">
        <v>0</v>
      </c>
      <c r="K32" s="240">
        <v>2</v>
      </c>
      <c r="L32" s="241">
        <v>2</v>
      </c>
      <c r="M32" s="217">
        <v>0</v>
      </c>
      <c r="N32" s="219">
        <v>0</v>
      </c>
      <c r="O32" s="240">
        <v>0</v>
      </c>
      <c r="P32" s="222">
        <v>1</v>
      </c>
      <c r="Q32" s="218">
        <v>0</v>
      </c>
      <c r="R32" s="218">
        <v>0</v>
      </c>
      <c r="S32" s="218">
        <v>0</v>
      </c>
      <c r="T32" s="219">
        <v>0</v>
      </c>
      <c r="U32" s="240">
        <v>1</v>
      </c>
      <c r="V32" s="221">
        <v>1</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0</v>
      </c>
      <c r="AN32" s="219">
        <v>0</v>
      </c>
      <c r="AO32" s="240">
        <v>0</v>
      </c>
      <c r="AP32" s="242">
        <v>0</v>
      </c>
      <c r="AQ32" s="239"/>
    </row>
    <row r="33" spans="2:43" ht="21" customHeight="1" x14ac:dyDescent="0.2">
      <c r="B33" s="106" t="s">
        <v>31</v>
      </c>
      <c r="C33" s="217">
        <v>0</v>
      </c>
      <c r="D33" s="219">
        <v>0</v>
      </c>
      <c r="E33" s="219">
        <v>0</v>
      </c>
      <c r="F33" s="220">
        <v>0</v>
      </c>
      <c r="G33" s="218">
        <v>0</v>
      </c>
      <c r="H33" s="218">
        <v>3</v>
      </c>
      <c r="I33" s="218">
        <v>0</v>
      </c>
      <c r="J33" s="219">
        <v>1</v>
      </c>
      <c r="K33" s="240">
        <v>4</v>
      </c>
      <c r="L33" s="241">
        <v>4</v>
      </c>
      <c r="M33" s="217">
        <v>0</v>
      </c>
      <c r="N33" s="219">
        <v>0</v>
      </c>
      <c r="O33" s="240">
        <v>0</v>
      </c>
      <c r="P33" s="222">
        <v>0</v>
      </c>
      <c r="Q33" s="218">
        <v>0</v>
      </c>
      <c r="R33" s="218">
        <v>2</v>
      </c>
      <c r="S33" s="218">
        <v>1</v>
      </c>
      <c r="T33" s="219">
        <v>0</v>
      </c>
      <c r="U33" s="240">
        <v>3</v>
      </c>
      <c r="V33" s="221">
        <v>3</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2</v>
      </c>
      <c r="J34" s="219">
        <v>1</v>
      </c>
      <c r="K34" s="240">
        <v>3</v>
      </c>
      <c r="L34" s="241">
        <v>3</v>
      </c>
      <c r="M34" s="217">
        <v>0</v>
      </c>
      <c r="N34" s="219">
        <v>0</v>
      </c>
      <c r="O34" s="240">
        <v>0</v>
      </c>
      <c r="P34" s="222">
        <v>0</v>
      </c>
      <c r="Q34" s="218">
        <v>0</v>
      </c>
      <c r="R34" s="218">
        <v>0</v>
      </c>
      <c r="S34" s="218">
        <v>1</v>
      </c>
      <c r="T34" s="219">
        <v>0</v>
      </c>
      <c r="U34" s="240">
        <v>1</v>
      </c>
      <c r="V34" s="221">
        <v>1</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0</v>
      </c>
      <c r="U35" s="240">
        <v>0</v>
      </c>
      <c r="V35" s="221">
        <v>0</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1</v>
      </c>
      <c r="AL35" s="218">
        <v>0</v>
      </c>
      <c r="AM35" s="218">
        <v>1</v>
      </c>
      <c r="AN35" s="219">
        <v>1</v>
      </c>
      <c r="AO35" s="240">
        <v>3</v>
      </c>
      <c r="AP35" s="242">
        <v>3</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0</v>
      </c>
      <c r="S36" s="218">
        <v>0</v>
      </c>
      <c r="T36" s="219">
        <v>0</v>
      </c>
      <c r="U36" s="240">
        <v>0</v>
      </c>
      <c r="V36" s="221">
        <v>0</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0</v>
      </c>
      <c r="K37" s="240">
        <v>1</v>
      </c>
      <c r="L37" s="241">
        <v>1</v>
      </c>
      <c r="M37" s="217">
        <v>0</v>
      </c>
      <c r="N37" s="219">
        <v>0</v>
      </c>
      <c r="O37" s="240">
        <v>0</v>
      </c>
      <c r="P37" s="222">
        <v>1</v>
      </c>
      <c r="Q37" s="218">
        <v>0</v>
      </c>
      <c r="R37" s="218">
        <v>0</v>
      </c>
      <c r="S37" s="218">
        <v>0</v>
      </c>
      <c r="T37" s="219">
        <v>0</v>
      </c>
      <c r="U37" s="240">
        <v>1</v>
      </c>
      <c r="V37" s="221">
        <v>1</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1</v>
      </c>
      <c r="I38" s="218">
        <v>0</v>
      </c>
      <c r="J38" s="219">
        <v>1</v>
      </c>
      <c r="K38" s="240">
        <v>2</v>
      </c>
      <c r="L38" s="241">
        <v>2</v>
      </c>
      <c r="M38" s="217">
        <v>0</v>
      </c>
      <c r="N38" s="219">
        <v>0</v>
      </c>
      <c r="O38" s="240">
        <v>0</v>
      </c>
      <c r="P38" s="222">
        <v>0</v>
      </c>
      <c r="Q38" s="218">
        <v>0</v>
      </c>
      <c r="R38" s="218">
        <v>0</v>
      </c>
      <c r="S38" s="218">
        <v>0</v>
      </c>
      <c r="T38" s="219">
        <v>0</v>
      </c>
      <c r="U38" s="240">
        <v>0</v>
      </c>
      <c r="V38" s="221">
        <v>0</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0</v>
      </c>
      <c r="I39" s="224">
        <v>0</v>
      </c>
      <c r="J39" s="225">
        <v>0</v>
      </c>
      <c r="K39" s="243">
        <v>0</v>
      </c>
      <c r="L39" s="244">
        <v>0</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 ref="H1:I1"/>
    <mergeCell ref="AG4:AI4"/>
    <mergeCell ref="AJ4:AO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 style="71" customWidth="1"/>
    <col min="7" max="13" width="10.33203125" style="71" customWidth="1"/>
    <col min="14" max="16" width="8.88671875" style="71" customWidth="1"/>
    <col min="17" max="17" width="7.6640625" style="71" customWidth="1"/>
    <col min="18" max="24" width="10.6640625" style="71" customWidth="1"/>
    <col min="25" max="27" width="8.88671875" style="71" customWidth="1"/>
    <col min="28" max="28" width="7.6640625" style="71" customWidth="1"/>
    <col min="29" max="29" width="8.88671875" style="71" customWidth="1"/>
    <col min="30" max="30" width="10.44140625" style="71" customWidth="1"/>
    <col min="31" max="33" width="8.88671875" style="71" customWidth="1"/>
    <col min="34" max="35" width="10" style="71" customWidth="1"/>
    <col min="36" max="38" width="8.88671875" style="71" customWidth="1"/>
    <col min="39" max="39" width="7.77734375" style="71" customWidth="1"/>
    <col min="40" max="49" width="8.88671875" style="71" customWidth="1"/>
    <col min="50" max="50" width="7.77734375" style="71" customWidth="1"/>
    <col min="51" max="55" width="8.88671875" style="71" customWidth="1"/>
    <col min="56" max="57" width="10.33203125" style="71" customWidth="1"/>
    <col min="58" max="60" width="8.88671875" style="71" customWidth="1"/>
    <col min="61" max="61" width="8" style="71" customWidth="1"/>
    <col min="62" max="71" width="8.88671875" style="71" customWidth="1"/>
    <col min="72" max="72" width="7.44140625" style="71" customWidth="1"/>
    <col min="73" max="77" width="8.88671875" style="71" customWidth="1"/>
    <col min="78" max="78" width="11.77734375" style="71" customWidth="1"/>
    <col min="79" max="79" width="12" style="71" customWidth="1"/>
    <col min="80" max="82" width="8.88671875" style="247" customWidth="1"/>
    <col min="83" max="83" width="7.77734375" style="247" customWidth="1"/>
    <col min="84" max="90" width="9" style="247" customWidth="1"/>
    <col min="91" max="93" width="8.88671875" style="71" customWidth="1"/>
    <col min="94" max="94" width="7.44140625" style="71" customWidth="1"/>
    <col min="95" max="97" width="10.109375" style="71" customWidth="1"/>
    <col min="98" max="99" width="8.88671875" style="71" customWidth="1"/>
    <col min="100" max="101" width="10.21875" style="71" customWidth="1"/>
    <col min="102" max="104" width="8.88671875" style="71" customWidth="1"/>
    <col min="105" max="105" width="7.33203125" style="71" customWidth="1"/>
    <col min="106" max="110" width="8.88671875" style="71" customWidth="1"/>
    <col min="111" max="112" width="9.21875" style="71" customWidth="1"/>
    <col min="113" max="115" width="8.88671875" style="247" customWidth="1"/>
    <col min="116" max="116" width="7.33203125" style="247" customWidth="1"/>
    <col min="117" max="121" width="8.88671875" style="247" customWidth="1"/>
    <col min="122" max="123" width="9.6640625" style="247" customWidth="1"/>
    <col min="124" max="126" width="8.88671875" style="71" customWidth="1"/>
    <col min="127" max="127" width="7.77734375" style="71" customWidth="1"/>
    <col min="128" max="132" width="8.88671875" style="71" customWidth="1"/>
    <col min="133" max="134" width="9.33203125" style="71" customWidth="1"/>
    <col min="135" max="137" width="8.88671875" style="71" customWidth="1"/>
    <col min="138" max="138" width="7.44140625" style="71" customWidth="1"/>
    <col min="139" max="148" width="8.88671875" style="71" customWidth="1"/>
    <col min="149" max="149" width="7.21875" style="71" customWidth="1"/>
    <col min="150" max="159" width="8.88671875" style="71" customWidth="1"/>
    <col min="160" max="160" width="7.21875" style="71" customWidth="1"/>
    <col min="161" max="167" width="8.88671875" style="71" customWidth="1"/>
    <col min="168" max="170" width="8.88671875" style="247" customWidth="1"/>
    <col min="171" max="171" width="7.33203125" style="247" customWidth="1"/>
    <col min="172" max="176" width="8.88671875" style="247" customWidth="1"/>
    <col min="177" max="178" width="9.6640625" style="247" customWidth="1"/>
    <col min="179" max="181" width="8.88671875" style="71" customWidth="1"/>
    <col min="182" max="182" width="7.21875" style="71" customWidth="1"/>
    <col min="183" max="187" width="8.88671875" style="71" customWidth="1"/>
    <col min="188" max="189" width="9.44140625" style="71" customWidth="1"/>
    <col min="190" max="192" width="8.88671875" style="71" customWidth="1"/>
    <col min="193" max="193" width="7.77734375" style="71" customWidth="1"/>
    <col min="194" max="203" width="8.88671875" style="71" customWidth="1"/>
    <col min="204" max="204" width="7.44140625" style="71" customWidth="1"/>
    <col min="205" max="214" width="8.88671875" style="71" customWidth="1"/>
    <col min="215" max="215" width="7.33203125" style="71" customWidth="1"/>
    <col min="216" max="218" width="8.88671875" style="71" customWidth="1"/>
    <col min="219" max="219" width="10.44140625" style="71" customWidth="1"/>
    <col min="220" max="220" width="8.88671875" style="71" customWidth="1"/>
    <col min="221" max="222" width="9.6640625" style="71" customWidth="1"/>
    <col min="223" max="225" width="8.88671875" style="71" customWidth="1"/>
    <col min="226" max="226" width="7.6640625" style="71" customWidth="1"/>
    <col min="227" max="231" width="8.8867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43</v>
      </c>
      <c r="E1" s="63">
        <f>第１表!F2</f>
        <v>6</v>
      </c>
      <c r="F1" s="579">
        <f>第１表!G2</f>
        <v>12</v>
      </c>
      <c r="G1" s="529">
        <f>IF(F1&lt;3,F1-2+12,F1-2)</f>
        <v>10</v>
      </c>
      <c r="H1" s="529"/>
      <c r="IB1" s="42"/>
      <c r="IC1" s="22"/>
      <c r="ID1" s="540"/>
      <c r="IE1" s="540"/>
    </row>
    <row r="2" spans="1:409" ht="24" customHeight="1" x14ac:dyDescent="0.2">
      <c r="B2" s="10" t="s">
        <v>144</v>
      </c>
      <c r="E2" s="19"/>
      <c r="F2" s="20"/>
      <c r="G2" s="540"/>
      <c r="H2" s="540"/>
      <c r="IB2" s="21"/>
      <c r="IC2" s="22"/>
      <c r="ID2" s="248"/>
      <c r="IE2" s="248"/>
    </row>
    <row r="3" spans="1:409" ht="24" customHeight="1" thickBot="1" x14ac:dyDescent="0.25">
      <c r="B3" s="10" t="s">
        <v>145</v>
      </c>
    </row>
    <row r="4" spans="1:409" ht="21" customHeight="1" thickBot="1" x14ac:dyDescent="0.25">
      <c r="B4" s="545" t="s">
        <v>42</v>
      </c>
      <c r="C4" s="548" t="s">
        <v>63</v>
      </c>
      <c r="D4" s="548"/>
      <c r="E4" s="548"/>
      <c r="F4" s="548"/>
      <c r="G4" s="548"/>
      <c r="H4" s="548"/>
      <c r="I4" s="548"/>
      <c r="J4" s="548"/>
      <c r="K4" s="548"/>
      <c r="L4" s="548"/>
      <c r="M4" s="548"/>
      <c r="N4" s="506"/>
      <c r="O4" s="506"/>
      <c r="P4" s="506"/>
      <c r="Q4" s="506"/>
      <c r="R4" s="506"/>
      <c r="S4" s="506"/>
      <c r="T4" s="506"/>
      <c r="U4" s="506"/>
      <c r="V4" s="506"/>
      <c r="W4" s="506"/>
      <c r="X4" s="506"/>
      <c r="Y4" s="506"/>
      <c r="Z4" s="506"/>
      <c r="AA4" s="506"/>
      <c r="AB4" s="506"/>
      <c r="AC4" s="506"/>
      <c r="AD4" s="506"/>
      <c r="AE4" s="506"/>
      <c r="AF4" s="506"/>
      <c r="AG4" s="506"/>
      <c r="AH4" s="506"/>
      <c r="AI4" s="506"/>
      <c r="AJ4" s="506"/>
      <c r="AK4" s="506"/>
      <c r="AL4" s="506"/>
      <c r="AM4" s="506"/>
      <c r="AN4" s="506"/>
      <c r="AO4" s="506"/>
      <c r="AP4" s="506"/>
      <c r="AQ4" s="506"/>
      <c r="AR4" s="506"/>
      <c r="AS4" s="506"/>
      <c r="AT4" s="506"/>
      <c r="AU4" s="506"/>
      <c r="AV4" s="506"/>
      <c r="AW4" s="506"/>
      <c r="AX4" s="506"/>
      <c r="AY4" s="506"/>
      <c r="AZ4" s="506"/>
      <c r="BA4" s="506"/>
      <c r="BB4" s="506"/>
      <c r="BC4" s="506"/>
      <c r="BD4" s="506"/>
      <c r="BE4" s="506"/>
      <c r="BF4" s="506"/>
      <c r="BG4" s="506"/>
      <c r="BH4" s="506"/>
      <c r="BI4" s="506"/>
      <c r="BJ4" s="506"/>
      <c r="BK4" s="506"/>
      <c r="BL4" s="506"/>
      <c r="BM4" s="506"/>
      <c r="BN4" s="506"/>
      <c r="BO4" s="506"/>
      <c r="BP4" s="506"/>
      <c r="BQ4" s="506"/>
      <c r="BR4" s="506"/>
      <c r="BS4" s="506"/>
      <c r="BT4" s="506"/>
      <c r="BU4" s="506"/>
      <c r="BV4" s="506"/>
      <c r="BW4" s="506"/>
      <c r="BX4" s="506"/>
      <c r="BY4" s="506"/>
      <c r="BZ4" s="506"/>
      <c r="CA4" s="506"/>
      <c r="CB4" s="506"/>
      <c r="CC4" s="506"/>
      <c r="CD4" s="506"/>
      <c r="CE4" s="506"/>
      <c r="CF4" s="506"/>
      <c r="CG4" s="506"/>
      <c r="CH4" s="506"/>
      <c r="CI4" s="506"/>
      <c r="CJ4" s="506"/>
      <c r="CK4" s="506"/>
      <c r="CL4" s="506"/>
      <c r="CM4" s="506"/>
      <c r="CN4" s="506"/>
      <c r="CO4" s="506"/>
      <c r="CP4" s="506"/>
      <c r="CQ4" s="506"/>
      <c r="CR4" s="506"/>
      <c r="CS4" s="506"/>
      <c r="CT4" s="506"/>
      <c r="CU4" s="506"/>
      <c r="CV4" s="506"/>
      <c r="CW4" s="506"/>
      <c r="CX4" s="506"/>
      <c r="CY4" s="506"/>
      <c r="CZ4" s="506"/>
      <c r="DA4" s="506"/>
      <c r="DB4" s="506"/>
      <c r="DC4" s="506"/>
      <c r="DD4" s="506"/>
      <c r="DE4" s="506"/>
      <c r="DF4" s="506"/>
      <c r="DG4" s="506"/>
      <c r="DH4" s="506"/>
      <c r="DI4" s="506"/>
      <c r="DJ4" s="506"/>
      <c r="DK4" s="506"/>
      <c r="DL4" s="506"/>
      <c r="DM4" s="506"/>
      <c r="DN4" s="506"/>
      <c r="DO4" s="506"/>
      <c r="DP4" s="506"/>
      <c r="DQ4" s="506"/>
      <c r="DR4" s="506"/>
      <c r="DS4" s="506"/>
      <c r="DT4" s="506"/>
      <c r="DU4" s="506"/>
      <c r="DV4" s="506"/>
      <c r="DW4" s="506"/>
      <c r="DX4" s="506"/>
      <c r="DY4" s="506"/>
      <c r="DZ4" s="506"/>
      <c r="EA4" s="506"/>
      <c r="EB4" s="506"/>
      <c r="EC4" s="506"/>
      <c r="ED4" s="506"/>
      <c r="EE4" s="506"/>
      <c r="EF4" s="506"/>
      <c r="EG4" s="506"/>
      <c r="EH4" s="506"/>
      <c r="EI4" s="506"/>
      <c r="EJ4" s="506"/>
      <c r="EK4" s="506"/>
      <c r="EL4" s="506"/>
      <c r="EM4" s="506"/>
      <c r="EN4" s="506"/>
      <c r="EO4" s="506"/>
      <c r="EP4" s="506"/>
      <c r="EQ4" s="506"/>
      <c r="ER4" s="506"/>
      <c r="ES4" s="506"/>
      <c r="ET4" s="506"/>
      <c r="EU4" s="506"/>
      <c r="EV4" s="506"/>
      <c r="EW4" s="506"/>
      <c r="EX4" s="506"/>
      <c r="EY4" s="506"/>
      <c r="EZ4" s="506"/>
      <c r="FA4" s="506"/>
      <c r="FB4" s="506"/>
      <c r="FC4" s="506"/>
      <c r="FD4" s="506"/>
      <c r="FE4" s="506"/>
      <c r="FF4" s="506"/>
      <c r="FG4" s="506"/>
      <c r="FH4" s="506"/>
      <c r="FI4" s="506"/>
      <c r="FJ4" s="506"/>
      <c r="FK4" s="506"/>
      <c r="FL4" s="506"/>
      <c r="FM4" s="506"/>
      <c r="FN4" s="506"/>
      <c r="FO4" s="506"/>
      <c r="FP4" s="506"/>
      <c r="FQ4" s="506"/>
      <c r="FR4" s="506"/>
      <c r="FS4" s="506"/>
      <c r="FT4" s="506"/>
      <c r="FU4" s="506"/>
      <c r="FV4" s="506"/>
      <c r="FW4" s="506"/>
      <c r="FX4" s="506"/>
      <c r="FY4" s="506"/>
      <c r="FZ4" s="506"/>
      <c r="GA4" s="506"/>
      <c r="GB4" s="506"/>
      <c r="GC4" s="506"/>
      <c r="GD4" s="506"/>
      <c r="GE4" s="506"/>
      <c r="GF4" s="506"/>
      <c r="GG4" s="506"/>
      <c r="GH4" s="506"/>
      <c r="GI4" s="506"/>
      <c r="GJ4" s="506"/>
      <c r="GK4" s="506"/>
      <c r="GL4" s="506"/>
      <c r="GM4" s="506"/>
      <c r="GN4" s="506"/>
      <c r="GO4" s="506"/>
      <c r="GP4" s="506"/>
      <c r="GQ4" s="506"/>
      <c r="GR4" s="506"/>
      <c r="GS4" s="506"/>
      <c r="GT4" s="506"/>
      <c r="GU4" s="506"/>
      <c r="GV4" s="506"/>
      <c r="GW4" s="506"/>
      <c r="GX4" s="506"/>
      <c r="GY4" s="506"/>
      <c r="GZ4" s="506"/>
      <c r="HA4" s="506"/>
      <c r="HB4" s="506"/>
      <c r="HC4" s="506"/>
      <c r="HD4" s="506"/>
      <c r="HE4" s="506"/>
      <c r="HF4" s="506"/>
      <c r="HG4" s="506"/>
      <c r="HH4" s="506"/>
      <c r="HI4" s="506"/>
      <c r="HJ4" s="506"/>
      <c r="HK4" s="506"/>
      <c r="HL4" s="506"/>
      <c r="HM4" s="506"/>
      <c r="HN4" s="506"/>
      <c r="HO4" s="506"/>
      <c r="HP4" s="506"/>
      <c r="HQ4" s="506"/>
      <c r="HR4" s="506"/>
      <c r="HS4" s="506"/>
      <c r="HT4" s="506"/>
      <c r="HU4" s="506"/>
      <c r="HV4" s="506"/>
      <c r="HW4" s="506"/>
      <c r="HX4" s="506"/>
      <c r="HY4" s="507"/>
      <c r="HZ4" s="437" t="s">
        <v>85</v>
      </c>
      <c r="IA4" s="438"/>
      <c r="IB4" s="438"/>
      <c r="IC4" s="438"/>
      <c r="ID4" s="438"/>
      <c r="IE4" s="438"/>
      <c r="IF4" s="438"/>
      <c r="IG4" s="438"/>
      <c r="IH4" s="438"/>
      <c r="II4" s="438"/>
      <c r="IJ4" s="438"/>
      <c r="IK4" s="438"/>
      <c r="IL4" s="438"/>
      <c r="IM4" s="438"/>
      <c r="IN4" s="438"/>
      <c r="IO4" s="438"/>
      <c r="IP4" s="438"/>
      <c r="IQ4" s="438"/>
      <c r="IR4" s="438"/>
      <c r="IS4" s="438"/>
      <c r="IT4" s="438"/>
      <c r="IU4" s="438"/>
      <c r="IV4" s="438"/>
      <c r="IW4" s="438"/>
      <c r="IX4" s="438"/>
      <c r="IY4" s="438"/>
      <c r="IZ4" s="438"/>
      <c r="JA4" s="438"/>
      <c r="JB4" s="438"/>
      <c r="JC4" s="438"/>
      <c r="JD4" s="438"/>
      <c r="JE4" s="438"/>
      <c r="JF4" s="438"/>
      <c r="JG4" s="438"/>
      <c r="JH4" s="438"/>
      <c r="JI4" s="438"/>
      <c r="JJ4" s="438"/>
      <c r="JK4" s="438"/>
      <c r="JL4" s="438"/>
      <c r="JM4" s="438"/>
      <c r="JN4" s="438"/>
      <c r="JO4" s="438"/>
      <c r="JP4" s="438"/>
      <c r="JQ4" s="438"/>
      <c r="JR4" s="438"/>
      <c r="JS4" s="438"/>
      <c r="JT4" s="438"/>
      <c r="JU4" s="438"/>
      <c r="JV4" s="438"/>
      <c r="JW4" s="438"/>
      <c r="JX4" s="438"/>
      <c r="JY4" s="438"/>
      <c r="JZ4" s="438"/>
      <c r="KA4" s="438"/>
      <c r="KB4" s="438"/>
      <c r="KC4" s="438"/>
      <c r="KD4" s="438"/>
      <c r="KE4" s="438"/>
      <c r="KF4" s="438"/>
      <c r="KG4" s="438"/>
      <c r="KH4" s="438"/>
      <c r="KI4" s="438"/>
      <c r="KJ4" s="438"/>
      <c r="KK4" s="438"/>
      <c r="KL4" s="438"/>
      <c r="KM4" s="438"/>
      <c r="KN4" s="438"/>
      <c r="KO4" s="438"/>
      <c r="KP4" s="438"/>
      <c r="KQ4" s="438"/>
      <c r="KR4" s="438"/>
      <c r="KS4" s="438"/>
      <c r="KT4" s="438"/>
      <c r="KU4" s="438"/>
      <c r="KV4" s="438"/>
      <c r="KW4" s="438"/>
      <c r="KX4" s="438"/>
      <c r="KY4" s="438"/>
      <c r="KZ4" s="438"/>
      <c r="LA4" s="438"/>
      <c r="LB4" s="438"/>
      <c r="LC4" s="438"/>
      <c r="LD4" s="438"/>
      <c r="LE4" s="438"/>
      <c r="LF4" s="438"/>
      <c r="LG4" s="438"/>
      <c r="LH4" s="438"/>
      <c r="LI4" s="438"/>
      <c r="LJ4" s="438"/>
      <c r="LK4" s="438"/>
      <c r="LL4" s="438"/>
      <c r="LM4" s="438"/>
      <c r="LN4" s="438"/>
      <c r="LO4" s="438"/>
      <c r="LP4" s="438"/>
      <c r="LQ4" s="438"/>
      <c r="LR4" s="438"/>
      <c r="LS4" s="438"/>
      <c r="LT4" s="438"/>
      <c r="LU4" s="438"/>
      <c r="LV4" s="438"/>
      <c r="LW4" s="438"/>
      <c r="LX4" s="438"/>
      <c r="LY4" s="438"/>
      <c r="LZ4" s="438"/>
      <c r="MA4" s="438"/>
      <c r="MB4" s="438"/>
      <c r="MC4" s="438"/>
      <c r="MD4" s="438"/>
      <c r="ME4" s="439"/>
      <c r="MF4" s="437" t="s">
        <v>86</v>
      </c>
      <c r="MG4" s="438"/>
      <c r="MH4" s="438"/>
      <c r="MI4" s="438"/>
      <c r="MJ4" s="438"/>
      <c r="MK4" s="438"/>
      <c r="ML4" s="438"/>
      <c r="MM4" s="438"/>
      <c r="MN4" s="438"/>
      <c r="MO4" s="438"/>
      <c r="MP4" s="438"/>
      <c r="MQ4" s="438"/>
      <c r="MR4" s="438"/>
      <c r="MS4" s="438"/>
      <c r="MT4" s="438"/>
      <c r="MU4" s="438"/>
      <c r="MV4" s="438"/>
      <c r="MW4" s="438"/>
      <c r="MX4" s="438"/>
      <c r="MY4" s="438"/>
      <c r="MZ4" s="438"/>
      <c r="NA4" s="438"/>
      <c r="NB4" s="438"/>
      <c r="NC4" s="438"/>
      <c r="ND4" s="438"/>
      <c r="NE4" s="438"/>
      <c r="NF4" s="438"/>
      <c r="NG4" s="438"/>
      <c r="NH4" s="438"/>
      <c r="NI4" s="438"/>
      <c r="NJ4" s="438"/>
      <c r="NK4" s="438"/>
      <c r="NL4" s="438"/>
      <c r="NM4" s="438"/>
      <c r="NN4" s="438"/>
      <c r="NO4" s="438"/>
      <c r="NP4" s="438"/>
      <c r="NQ4" s="438"/>
      <c r="NR4" s="438"/>
      <c r="NS4" s="438"/>
      <c r="NT4" s="438"/>
      <c r="NU4" s="438"/>
      <c r="NV4" s="438"/>
      <c r="NW4" s="438"/>
      <c r="NX4" s="438"/>
      <c r="NY4" s="438"/>
      <c r="NZ4" s="438"/>
      <c r="OA4" s="438"/>
      <c r="OB4" s="438"/>
      <c r="OC4" s="438"/>
      <c r="OD4" s="438"/>
      <c r="OE4" s="438"/>
      <c r="OF4" s="438"/>
      <c r="OG4" s="438"/>
      <c r="OH4" s="439"/>
      <c r="OI4" s="423" t="s">
        <v>60</v>
      </c>
      <c r="OJ4" s="424"/>
      <c r="OK4" s="424"/>
      <c r="OL4" s="424"/>
      <c r="OM4" s="424"/>
      <c r="ON4" s="424"/>
      <c r="OO4" s="424"/>
      <c r="OP4" s="424"/>
      <c r="OQ4" s="424"/>
      <c r="OR4" s="424"/>
      <c r="OS4" s="425"/>
    </row>
    <row r="5" spans="1:409" ht="21" customHeight="1" thickBot="1" x14ac:dyDescent="0.25">
      <c r="B5" s="546"/>
      <c r="C5" s="549"/>
      <c r="D5" s="549"/>
      <c r="E5" s="549"/>
      <c r="F5" s="549"/>
      <c r="G5" s="549"/>
      <c r="H5" s="549"/>
      <c r="I5" s="549"/>
      <c r="J5" s="549"/>
      <c r="K5" s="549"/>
      <c r="L5" s="549"/>
      <c r="M5" s="549"/>
      <c r="N5" s="551" t="s">
        <v>64</v>
      </c>
      <c r="O5" s="552"/>
      <c r="P5" s="552"/>
      <c r="Q5" s="552"/>
      <c r="R5" s="552"/>
      <c r="S5" s="552"/>
      <c r="T5" s="552"/>
      <c r="U5" s="552"/>
      <c r="V5" s="552"/>
      <c r="W5" s="552"/>
      <c r="X5" s="552"/>
      <c r="Y5" s="552"/>
      <c r="Z5" s="552"/>
      <c r="AA5" s="552"/>
      <c r="AB5" s="552"/>
      <c r="AC5" s="552"/>
      <c r="AD5" s="552"/>
      <c r="AE5" s="552"/>
      <c r="AF5" s="552"/>
      <c r="AG5" s="552"/>
      <c r="AH5" s="552"/>
      <c r="AI5" s="552"/>
      <c r="AJ5" s="552"/>
      <c r="AK5" s="552"/>
      <c r="AL5" s="552"/>
      <c r="AM5" s="552"/>
      <c r="AN5" s="552"/>
      <c r="AO5" s="552"/>
      <c r="AP5" s="552"/>
      <c r="AQ5" s="552"/>
      <c r="AR5" s="552"/>
      <c r="AS5" s="552"/>
      <c r="AT5" s="552"/>
      <c r="AU5" s="552"/>
      <c r="AV5" s="552"/>
      <c r="AW5" s="552"/>
      <c r="AX5" s="552"/>
      <c r="AY5" s="552"/>
      <c r="AZ5" s="552"/>
      <c r="BA5" s="552"/>
      <c r="BB5" s="552"/>
      <c r="BC5" s="552"/>
      <c r="BD5" s="552"/>
      <c r="BE5" s="552"/>
      <c r="BF5" s="552"/>
      <c r="BG5" s="552"/>
      <c r="BH5" s="552"/>
      <c r="BI5" s="552"/>
      <c r="BJ5" s="552"/>
      <c r="BK5" s="552"/>
      <c r="BL5" s="552"/>
      <c r="BM5" s="552"/>
      <c r="BN5" s="552"/>
      <c r="BO5" s="552"/>
      <c r="BP5" s="552"/>
      <c r="BQ5" s="552"/>
      <c r="BR5" s="552"/>
      <c r="BS5" s="552"/>
      <c r="BT5" s="552"/>
      <c r="BU5" s="552"/>
      <c r="BV5" s="552"/>
      <c r="BW5" s="552"/>
      <c r="BX5" s="552"/>
      <c r="BY5" s="552"/>
      <c r="BZ5" s="552"/>
      <c r="CA5" s="553"/>
      <c r="CB5" s="551" t="s">
        <v>65</v>
      </c>
      <c r="CC5" s="552"/>
      <c r="CD5" s="552"/>
      <c r="CE5" s="552"/>
      <c r="CF5" s="552"/>
      <c r="CG5" s="552"/>
      <c r="CH5" s="552"/>
      <c r="CI5" s="552"/>
      <c r="CJ5" s="552"/>
      <c r="CK5" s="552"/>
      <c r="CL5" s="552"/>
      <c r="CM5" s="552"/>
      <c r="CN5" s="552"/>
      <c r="CO5" s="552"/>
      <c r="CP5" s="552"/>
      <c r="CQ5" s="552"/>
      <c r="CR5" s="552"/>
      <c r="CS5" s="552"/>
      <c r="CT5" s="552"/>
      <c r="CU5" s="552"/>
      <c r="CV5" s="552"/>
      <c r="CW5" s="552"/>
      <c r="CX5" s="552"/>
      <c r="CY5" s="552"/>
      <c r="CZ5" s="552"/>
      <c r="DA5" s="552"/>
      <c r="DB5" s="552"/>
      <c r="DC5" s="552"/>
      <c r="DD5" s="552"/>
      <c r="DE5" s="552"/>
      <c r="DF5" s="552"/>
      <c r="DG5" s="552"/>
      <c r="DH5" s="553"/>
      <c r="DI5" s="437" t="s">
        <v>66</v>
      </c>
      <c r="DJ5" s="438"/>
      <c r="DK5" s="438"/>
      <c r="DL5" s="438"/>
      <c r="DM5" s="438"/>
      <c r="DN5" s="438"/>
      <c r="DO5" s="438"/>
      <c r="DP5" s="438"/>
      <c r="DQ5" s="438"/>
      <c r="DR5" s="438"/>
      <c r="DS5" s="438"/>
      <c r="DT5" s="438"/>
      <c r="DU5" s="438"/>
      <c r="DV5" s="438"/>
      <c r="DW5" s="438"/>
      <c r="DX5" s="438"/>
      <c r="DY5" s="438"/>
      <c r="DZ5" s="438"/>
      <c r="EA5" s="438"/>
      <c r="EB5" s="438"/>
      <c r="EC5" s="438"/>
      <c r="ED5" s="438"/>
      <c r="EE5" s="438"/>
      <c r="EF5" s="438"/>
      <c r="EG5" s="438"/>
      <c r="EH5" s="438"/>
      <c r="EI5" s="438"/>
      <c r="EJ5" s="438"/>
      <c r="EK5" s="438"/>
      <c r="EL5" s="438"/>
      <c r="EM5" s="438"/>
      <c r="EN5" s="438"/>
      <c r="EO5" s="438"/>
      <c r="EP5" s="438"/>
      <c r="EQ5" s="438"/>
      <c r="ER5" s="438"/>
      <c r="ES5" s="438"/>
      <c r="ET5" s="438"/>
      <c r="EU5" s="438"/>
      <c r="EV5" s="438"/>
      <c r="EW5" s="438"/>
      <c r="EX5" s="438"/>
      <c r="EY5" s="438"/>
      <c r="EZ5" s="438"/>
      <c r="FA5" s="438"/>
      <c r="FB5" s="438"/>
      <c r="FC5" s="438"/>
      <c r="FD5" s="438"/>
      <c r="FE5" s="438"/>
      <c r="FF5" s="438"/>
      <c r="FG5" s="438"/>
      <c r="FH5" s="438"/>
      <c r="FI5" s="438"/>
      <c r="FJ5" s="438"/>
      <c r="FK5" s="439"/>
      <c r="FL5" s="551" t="s">
        <v>67</v>
      </c>
      <c r="FM5" s="552"/>
      <c r="FN5" s="552"/>
      <c r="FO5" s="552"/>
      <c r="FP5" s="552"/>
      <c r="FQ5" s="552"/>
      <c r="FR5" s="552"/>
      <c r="FS5" s="552"/>
      <c r="FT5" s="552"/>
      <c r="FU5" s="552"/>
      <c r="FV5" s="552"/>
      <c r="FW5" s="552"/>
      <c r="FX5" s="552"/>
      <c r="FY5" s="552"/>
      <c r="FZ5" s="552"/>
      <c r="GA5" s="552"/>
      <c r="GB5" s="552"/>
      <c r="GC5" s="552"/>
      <c r="GD5" s="552"/>
      <c r="GE5" s="552"/>
      <c r="GF5" s="552"/>
      <c r="GG5" s="552"/>
      <c r="GH5" s="552"/>
      <c r="GI5" s="552"/>
      <c r="GJ5" s="552"/>
      <c r="GK5" s="552"/>
      <c r="GL5" s="552"/>
      <c r="GM5" s="552"/>
      <c r="GN5" s="552"/>
      <c r="GO5" s="552"/>
      <c r="GP5" s="552"/>
      <c r="GQ5" s="552"/>
      <c r="GR5" s="552"/>
      <c r="GS5" s="552"/>
      <c r="GT5" s="552"/>
      <c r="GU5" s="552"/>
      <c r="GV5" s="552"/>
      <c r="GW5" s="552"/>
      <c r="GX5" s="552"/>
      <c r="GY5" s="552"/>
      <c r="GZ5" s="552"/>
      <c r="HA5" s="552"/>
      <c r="HB5" s="552"/>
      <c r="HC5" s="553"/>
      <c r="HD5" s="537" t="s">
        <v>68</v>
      </c>
      <c r="HE5" s="538"/>
      <c r="HF5" s="538"/>
      <c r="HG5" s="538"/>
      <c r="HH5" s="538"/>
      <c r="HI5" s="538"/>
      <c r="HJ5" s="538"/>
      <c r="HK5" s="538"/>
      <c r="HL5" s="538"/>
      <c r="HM5" s="538"/>
      <c r="HN5" s="539"/>
      <c r="HO5" s="537" t="s">
        <v>69</v>
      </c>
      <c r="HP5" s="538"/>
      <c r="HQ5" s="538"/>
      <c r="HR5" s="538"/>
      <c r="HS5" s="538"/>
      <c r="HT5" s="538"/>
      <c r="HU5" s="538"/>
      <c r="HV5" s="538"/>
      <c r="HW5" s="538"/>
      <c r="HX5" s="538"/>
      <c r="HY5" s="539"/>
      <c r="HZ5" s="570"/>
      <c r="IA5" s="571"/>
      <c r="IB5" s="571"/>
      <c r="IC5" s="571"/>
      <c r="ID5" s="571"/>
      <c r="IE5" s="571"/>
      <c r="IF5" s="571"/>
      <c r="IG5" s="571"/>
      <c r="IH5" s="571"/>
      <c r="II5" s="571"/>
      <c r="IJ5" s="572"/>
      <c r="IK5" s="423" t="s">
        <v>94</v>
      </c>
      <c r="IL5" s="424"/>
      <c r="IM5" s="424"/>
      <c r="IN5" s="424"/>
      <c r="IO5" s="424"/>
      <c r="IP5" s="424"/>
      <c r="IQ5" s="424"/>
      <c r="IR5" s="424"/>
      <c r="IS5" s="424"/>
      <c r="IT5" s="424"/>
      <c r="IU5" s="425"/>
      <c r="IV5" s="423" t="s">
        <v>88</v>
      </c>
      <c r="IW5" s="424"/>
      <c r="IX5" s="424"/>
      <c r="IY5" s="424"/>
      <c r="IZ5" s="424"/>
      <c r="JA5" s="424"/>
      <c r="JB5" s="424"/>
      <c r="JC5" s="424"/>
      <c r="JD5" s="424"/>
      <c r="JE5" s="424"/>
      <c r="JF5" s="425"/>
      <c r="JG5" s="423" t="s">
        <v>141</v>
      </c>
      <c r="JH5" s="424"/>
      <c r="JI5" s="424"/>
      <c r="JJ5" s="424"/>
      <c r="JK5" s="424"/>
      <c r="JL5" s="424"/>
      <c r="JM5" s="424"/>
      <c r="JN5" s="424"/>
      <c r="JO5" s="424"/>
      <c r="JP5" s="424"/>
      <c r="JQ5" s="425"/>
      <c r="JR5" s="423" t="s">
        <v>90</v>
      </c>
      <c r="JS5" s="424"/>
      <c r="JT5" s="424"/>
      <c r="JU5" s="424"/>
      <c r="JV5" s="424"/>
      <c r="JW5" s="424"/>
      <c r="JX5" s="424"/>
      <c r="JY5" s="424"/>
      <c r="JZ5" s="424"/>
      <c r="KA5" s="424"/>
      <c r="KB5" s="425"/>
      <c r="KC5" s="423" t="s">
        <v>89</v>
      </c>
      <c r="KD5" s="424"/>
      <c r="KE5" s="424"/>
      <c r="KF5" s="424"/>
      <c r="KG5" s="424"/>
      <c r="KH5" s="424"/>
      <c r="KI5" s="424"/>
      <c r="KJ5" s="424"/>
      <c r="KK5" s="424"/>
      <c r="KL5" s="424"/>
      <c r="KM5" s="425"/>
      <c r="KN5" s="423" t="s">
        <v>91</v>
      </c>
      <c r="KO5" s="424"/>
      <c r="KP5" s="424"/>
      <c r="KQ5" s="424"/>
      <c r="KR5" s="424"/>
      <c r="KS5" s="424"/>
      <c r="KT5" s="424"/>
      <c r="KU5" s="424"/>
      <c r="KV5" s="424"/>
      <c r="KW5" s="424"/>
      <c r="KX5" s="425"/>
      <c r="KY5" s="423" t="s">
        <v>92</v>
      </c>
      <c r="KZ5" s="424"/>
      <c r="LA5" s="424"/>
      <c r="LB5" s="424"/>
      <c r="LC5" s="424"/>
      <c r="LD5" s="424"/>
      <c r="LE5" s="424"/>
      <c r="LF5" s="424"/>
      <c r="LG5" s="424"/>
      <c r="LH5" s="424"/>
      <c r="LI5" s="425"/>
      <c r="LJ5" s="573" t="s">
        <v>93</v>
      </c>
      <c r="LK5" s="574"/>
      <c r="LL5" s="574"/>
      <c r="LM5" s="574"/>
      <c r="LN5" s="574"/>
      <c r="LO5" s="574"/>
      <c r="LP5" s="574"/>
      <c r="LQ5" s="574"/>
      <c r="LR5" s="574"/>
      <c r="LS5" s="574"/>
      <c r="LT5" s="575"/>
      <c r="LU5" s="573" t="s">
        <v>142</v>
      </c>
      <c r="LV5" s="574"/>
      <c r="LW5" s="574"/>
      <c r="LX5" s="574"/>
      <c r="LY5" s="574"/>
      <c r="LZ5" s="574"/>
      <c r="MA5" s="574"/>
      <c r="MB5" s="574"/>
      <c r="MC5" s="574"/>
      <c r="MD5" s="574"/>
      <c r="ME5" s="575"/>
      <c r="MF5" s="570"/>
      <c r="MG5" s="571"/>
      <c r="MH5" s="571"/>
      <c r="MI5" s="571"/>
      <c r="MJ5" s="571"/>
      <c r="MK5" s="571"/>
      <c r="ML5" s="571"/>
      <c r="MM5" s="571"/>
      <c r="MN5" s="571"/>
      <c r="MO5" s="571"/>
      <c r="MP5" s="572"/>
      <c r="MQ5" s="423" t="s">
        <v>57</v>
      </c>
      <c r="MR5" s="424"/>
      <c r="MS5" s="424"/>
      <c r="MT5" s="424"/>
      <c r="MU5" s="424"/>
      <c r="MV5" s="424"/>
      <c r="MW5" s="424"/>
      <c r="MX5" s="424"/>
      <c r="MY5" s="424"/>
      <c r="MZ5" s="424"/>
      <c r="NA5" s="425"/>
      <c r="NB5" s="423" t="s">
        <v>58</v>
      </c>
      <c r="NC5" s="424"/>
      <c r="ND5" s="424"/>
      <c r="NE5" s="424"/>
      <c r="NF5" s="424"/>
      <c r="NG5" s="424"/>
      <c r="NH5" s="424"/>
      <c r="NI5" s="424"/>
      <c r="NJ5" s="424"/>
      <c r="NK5" s="424"/>
      <c r="NL5" s="425"/>
      <c r="NM5" s="423" t="s">
        <v>59</v>
      </c>
      <c r="NN5" s="424"/>
      <c r="NO5" s="424"/>
      <c r="NP5" s="424"/>
      <c r="NQ5" s="424"/>
      <c r="NR5" s="424"/>
      <c r="NS5" s="424"/>
      <c r="NT5" s="424"/>
      <c r="NU5" s="424"/>
      <c r="NV5" s="424"/>
      <c r="NW5" s="425"/>
      <c r="NX5" s="423" t="s">
        <v>148</v>
      </c>
      <c r="NY5" s="424"/>
      <c r="NZ5" s="424"/>
      <c r="OA5" s="424"/>
      <c r="OB5" s="424"/>
      <c r="OC5" s="424"/>
      <c r="OD5" s="424"/>
      <c r="OE5" s="424"/>
      <c r="OF5" s="424"/>
      <c r="OG5" s="424"/>
      <c r="OH5" s="425"/>
      <c r="OI5" s="441"/>
      <c r="OJ5" s="568"/>
      <c r="OK5" s="568"/>
      <c r="OL5" s="568"/>
      <c r="OM5" s="568"/>
      <c r="ON5" s="568"/>
      <c r="OO5" s="568"/>
      <c r="OP5" s="568"/>
      <c r="OQ5" s="568"/>
      <c r="OR5" s="568"/>
      <c r="OS5" s="569"/>
    </row>
    <row r="6" spans="1:409" ht="21" customHeight="1" thickBot="1" x14ac:dyDescent="0.25">
      <c r="B6" s="546"/>
      <c r="C6" s="550"/>
      <c r="D6" s="550"/>
      <c r="E6" s="550"/>
      <c r="F6" s="550"/>
      <c r="G6" s="550"/>
      <c r="H6" s="550"/>
      <c r="I6" s="550"/>
      <c r="J6" s="550"/>
      <c r="K6" s="550"/>
      <c r="L6" s="550"/>
      <c r="M6" s="550"/>
      <c r="N6" s="429"/>
      <c r="O6" s="430"/>
      <c r="P6" s="430"/>
      <c r="Q6" s="430"/>
      <c r="R6" s="430"/>
      <c r="S6" s="430"/>
      <c r="T6" s="430"/>
      <c r="U6" s="430"/>
      <c r="V6" s="430"/>
      <c r="W6" s="430"/>
      <c r="X6" s="431"/>
      <c r="Y6" s="432" t="s">
        <v>70</v>
      </c>
      <c r="Z6" s="433"/>
      <c r="AA6" s="433"/>
      <c r="AB6" s="433"/>
      <c r="AC6" s="433"/>
      <c r="AD6" s="433"/>
      <c r="AE6" s="433"/>
      <c r="AF6" s="433"/>
      <c r="AG6" s="433"/>
      <c r="AH6" s="433"/>
      <c r="AI6" s="434"/>
      <c r="AJ6" s="537" t="s">
        <v>71</v>
      </c>
      <c r="AK6" s="538"/>
      <c r="AL6" s="538"/>
      <c r="AM6" s="538"/>
      <c r="AN6" s="538"/>
      <c r="AO6" s="538"/>
      <c r="AP6" s="538"/>
      <c r="AQ6" s="538"/>
      <c r="AR6" s="538"/>
      <c r="AS6" s="538"/>
      <c r="AT6" s="539"/>
      <c r="AU6" s="534" t="s">
        <v>72</v>
      </c>
      <c r="AV6" s="535"/>
      <c r="AW6" s="535"/>
      <c r="AX6" s="535"/>
      <c r="AY6" s="535"/>
      <c r="AZ6" s="535"/>
      <c r="BA6" s="535"/>
      <c r="BB6" s="535"/>
      <c r="BC6" s="535"/>
      <c r="BD6" s="535"/>
      <c r="BE6" s="536"/>
      <c r="BF6" s="534" t="s">
        <v>73</v>
      </c>
      <c r="BG6" s="535"/>
      <c r="BH6" s="535"/>
      <c r="BI6" s="535"/>
      <c r="BJ6" s="535"/>
      <c r="BK6" s="535"/>
      <c r="BL6" s="535"/>
      <c r="BM6" s="535"/>
      <c r="BN6" s="535"/>
      <c r="BO6" s="535"/>
      <c r="BP6" s="536"/>
      <c r="BQ6" s="534" t="s">
        <v>74</v>
      </c>
      <c r="BR6" s="535"/>
      <c r="BS6" s="535"/>
      <c r="BT6" s="535"/>
      <c r="BU6" s="535"/>
      <c r="BV6" s="535"/>
      <c r="BW6" s="535"/>
      <c r="BX6" s="535"/>
      <c r="BY6" s="535"/>
      <c r="BZ6" s="535"/>
      <c r="CA6" s="536"/>
      <c r="CB6" s="531"/>
      <c r="CC6" s="532"/>
      <c r="CD6" s="532"/>
      <c r="CE6" s="532"/>
      <c r="CF6" s="532"/>
      <c r="CG6" s="532"/>
      <c r="CH6" s="532"/>
      <c r="CI6" s="532"/>
      <c r="CJ6" s="532"/>
      <c r="CK6" s="532"/>
      <c r="CL6" s="533"/>
      <c r="CM6" s="534" t="s">
        <v>75</v>
      </c>
      <c r="CN6" s="535"/>
      <c r="CO6" s="535"/>
      <c r="CP6" s="535"/>
      <c r="CQ6" s="535"/>
      <c r="CR6" s="535"/>
      <c r="CS6" s="535"/>
      <c r="CT6" s="535"/>
      <c r="CU6" s="535"/>
      <c r="CV6" s="535"/>
      <c r="CW6" s="536"/>
      <c r="CX6" s="534" t="s">
        <v>76</v>
      </c>
      <c r="CY6" s="535"/>
      <c r="CZ6" s="535"/>
      <c r="DA6" s="535"/>
      <c r="DB6" s="535"/>
      <c r="DC6" s="535"/>
      <c r="DD6" s="535"/>
      <c r="DE6" s="535"/>
      <c r="DF6" s="535"/>
      <c r="DG6" s="535"/>
      <c r="DH6" s="536"/>
      <c r="DI6" s="531"/>
      <c r="DJ6" s="532"/>
      <c r="DK6" s="532"/>
      <c r="DL6" s="532"/>
      <c r="DM6" s="532"/>
      <c r="DN6" s="532"/>
      <c r="DO6" s="532"/>
      <c r="DP6" s="532"/>
      <c r="DQ6" s="532"/>
      <c r="DR6" s="532"/>
      <c r="DS6" s="532"/>
      <c r="DT6" s="534" t="s">
        <v>77</v>
      </c>
      <c r="DU6" s="535"/>
      <c r="DV6" s="535"/>
      <c r="DW6" s="535"/>
      <c r="DX6" s="535"/>
      <c r="DY6" s="535"/>
      <c r="DZ6" s="535"/>
      <c r="EA6" s="535"/>
      <c r="EB6" s="535"/>
      <c r="EC6" s="535"/>
      <c r="ED6" s="536"/>
      <c r="EE6" s="534" t="s">
        <v>78</v>
      </c>
      <c r="EF6" s="535"/>
      <c r="EG6" s="535"/>
      <c r="EH6" s="535"/>
      <c r="EI6" s="535"/>
      <c r="EJ6" s="535"/>
      <c r="EK6" s="535"/>
      <c r="EL6" s="535"/>
      <c r="EM6" s="535"/>
      <c r="EN6" s="535"/>
      <c r="EO6" s="536"/>
      <c r="EP6" s="534" t="s">
        <v>79</v>
      </c>
      <c r="EQ6" s="535"/>
      <c r="ER6" s="535"/>
      <c r="ES6" s="535"/>
      <c r="ET6" s="535"/>
      <c r="EU6" s="535"/>
      <c r="EV6" s="535"/>
      <c r="EW6" s="535"/>
      <c r="EX6" s="535"/>
      <c r="EY6" s="535"/>
      <c r="EZ6" s="536"/>
      <c r="FA6" s="534" t="s">
        <v>149</v>
      </c>
      <c r="FB6" s="535"/>
      <c r="FC6" s="535"/>
      <c r="FD6" s="535"/>
      <c r="FE6" s="535"/>
      <c r="FF6" s="535"/>
      <c r="FG6" s="535"/>
      <c r="FH6" s="535"/>
      <c r="FI6" s="535"/>
      <c r="FJ6" s="535"/>
      <c r="FK6" s="536"/>
      <c r="FL6" s="531"/>
      <c r="FM6" s="532"/>
      <c r="FN6" s="532"/>
      <c r="FO6" s="532"/>
      <c r="FP6" s="532"/>
      <c r="FQ6" s="532"/>
      <c r="FR6" s="532"/>
      <c r="FS6" s="532"/>
      <c r="FT6" s="532"/>
      <c r="FU6" s="532"/>
      <c r="FV6" s="532"/>
      <c r="FW6" s="534" t="s">
        <v>80</v>
      </c>
      <c r="FX6" s="535"/>
      <c r="FY6" s="535"/>
      <c r="FZ6" s="535"/>
      <c r="GA6" s="535"/>
      <c r="GB6" s="535"/>
      <c r="GC6" s="535"/>
      <c r="GD6" s="535"/>
      <c r="GE6" s="535"/>
      <c r="GF6" s="535"/>
      <c r="GG6" s="536"/>
      <c r="GH6" s="432" t="s">
        <v>81</v>
      </c>
      <c r="GI6" s="433"/>
      <c r="GJ6" s="433"/>
      <c r="GK6" s="433"/>
      <c r="GL6" s="433"/>
      <c r="GM6" s="433"/>
      <c r="GN6" s="433"/>
      <c r="GO6" s="433"/>
      <c r="GP6" s="433"/>
      <c r="GQ6" s="433"/>
      <c r="GR6" s="434"/>
      <c r="GS6" s="432" t="s">
        <v>82</v>
      </c>
      <c r="GT6" s="433"/>
      <c r="GU6" s="433"/>
      <c r="GV6" s="433"/>
      <c r="GW6" s="433"/>
      <c r="GX6" s="433"/>
      <c r="GY6" s="433"/>
      <c r="GZ6" s="433"/>
      <c r="HA6" s="433"/>
      <c r="HB6" s="433"/>
      <c r="HC6" s="434"/>
      <c r="HD6" s="554"/>
      <c r="HE6" s="555"/>
      <c r="HF6" s="555"/>
      <c r="HG6" s="555"/>
      <c r="HH6" s="555"/>
      <c r="HI6" s="555"/>
      <c r="HJ6" s="555"/>
      <c r="HK6" s="555"/>
      <c r="HL6" s="555"/>
      <c r="HM6" s="555"/>
      <c r="HN6" s="556"/>
      <c r="HO6" s="554"/>
      <c r="HP6" s="555"/>
      <c r="HQ6" s="555"/>
      <c r="HR6" s="555"/>
      <c r="HS6" s="555"/>
      <c r="HT6" s="555"/>
      <c r="HU6" s="555"/>
      <c r="HV6" s="555"/>
      <c r="HW6" s="555"/>
      <c r="HX6" s="555"/>
      <c r="HY6" s="556"/>
      <c r="HZ6" s="531"/>
      <c r="IA6" s="532"/>
      <c r="IB6" s="532"/>
      <c r="IC6" s="532"/>
      <c r="ID6" s="532"/>
      <c r="IE6" s="532"/>
      <c r="IF6" s="532"/>
      <c r="IG6" s="532"/>
      <c r="IH6" s="532"/>
      <c r="II6" s="532"/>
      <c r="IJ6" s="533"/>
      <c r="IK6" s="429"/>
      <c r="IL6" s="430"/>
      <c r="IM6" s="430"/>
      <c r="IN6" s="430"/>
      <c r="IO6" s="430"/>
      <c r="IP6" s="430"/>
      <c r="IQ6" s="430"/>
      <c r="IR6" s="430"/>
      <c r="IS6" s="430"/>
      <c r="IT6" s="430"/>
      <c r="IU6" s="431"/>
      <c r="IV6" s="429"/>
      <c r="IW6" s="430"/>
      <c r="IX6" s="430"/>
      <c r="IY6" s="430"/>
      <c r="IZ6" s="430"/>
      <c r="JA6" s="430"/>
      <c r="JB6" s="430"/>
      <c r="JC6" s="430"/>
      <c r="JD6" s="430"/>
      <c r="JE6" s="430"/>
      <c r="JF6" s="431"/>
      <c r="JG6" s="429"/>
      <c r="JH6" s="430"/>
      <c r="JI6" s="430"/>
      <c r="JJ6" s="430"/>
      <c r="JK6" s="430"/>
      <c r="JL6" s="430"/>
      <c r="JM6" s="430"/>
      <c r="JN6" s="430"/>
      <c r="JO6" s="430"/>
      <c r="JP6" s="430"/>
      <c r="JQ6" s="431"/>
      <c r="JR6" s="429"/>
      <c r="JS6" s="430"/>
      <c r="JT6" s="430"/>
      <c r="JU6" s="430"/>
      <c r="JV6" s="430"/>
      <c r="JW6" s="430"/>
      <c r="JX6" s="430"/>
      <c r="JY6" s="430"/>
      <c r="JZ6" s="430"/>
      <c r="KA6" s="430"/>
      <c r="KB6" s="431"/>
      <c r="KC6" s="429"/>
      <c r="KD6" s="430"/>
      <c r="KE6" s="430"/>
      <c r="KF6" s="430"/>
      <c r="KG6" s="430"/>
      <c r="KH6" s="430"/>
      <c r="KI6" s="430"/>
      <c r="KJ6" s="430"/>
      <c r="KK6" s="430"/>
      <c r="KL6" s="430"/>
      <c r="KM6" s="431"/>
      <c r="KN6" s="429"/>
      <c r="KO6" s="430"/>
      <c r="KP6" s="430"/>
      <c r="KQ6" s="430"/>
      <c r="KR6" s="430"/>
      <c r="KS6" s="430"/>
      <c r="KT6" s="430"/>
      <c r="KU6" s="430"/>
      <c r="KV6" s="430"/>
      <c r="KW6" s="430"/>
      <c r="KX6" s="431"/>
      <c r="KY6" s="429"/>
      <c r="KZ6" s="430"/>
      <c r="LA6" s="430"/>
      <c r="LB6" s="430"/>
      <c r="LC6" s="430"/>
      <c r="LD6" s="430"/>
      <c r="LE6" s="430"/>
      <c r="LF6" s="430"/>
      <c r="LG6" s="430"/>
      <c r="LH6" s="430"/>
      <c r="LI6" s="431"/>
      <c r="LJ6" s="531"/>
      <c r="LK6" s="532"/>
      <c r="LL6" s="532"/>
      <c r="LM6" s="532"/>
      <c r="LN6" s="532"/>
      <c r="LO6" s="532"/>
      <c r="LP6" s="532"/>
      <c r="LQ6" s="532"/>
      <c r="LR6" s="532"/>
      <c r="LS6" s="532"/>
      <c r="LT6" s="533"/>
      <c r="LU6" s="531"/>
      <c r="LV6" s="532"/>
      <c r="LW6" s="532"/>
      <c r="LX6" s="532"/>
      <c r="LY6" s="532"/>
      <c r="LZ6" s="532"/>
      <c r="MA6" s="532"/>
      <c r="MB6" s="532"/>
      <c r="MC6" s="532"/>
      <c r="MD6" s="532"/>
      <c r="ME6" s="533"/>
      <c r="MF6" s="531"/>
      <c r="MG6" s="532"/>
      <c r="MH6" s="532"/>
      <c r="MI6" s="532"/>
      <c r="MJ6" s="532"/>
      <c r="MK6" s="532"/>
      <c r="ML6" s="532"/>
      <c r="MM6" s="532"/>
      <c r="MN6" s="532"/>
      <c r="MO6" s="532"/>
      <c r="MP6" s="533"/>
      <c r="MQ6" s="429"/>
      <c r="MR6" s="430"/>
      <c r="MS6" s="430"/>
      <c r="MT6" s="430"/>
      <c r="MU6" s="430"/>
      <c r="MV6" s="430"/>
      <c r="MW6" s="430"/>
      <c r="MX6" s="430"/>
      <c r="MY6" s="430"/>
      <c r="MZ6" s="430"/>
      <c r="NA6" s="431"/>
      <c r="NB6" s="429"/>
      <c r="NC6" s="430"/>
      <c r="ND6" s="430"/>
      <c r="NE6" s="430"/>
      <c r="NF6" s="430"/>
      <c r="NG6" s="430"/>
      <c r="NH6" s="430"/>
      <c r="NI6" s="430"/>
      <c r="NJ6" s="430"/>
      <c r="NK6" s="430"/>
      <c r="NL6" s="431"/>
      <c r="NM6" s="429"/>
      <c r="NN6" s="430"/>
      <c r="NO6" s="430"/>
      <c r="NP6" s="430"/>
      <c r="NQ6" s="430"/>
      <c r="NR6" s="430"/>
      <c r="NS6" s="430"/>
      <c r="NT6" s="430"/>
      <c r="NU6" s="430"/>
      <c r="NV6" s="430"/>
      <c r="NW6" s="431"/>
      <c r="NX6" s="429"/>
      <c r="NY6" s="430"/>
      <c r="NZ6" s="430"/>
      <c r="OA6" s="430"/>
      <c r="OB6" s="430"/>
      <c r="OC6" s="430"/>
      <c r="OD6" s="430"/>
      <c r="OE6" s="430"/>
      <c r="OF6" s="430"/>
      <c r="OG6" s="430"/>
      <c r="OH6" s="431"/>
      <c r="OI6" s="429"/>
      <c r="OJ6" s="430"/>
      <c r="OK6" s="430"/>
      <c r="OL6" s="430"/>
      <c r="OM6" s="430"/>
      <c r="ON6" s="430"/>
      <c r="OO6" s="430"/>
      <c r="OP6" s="430"/>
      <c r="OQ6" s="430"/>
      <c r="OR6" s="430"/>
      <c r="OS6" s="431"/>
    </row>
    <row r="7" spans="1:409" ht="21" customHeight="1" x14ac:dyDescent="0.2">
      <c r="B7" s="546"/>
      <c r="C7" s="514" t="s">
        <v>61</v>
      </c>
      <c r="D7" s="514"/>
      <c r="E7" s="514"/>
      <c r="F7" s="513" t="s">
        <v>62</v>
      </c>
      <c r="G7" s="514"/>
      <c r="H7" s="514"/>
      <c r="I7" s="514"/>
      <c r="J7" s="514"/>
      <c r="K7" s="514"/>
      <c r="L7" s="514"/>
      <c r="M7" s="513" t="s">
        <v>52</v>
      </c>
      <c r="N7" s="558" t="s">
        <v>61</v>
      </c>
      <c r="O7" s="514"/>
      <c r="P7" s="514"/>
      <c r="Q7" s="513" t="s">
        <v>62</v>
      </c>
      <c r="R7" s="514"/>
      <c r="S7" s="514"/>
      <c r="T7" s="514"/>
      <c r="U7" s="514"/>
      <c r="V7" s="514"/>
      <c r="W7" s="515"/>
      <c r="X7" s="543" t="s">
        <v>52</v>
      </c>
      <c r="Y7" s="429" t="s">
        <v>61</v>
      </c>
      <c r="Z7" s="430"/>
      <c r="AA7" s="522"/>
      <c r="AB7" s="521" t="s">
        <v>62</v>
      </c>
      <c r="AC7" s="430"/>
      <c r="AD7" s="430"/>
      <c r="AE7" s="430"/>
      <c r="AF7" s="430"/>
      <c r="AG7" s="430"/>
      <c r="AH7" s="522"/>
      <c r="AI7" s="431" t="s">
        <v>52</v>
      </c>
      <c r="AJ7" s="510" t="s">
        <v>61</v>
      </c>
      <c r="AK7" s="511"/>
      <c r="AL7" s="512"/>
      <c r="AM7" s="559" t="s">
        <v>62</v>
      </c>
      <c r="AN7" s="511"/>
      <c r="AO7" s="511"/>
      <c r="AP7" s="511"/>
      <c r="AQ7" s="511"/>
      <c r="AR7" s="511"/>
      <c r="AS7" s="560"/>
      <c r="AT7" s="561" t="s">
        <v>52</v>
      </c>
      <c r="AU7" s="518" t="s">
        <v>61</v>
      </c>
      <c r="AV7" s="519"/>
      <c r="AW7" s="520"/>
      <c r="AX7" s="541" t="s">
        <v>62</v>
      </c>
      <c r="AY7" s="519"/>
      <c r="AZ7" s="519"/>
      <c r="BA7" s="519"/>
      <c r="BB7" s="519"/>
      <c r="BC7" s="519"/>
      <c r="BD7" s="542"/>
      <c r="BE7" s="431" t="s">
        <v>52</v>
      </c>
      <c r="BF7" s="518" t="s">
        <v>61</v>
      </c>
      <c r="BG7" s="519"/>
      <c r="BH7" s="520"/>
      <c r="BI7" s="541" t="s">
        <v>62</v>
      </c>
      <c r="BJ7" s="519"/>
      <c r="BK7" s="519"/>
      <c r="BL7" s="519"/>
      <c r="BM7" s="519"/>
      <c r="BN7" s="519"/>
      <c r="BO7" s="542"/>
      <c r="BP7" s="431" t="s">
        <v>52</v>
      </c>
      <c r="BQ7" s="518" t="s">
        <v>61</v>
      </c>
      <c r="BR7" s="519"/>
      <c r="BS7" s="520"/>
      <c r="BT7" s="541" t="s">
        <v>62</v>
      </c>
      <c r="BU7" s="519"/>
      <c r="BV7" s="519"/>
      <c r="BW7" s="519"/>
      <c r="BX7" s="519"/>
      <c r="BY7" s="519"/>
      <c r="BZ7" s="542"/>
      <c r="CA7" s="431" t="s">
        <v>52</v>
      </c>
      <c r="CB7" s="510" t="s">
        <v>61</v>
      </c>
      <c r="CC7" s="511"/>
      <c r="CD7" s="512"/>
      <c r="CE7" s="559" t="s">
        <v>62</v>
      </c>
      <c r="CF7" s="511"/>
      <c r="CG7" s="511"/>
      <c r="CH7" s="511"/>
      <c r="CI7" s="511"/>
      <c r="CJ7" s="511"/>
      <c r="CK7" s="560"/>
      <c r="CL7" s="543" t="s">
        <v>52</v>
      </c>
      <c r="CM7" s="518" t="s">
        <v>61</v>
      </c>
      <c r="CN7" s="519"/>
      <c r="CO7" s="542"/>
      <c r="CP7" s="541" t="s">
        <v>62</v>
      </c>
      <c r="CQ7" s="519"/>
      <c r="CR7" s="519"/>
      <c r="CS7" s="519"/>
      <c r="CT7" s="519"/>
      <c r="CU7" s="519"/>
      <c r="CV7" s="542"/>
      <c r="CW7" s="565" t="s">
        <v>52</v>
      </c>
      <c r="CX7" s="518" t="s">
        <v>61</v>
      </c>
      <c r="CY7" s="519"/>
      <c r="CZ7" s="542"/>
      <c r="DA7" s="541" t="s">
        <v>62</v>
      </c>
      <c r="DB7" s="519"/>
      <c r="DC7" s="519"/>
      <c r="DD7" s="519"/>
      <c r="DE7" s="519"/>
      <c r="DF7" s="519"/>
      <c r="DG7" s="542"/>
      <c r="DH7" s="565" t="s">
        <v>52</v>
      </c>
      <c r="DI7" s="510" t="s">
        <v>61</v>
      </c>
      <c r="DJ7" s="511"/>
      <c r="DK7" s="560"/>
      <c r="DL7" s="559" t="s">
        <v>62</v>
      </c>
      <c r="DM7" s="511"/>
      <c r="DN7" s="511"/>
      <c r="DO7" s="511"/>
      <c r="DP7" s="511"/>
      <c r="DQ7" s="511"/>
      <c r="DR7" s="560"/>
      <c r="DS7" s="543" t="s">
        <v>52</v>
      </c>
      <c r="DT7" s="518" t="s">
        <v>61</v>
      </c>
      <c r="DU7" s="519"/>
      <c r="DV7" s="520"/>
      <c r="DW7" s="541" t="s">
        <v>62</v>
      </c>
      <c r="DX7" s="519"/>
      <c r="DY7" s="519"/>
      <c r="DZ7" s="519"/>
      <c r="EA7" s="519"/>
      <c r="EB7" s="519"/>
      <c r="EC7" s="542"/>
      <c r="ED7" s="431" t="s">
        <v>52</v>
      </c>
      <c r="EE7" s="518" t="s">
        <v>61</v>
      </c>
      <c r="EF7" s="519"/>
      <c r="EG7" s="520"/>
      <c r="EH7" s="541" t="s">
        <v>62</v>
      </c>
      <c r="EI7" s="519"/>
      <c r="EJ7" s="519"/>
      <c r="EK7" s="519"/>
      <c r="EL7" s="519"/>
      <c r="EM7" s="519"/>
      <c r="EN7" s="542"/>
      <c r="EO7" s="431" t="s">
        <v>52</v>
      </c>
      <c r="EP7" s="518" t="s">
        <v>61</v>
      </c>
      <c r="EQ7" s="519"/>
      <c r="ER7" s="520"/>
      <c r="ES7" s="541" t="s">
        <v>62</v>
      </c>
      <c r="ET7" s="519"/>
      <c r="EU7" s="519"/>
      <c r="EV7" s="519"/>
      <c r="EW7" s="519"/>
      <c r="EX7" s="519"/>
      <c r="EY7" s="542"/>
      <c r="EZ7" s="431" t="s">
        <v>52</v>
      </c>
      <c r="FA7" s="518" t="s">
        <v>61</v>
      </c>
      <c r="FB7" s="519"/>
      <c r="FC7" s="520"/>
      <c r="FD7" s="541" t="s">
        <v>62</v>
      </c>
      <c r="FE7" s="519"/>
      <c r="FF7" s="519"/>
      <c r="FG7" s="519"/>
      <c r="FH7" s="519"/>
      <c r="FI7" s="519"/>
      <c r="FJ7" s="542"/>
      <c r="FK7" s="431" t="s">
        <v>52</v>
      </c>
      <c r="FL7" s="510" t="s">
        <v>61</v>
      </c>
      <c r="FM7" s="511"/>
      <c r="FN7" s="512"/>
      <c r="FO7" s="559" t="s">
        <v>62</v>
      </c>
      <c r="FP7" s="511"/>
      <c r="FQ7" s="511"/>
      <c r="FR7" s="511"/>
      <c r="FS7" s="511"/>
      <c r="FT7" s="511"/>
      <c r="FU7" s="560"/>
      <c r="FV7" s="514" t="s">
        <v>52</v>
      </c>
      <c r="FW7" s="518" t="s">
        <v>61</v>
      </c>
      <c r="FX7" s="519"/>
      <c r="FY7" s="520"/>
      <c r="FZ7" s="541" t="s">
        <v>62</v>
      </c>
      <c r="GA7" s="519"/>
      <c r="GB7" s="519"/>
      <c r="GC7" s="519"/>
      <c r="GD7" s="519"/>
      <c r="GE7" s="519"/>
      <c r="GF7" s="542"/>
      <c r="GG7" s="431" t="s">
        <v>52</v>
      </c>
      <c r="GH7" s="429" t="s">
        <v>61</v>
      </c>
      <c r="GI7" s="430"/>
      <c r="GJ7" s="430"/>
      <c r="GK7" s="521" t="s">
        <v>62</v>
      </c>
      <c r="GL7" s="430"/>
      <c r="GM7" s="430"/>
      <c r="GN7" s="430"/>
      <c r="GO7" s="430"/>
      <c r="GP7" s="430"/>
      <c r="GQ7" s="522"/>
      <c r="GR7" s="562" t="s">
        <v>52</v>
      </c>
      <c r="GS7" s="429" t="s">
        <v>61</v>
      </c>
      <c r="GT7" s="430"/>
      <c r="GU7" s="522"/>
      <c r="GV7" s="521" t="s">
        <v>62</v>
      </c>
      <c r="GW7" s="430"/>
      <c r="GX7" s="430"/>
      <c r="GY7" s="430"/>
      <c r="GZ7" s="430"/>
      <c r="HA7" s="430"/>
      <c r="HB7" s="522"/>
      <c r="HC7" s="562" t="s">
        <v>52</v>
      </c>
      <c r="HD7" s="518" t="s">
        <v>61</v>
      </c>
      <c r="HE7" s="519"/>
      <c r="HF7" s="520"/>
      <c r="HG7" s="541" t="s">
        <v>62</v>
      </c>
      <c r="HH7" s="519"/>
      <c r="HI7" s="519"/>
      <c r="HJ7" s="519"/>
      <c r="HK7" s="519"/>
      <c r="HL7" s="519"/>
      <c r="HM7" s="542"/>
      <c r="HN7" s="431" t="s">
        <v>52</v>
      </c>
      <c r="HO7" s="518" t="s">
        <v>61</v>
      </c>
      <c r="HP7" s="519"/>
      <c r="HQ7" s="520"/>
      <c r="HR7" s="541" t="s">
        <v>62</v>
      </c>
      <c r="HS7" s="519"/>
      <c r="HT7" s="519"/>
      <c r="HU7" s="519"/>
      <c r="HV7" s="519"/>
      <c r="HW7" s="519"/>
      <c r="HX7" s="542"/>
      <c r="HY7" s="431" t="s">
        <v>52</v>
      </c>
      <c r="HZ7" s="510" t="s">
        <v>61</v>
      </c>
      <c r="IA7" s="511"/>
      <c r="IB7" s="512"/>
      <c r="IC7" s="559" t="s">
        <v>62</v>
      </c>
      <c r="ID7" s="511"/>
      <c r="IE7" s="511"/>
      <c r="IF7" s="511"/>
      <c r="IG7" s="511"/>
      <c r="IH7" s="511"/>
      <c r="II7" s="560"/>
      <c r="IJ7" s="514" t="s">
        <v>52</v>
      </c>
      <c r="IK7" s="518" t="s">
        <v>61</v>
      </c>
      <c r="IL7" s="519"/>
      <c r="IM7" s="520"/>
      <c r="IN7" s="541" t="s">
        <v>62</v>
      </c>
      <c r="IO7" s="519"/>
      <c r="IP7" s="519"/>
      <c r="IQ7" s="519"/>
      <c r="IR7" s="519"/>
      <c r="IS7" s="519"/>
      <c r="IT7" s="542"/>
      <c r="IU7" s="431" t="s">
        <v>52</v>
      </c>
      <c r="IV7" s="518" t="s">
        <v>61</v>
      </c>
      <c r="IW7" s="519"/>
      <c r="IX7" s="542"/>
      <c r="IY7" s="541" t="s">
        <v>62</v>
      </c>
      <c r="IZ7" s="519"/>
      <c r="JA7" s="519"/>
      <c r="JB7" s="519"/>
      <c r="JC7" s="519"/>
      <c r="JD7" s="519"/>
      <c r="JE7" s="542"/>
      <c r="JF7" s="431" t="s">
        <v>52</v>
      </c>
      <c r="JG7" s="518" t="s">
        <v>61</v>
      </c>
      <c r="JH7" s="519"/>
      <c r="JI7" s="520"/>
      <c r="JJ7" s="541" t="s">
        <v>62</v>
      </c>
      <c r="JK7" s="519"/>
      <c r="JL7" s="519"/>
      <c r="JM7" s="519"/>
      <c r="JN7" s="519"/>
      <c r="JO7" s="519"/>
      <c r="JP7" s="542"/>
      <c r="JQ7" s="565" t="s">
        <v>52</v>
      </c>
      <c r="JR7" s="518" t="s">
        <v>61</v>
      </c>
      <c r="JS7" s="519"/>
      <c r="JT7" s="520"/>
      <c r="JU7" s="541" t="s">
        <v>62</v>
      </c>
      <c r="JV7" s="519"/>
      <c r="JW7" s="519"/>
      <c r="JX7" s="519"/>
      <c r="JY7" s="519"/>
      <c r="JZ7" s="519"/>
      <c r="KA7" s="542"/>
      <c r="KB7" s="565" t="s">
        <v>52</v>
      </c>
      <c r="KC7" s="518" t="s">
        <v>61</v>
      </c>
      <c r="KD7" s="519"/>
      <c r="KE7" s="520"/>
      <c r="KF7" s="541" t="s">
        <v>62</v>
      </c>
      <c r="KG7" s="519"/>
      <c r="KH7" s="519"/>
      <c r="KI7" s="519"/>
      <c r="KJ7" s="519"/>
      <c r="KK7" s="519"/>
      <c r="KL7" s="542"/>
      <c r="KM7" s="565" t="s">
        <v>52</v>
      </c>
      <c r="KN7" s="518" t="s">
        <v>61</v>
      </c>
      <c r="KO7" s="519"/>
      <c r="KP7" s="520"/>
      <c r="KQ7" s="541" t="s">
        <v>62</v>
      </c>
      <c r="KR7" s="519"/>
      <c r="KS7" s="519"/>
      <c r="KT7" s="519"/>
      <c r="KU7" s="519"/>
      <c r="KV7" s="519"/>
      <c r="KW7" s="542"/>
      <c r="KX7" s="565" t="s">
        <v>52</v>
      </c>
      <c r="KY7" s="518" t="s">
        <v>61</v>
      </c>
      <c r="KZ7" s="519"/>
      <c r="LA7" s="520"/>
      <c r="LB7" s="541" t="s">
        <v>62</v>
      </c>
      <c r="LC7" s="519"/>
      <c r="LD7" s="519"/>
      <c r="LE7" s="519"/>
      <c r="LF7" s="519"/>
      <c r="LG7" s="519"/>
      <c r="LH7" s="542"/>
      <c r="LI7" s="565" t="s">
        <v>52</v>
      </c>
      <c r="LJ7" s="518" t="s">
        <v>61</v>
      </c>
      <c r="LK7" s="519"/>
      <c r="LL7" s="520"/>
      <c r="LM7" s="541" t="s">
        <v>62</v>
      </c>
      <c r="LN7" s="519"/>
      <c r="LO7" s="519"/>
      <c r="LP7" s="519"/>
      <c r="LQ7" s="519"/>
      <c r="LR7" s="519"/>
      <c r="LS7" s="542"/>
      <c r="LT7" s="565" t="s">
        <v>52</v>
      </c>
      <c r="LU7" s="518" t="s">
        <v>61</v>
      </c>
      <c r="LV7" s="519"/>
      <c r="LW7" s="520"/>
      <c r="LX7" s="541" t="s">
        <v>62</v>
      </c>
      <c r="LY7" s="519"/>
      <c r="LZ7" s="519"/>
      <c r="MA7" s="519"/>
      <c r="MB7" s="519"/>
      <c r="MC7" s="519"/>
      <c r="MD7" s="542"/>
      <c r="ME7" s="565" t="s">
        <v>52</v>
      </c>
      <c r="MF7" s="510" t="s">
        <v>61</v>
      </c>
      <c r="MG7" s="511"/>
      <c r="MH7" s="512"/>
      <c r="MI7" s="559" t="s">
        <v>62</v>
      </c>
      <c r="MJ7" s="511"/>
      <c r="MK7" s="511"/>
      <c r="ML7" s="511"/>
      <c r="MM7" s="511"/>
      <c r="MN7" s="511"/>
      <c r="MO7" s="560"/>
      <c r="MP7" s="543" t="s">
        <v>52</v>
      </c>
      <c r="MQ7" s="518" t="s">
        <v>61</v>
      </c>
      <c r="MR7" s="519"/>
      <c r="MS7" s="520"/>
      <c r="MT7" s="541" t="s">
        <v>62</v>
      </c>
      <c r="MU7" s="519"/>
      <c r="MV7" s="519"/>
      <c r="MW7" s="519"/>
      <c r="MX7" s="519"/>
      <c r="MY7" s="519"/>
      <c r="MZ7" s="542"/>
      <c r="NA7" s="565" t="s">
        <v>52</v>
      </c>
      <c r="NB7" s="518" t="s">
        <v>61</v>
      </c>
      <c r="NC7" s="519"/>
      <c r="ND7" s="520"/>
      <c r="NE7" s="541" t="s">
        <v>62</v>
      </c>
      <c r="NF7" s="519"/>
      <c r="NG7" s="519"/>
      <c r="NH7" s="519"/>
      <c r="NI7" s="519"/>
      <c r="NJ7" s="519"/>
      <c r="NK7" s="542"/>
      <c r="NL7" s="565" t="s">
        <v>52</v>
      </c>
      <c r="NM7" s="518" t="s">
        <v>61</v>
      </c>
      <c r="NN7" s="519"/>
      <c r="NO7" s="520"/>
      <c r="NP7" s="541" t="s">
        <v>62</v>
      </c>
      <c r="NQ7" s="519"/>
      <c r="NR7" s="519"/>
      <c r="NS7" s="519"/>
      <c r="NT7" s="519"/>
      <c r="NU7" s="519"/>
      <c r="NV7" s="542"/>
      <c r="NW7" s="565" t="s">
        <v>52</v>
      </c>
      <c r="NX7" s="518" t="s">
        <v>61</v>
      </c>
      <c r="NY7" s="519"/>
      <c r="NZ7" s="520"/>
      <c r="OA7" s="541" t="s">
        <v>62</v>
      </c>
      <c r="OB7" s="519"/>
      <c r="OC7" s="519"/>
      <c r="OD7" s="519"/>
      <c r="OE7" s="519"/>
      <c r="OF7" s="519"/>
      <c r="OG7" s="542"/>
      <c r="OH7" s="565" t="s">
        <v>52</v>
      </c>
      <c r="OI7" s="510" t="s">
        <v>61</v>
      </c>
      <c r="OJ7" s="511"/>
      <c r="OK7" s="512"/>
      <c r="OL7" s="559" t="s">
        <v>62</v>
      </c>
      <c r="OM7" s="511"/>
      <c r="ON7" s="511"/>
      <c r="OO7" s="511"/>
      <c r="OP7" s="511"/>
      <c r="OQ7" s="511"/>
      <c r="OR7" s="560"/>
      <c r="OS7" s="543" t="s">
        <v>52</v>
      </c>
    </row>
    <row r="8" spans="1:409" ht="30" customHeight="1" thickBot="1" x14ac:dyDescent="0.25">
      <c r="B8" s="547"/>
      <c r="C8" s="249" t="s">
        <v>43</v>
      </c>
      <c r="D8" s="74" t="s">
        <v>44</v>
      </c>
      <c r="E8" s="250" t="s">
        <v>45</v>
      </c>
      <c r="F8" s="76" t="s">
        <v>83</v>
      </c>
      <c r="G8" s="74" t="s">
        <v>47</v>
      </c>
      <c r="H8" s="74" t="s">
        <v>48</v>
      </c>
      <c r="I8" s="74" t="s">
        <v>49</v>
      </c>
      <c r="J8" s="74" t="s">
        <v>50</v>
      </c>
      <c r="K8" s="74" t="s">
        <v>51</v>
      </c>
      <c r="L8" s="75" t="s">
        <v>45</v>
      </c>
      <c r="M8" s="557"/>
      <c r="N8" s="73" t="s">
        <v>43</v>
      </c>
      <c r="O8" s="74" t="s">
        <v>44</v>
      </c>
      <c r="P8" s="75" t="s">
        <v>45</v>
      </c>
      <c r="Q8" s="76" t="s">
        <v>83</v>
      </c>
      <c r="R8" s="74" t="s">
        <v>47</v>
      </c>
      <c r="S8" s="74" t="s">
        <v>48</v>
      </c>
      <c r="T8" s="74" t="s">
        <v>49</v>
      </c>
      <c r="U8" s="74" t="s">
        <v>50</v>
      </c>
      <c r="V8" s="74" t="s">
        <v>51</v>
      </c>
      <c r="W8" s="75" t="s">
        <v>45</v>
      </c>
      <c r="X8" s="544"/>
      <c r="Y8" s="73" t="s">
        <v>43</v>
      </c>
      <c r="Z8" s="74" t="s">
        <v>44</v>
      </c>
      <c r="AA8" s="75" t="s">
        <v>45</v>
      </c>
      <c r="AB8" s="76" t="s">
        <v>83</v>
      </c>
      <c r="AC8" s="74" t="s">
        <v>47</v>
      </c>
      <c r="AD8" s="74" t="s">
        <v>48</v>
      </c>
      <c r="AE8" s="74" t="s">
        <v>49</v>
      </c>
      <c r="AF8" s="74" t="s">
        <v>50</v>
      </c>
      <c r="AG8" s="74" t="s">
        <v>51</v>
      </c>
      <c r="AH8" s="75" t="s">
        <v>45</v>
      </c>
      <c r="AI8" s="530"/>
      <c r="AJ8" s="73" t="s">
        <v>43</v>
      </c>
      <c r="AK8" s="74" t="s">
        <v>44</v>
      </c>
      <c r="AL8" s="250" t="s">
        <v>45</v>
      </c>
      <c r="AM8" s="76" t="s">
        <v>83</v>
      </c>
      <c r="AN8" s="74" t="s">
        <v>47</v>
      </c>
      <c r="AO8" s="74" t="s">
        <v>48</v>
      </c>
      <c r="AP8" s="74" t="s">
        <v>49</v>
      </c>
      <c r="AQ8" s="74" t="s">
        <v>50</v>
      </c>
      <c r="AR8" s="74" t="s">
        <v>51</v>
      </c>
      <c r="AS8" s="75" t="s">
        <v>45</v>
      </c>
      <c r="AT8" s="530"/>
      <c r="AU8" s="73" t="s">
        <v>43</v>
      </c>
      <c r="AV8" s="74" t="s">
        <v>44</v>
      </c>
      <c r="AW8" s="250" t="s">
        <v>45</v>
      </c>
      <c r="AX8" s="76" t="s">
        <v>83</v>
      </c>
      <c r="AY8" s="74" t="s">
        <v>47</v>
      </c>
      <c r="AZ8" s="74" t="s">
        <v>48</v>
      </c>
      <c r="BA8" s="74" t="s">
        <v>49</v>
      </c>
      <c r="BB8" s="74" t="s">
        <v>50</v>
      </c>
      <c r="BC8" s="74" t="s">
        <v>51</v>
      </c>
      <c r="BD8" s="75" t="s">
        <v>45</v>
      </c>
      <c r="BE8" s="530"/>
      <c r="BF8" s="251" t="s">
        <v>43</v>
      </c>
      <c r="BG8" s="74" t="s">
        <v>44</v>
      </c>
      <c r="BH8" s="250" t="s">
        <v>45</v>
      </c>
      <c r="BI8" s="76" t="s">
        <v>83</v>
      </c>
      <c r="BJ8" s="74" t="s">
        <v>47</v>
      </c>
      <c r="BK8" s="74" t="s">
        <v>48</v>
      </c>
      <c r="BL8" s="74" t="s">
        <v>49</v>
      </c>
      <c r="BM8" s="74" t="s">
        <v>50</v>
      </c>
      <c r="BN8" s="74" t="s">
        <v>51</v>
      </c>
      <c r="BO8" s="75" t="s">
        <v>45</v>
      </c>
      <c r="BP8" s="530"/>
      <c r="BQ8" s="73" t="s">
        <v>43</v>
      </c>
      <c r="BR8" s="74" t="s">
        <v>44</v>
      </c>
      <c r="BS8" s="250" t="s">
        <v>45</v>
      </c>
      <c r="BT8" s="76" t="s">
        <v>83</v>
      </c>
      <c r="BU8" s="74" t="s">
        <v>47</v>
      </c>
      <c r="BV8" s="74" t="s">
        <v>48</v>
      </c>
      <c r="BW8" s="74" t="s">
        <v>49</v>
      </c>
      <c r="BX8" s="74" t="s">
        <v>50</v>
      </c>
      <c r="BY8" s="74" t="s">
        <v>51</v>
      </c>
      <c r="BZ8" s="75" t="s">
        <v>45</v>
      </c>
      <c r="CA8" s="530"/>
      <c r="CB8" s="73" t="s">
        <v>43</v>
      </c>
      <c r="CC8" s="74" t="s">
        <v>44</v>
      </c>
      <c r="CD8" s="250" t="s">
        <v>45</v>
      </c>
      <c r="CE8" s="76" t="s">
        <v>83</v>
      </c>
      <c r="CF8" s="74" t="s">
        <v>47</v>
      </c>
      <c r="CG8" s="74" t="s">
        <v>48</v>
      </c>
      <c r="CH8" s="74" t="s">
        <v>49</v>
      </c>
      <c r="CI8" s="74" t="s">
        <v>50</v>
      </c>
      <c r="CJ8" s="74" t="s">
        <v>51</v>
      </c>
      <c r="CK8" s="75" t="s">
        <v>45</v>
      </c>
      <c r="CL8" s="544"/>
      <c r="CM8" s="73" t="s">
        <v>43</v>
      </c>
      <c r="CN8" s="74" t="s">
        <v>44</v>
      </c>
      <c r="CO8" s="75" t="s">
        <v>45</v>
      </c>
      <c r="CP8" s="76" t="s">
        <v>83</v>
      </c>
      <c r="CQ8" s="74" t="s">
        <v>47</v>
      </c>
      <c r="CR8" s="74" t="s">
        <v>48</v>
      </c>
      <c r="CS8" s="74" t="s">
        <v>49</v>
      </c>
      <c r="CT8" s="74" t="s">
        <v>50</v>
      </c>
      <c r="CU8" s="74" t="s">
        <v>51</v>
      </c>
      <c r="CV8" s="75" t="s">
        <v>45</v>
      </c>
      <c r="CW8" s="544"/>
      <c r="CX8" s="73" t="s">
        <v>43</v>
      </c>
      <c r="CY8" s="74" t="s">
        <v>44</v>
      </c>
      <c r="CZ8" s="75" t="s">
        <v>45</v>
      </c>
      <c r="DA8" s="76" t="s">
        <v>83</v>
      </c>
      <c r="DB8" s="74" t="s">
        <v>47</v>
      </c>
      <c r="DC8" s="74" t="s">
        <v>48</v>
      </c>
      <c r="DD8" s="74" t="s">
        <v>49</v>
      </c>
      <c r="DE8" s="74" t="s">
        <v>50</v>
      </c>
      <c r="DF8" s="74" t="s">
        <v>51</v>
      </c>
      <c r="DG8" s="75" t="s">
        <v>45</v>
      </c>
      <c r="DH8" s="544"/>
      <c r="DI8" s="73" t="s">
        <v>43</v>
      </c>
      <c r="DJ8" s="74" t="s">
        <v>44</v>
      </c>
      <c r="DK8" s="75" t="s">
        <v>45</v>
      </c>
      <c r="DL8" s="76" t="s">
        <v>83</v>
      </c>
      <c r="DM8" s="74" t="s">
        <v>47</v>
      </c>
      <c r="DN8" s="74" t="s">
        <v>48</v>
      </c>
      <c r="DO8" s="74" t="s">
        <v>49</v>
      </c>
      <c r="DP8" s="74" t="s">
        <v>50</v>
      </c>
      <c r="DQ8" s="74" t="s">
        <v>51</v>
      </c>
      <c r="DR8" s="75" t="s">
        <v>45</v>
      </c>
      <c r="DS8" s="544"/>
      <c r="DT8" s="73" t="s">
        <v>43</v>
      </c>
      <c r="DU8" s="74" t="s">
        <v>44</v>
      </c>
      <c r="DV8" s="250" t="s">
        <v>45</v>
      </c>
      <c r="DW8" s="76" t="s">
        <v>83</v>
      </c>
      <c r="DX8" s="74" t="s">
        <v>47</v>
      </c>
      <c r="DY8" s="74" t="s">
        <v>48</v>
      </c>
      <c r="DZ8" s="74" t="s">
        <v>49</v>
      </c>
      <c r="EA8" s="74" t="s">
        <v>50</v>
      </c>
      <c r="EB8" s="74" t="s">
        <v>51</v>
      </c>
      <c r="EC8" s="75" t="s">
        <v>45</v>
      </c>
      <c r="ED8" s="530"/>
      <c r="EE8" s="73" t="s">
        <v>43</v>
      </c>
      <c r="EF8" s="74" t="s">
        <v>44</v>
      </c>
      <c r="EG8" s="250" t="s">
        <v>45</v>
      </c>
      <c r="EH8" s="76" t="s">
        <v>83</v>
      </c>
      <c r="EI8" s="74" t="s">
        <v>47</v>
      </c>
      <c r="EJ8" s="74" t="s">
        <v>48</v>
      </c>
      <c r="EK8" s="74" t="s">
        <v>49</v>
      </c>
      <c r="EL8" s="74" t="s">
        <v>50</v>
      </c>
      <c r="EM8" s="74" t="s">
        <v>51</v>
      </c>
      <c r="EN8" s="75" t="s">
        <v>45</v>
      </c>
      <c r="EO8" s="530"/>
      <c r="EP8" s="73" t="s">
        <v>43</v>
      </c>
      <c r="EQ8" s="74" t="s">
        <v>44</v>
      </c>
      <c r="ER8" s="250" t="s">
        <v>45</v>
      </c>
      <c r="ES8" s="76" t="s">
        <v>83</v>
      </c>
      <c r="ET8" s="74" t="s">
        <v>47</v>
      </c>
      <c r="EU8" s="74" t="s">
        <v>48</v>
      </c>
      <c r="EV8" s="74" t="s">
        <v>49</v>
      </c>
      <c r="EW8" s="74" t="s">
        <v>50</v>
      </c>
      <c r="EX8" s="74" t="s">
        <v>51</v>
      </c>
      <c r="EY8" s="75" t="s">
        <v>45</v>
      </c>
      <c r="EZ8" s="530"/>
      <c r="FA8" s="73" t="s">
        <v>43</v>
      </c>
      <c r="FB8" s="74" t="s">
        <v>44</v>
      </c>
      <c r="FC8" s="250" t="s">
        <v>45</v>
      </c>
      <c r="FD8" s="76" t="s">
        <v>83</v>
      </c>
      <c r="FE8" s="74" t="s">
        <v>47</v>
      </c>
      <c r="FF8" s="74" t="s">
        <v>48</v>
      </c>
      <c r="FG8" s="74" t="s">
        <v>49</v>
      </c>
      <c r="FH8" s="74" t="s">
        <v>50</v>
      </c>
      <c r="FI8" s="74" t="s">
        <v>51</v>
      </c>
      <c r="FJ8" s="75" t="s">
        <v>45</v>
      </c>
      <c r="FK8" s="530"/>
      <c r="FL8" s="73" t="s">
        <v>43</v>
      </c>
      <c r="FM8" s="74" t="s">
        <v>44</v>
      </c>
      <c r="FN8" s="250" t="s">
        <v>45</v>
      </c>
      <c r="FO8" s="76" t="s">
        <v>83</v>
      </c>
      <c r="FP8" s="74" t="s">
        <v>47</v>
      </c>
      <c r="FQ8" s="74" t="s">
        <v>48</v>
      </c>
      <c r="FR8" s="74" t="s">
        <v>49</v>
      </c>
      <c r="FS8" s="74" t="s">
        <v>50</v>
      </c>
      <c r="FT8" s="74" t="s">
        <v>51</v>
      </c>
      <c r="FU8" s="75" t="s">
        <v>45</v>
      </c>
      <c r="FV8" s="564"/>
      <c r="FW8" s="73" t="s">
        <v>43</v>
      </c>
      <c r="FX8" s="74" t="s">
        <v>44</v>
      </c>
      <c r="FY8" s="250" t="s">
        <v>45</v>
      </c>
      <c r="FZ8" s="76" t="s">
        <v>83</v>
      </c>
      <c r="GA8" s="74" t="s">
        <v>47</v>
      </c>
      <c r="GB8" s="74" t="s">
        <v>48</v>
      </c>
      <c r="GC8" s="74" t="s">
        <v>49</v>
      </c>
      <c r="GD8" s="74" t="s">
        <v>50</v>
      </c>
      <c r="GE8" s="74" t="s">
        <v>51</v>
      </c>
      <c r="GF8" s="75" t="s">
        <v>45</v>
      </c>
      <c r="GG8" s="530"/>
      <c r="GH8" s="73" t="s">
        <v>43</v>
      </c>
      <c r="GI8" s="74" t="s">
        <v>44</v>
      </c>
      <c r="GJ8" s="250" t="s">
        <v>45</v>
      </c>
      <c r="GK8" s="76" t="s">
        <v>83</v>
      </c>
      <c r="GL8" s="74" t="s">
        <v>47</v>
      </c>
      <c r="GM8" s="74" t="s">
        <v>48</v>
      </c>
      <c r="GN8" s="74" t="s">
        <v>49</v>
      </c>
      <c r="GO8" s="74" t="s">
        <v>50</v>
      </c>
      <c r="GP8" s="74" t="s">
        <v>51</v>
      </c>
      <c r="GQ8" s="75" t="s">
        <v>45</v>
      </c>
      <c r="GR8" s="563"/>
      <c r="GS8" s="73" t="s">
        <v>43</v>
      </c>
      <c r="GT8" s="74" t="s">
        <v>44</v>
      </c>
      <c r="GU8" s="250" t="s">
        <v>45</v>
      </c>
      <c r="GV8" s="76" t="s">
        <v>83</v>
      </c>
      <c r="GW8" s="74" t="s">
        <v>47</v>
      </c>
      <c r="GX8" s="74" t="s">
        <v>48</v>
      </c>
      <c r="GY8" s="74" t="s">
        <v>49</v>
      </c>
      <c r="GZ8" s="74" t="s">
        <v>50</v>
      </c>
      <c r="HA8" s="74" t="s">
        <v>51</v>
      </c>
      <c r="HB8" s="75" t="s">
        <v>45</v>
      </c>
      <c r="HC8" s="563"/>
      <c r="HD8" s="73" t="s">
        <v>43</v>
      </c>
      <c r="HE8" s="74" t="s">
        <v>44</v>
      </c>
      <c r="HF8" s="250" t="s">
        <v>45</v>
      </c>
      <c r="HG8" s="76" t="s">
        <v>83</v>
      </c>
      <c r="HH8" s="74" t="s">
        <v>47</v>
      </c>
      <c r="HI8" s="74" t="s">
        <v>48</v>
      </c>
      <c r="HJ8" s="74" t="s">
        <v>49</v>
      </c>
      <c r="HK8" s="74" t="s">
        <v>50</v>
      </c>
      <c r="HL8" s="74" t="s">
        <v>51</v>
      </c>
      <c r="HM8" s="75" t="s">
        <v>45</v>
      </c>
      <c r="HN8" s="530"/>
      <c r="HO8" s="73" t="s">
        <v>43</v>
      </c>
      <c r="HP8" s="74" t="s">
        <v>44</v>
      </c>
      <c r="HQ8" s="250" t="s">
        <v>45</v>
      </c>
      <c r="HR8" s="76" t="s">
        <v>83</v>
      </c>
      <c r="HS8" s="74" t="s">
        <v>47</v>
      </c>
      <c r="HT8" s="74" t="s">
        <v>48</v>
      </c>
      <c r="HU8" s="74" t="s">
        <v>49</v>
      </c>
      <c r="HV8" s="74" t="s">
        <v>50</v>
      </c>
      <c r="HW8" s="74" t="s">
        <v>51</v>
      </c>
      <c r="HX8" s="75" t="s">
        <v>45</v>
      </c>
      <c r="HY8" s="530"/>
      <c r="HZ8" s="73" t="s">
        <v>43</v>
      </c>
      <c r="IA8" s="74" t="s">
        <v>44</v>
      </c>
      <c r="IB8" s="250" t="s">
        <v>45</v>
      </c>
      <c r="IC8" s="76" t="s">
        <v>83</v>
      </c>
      <c r="ID8" s="74" t="s">
        <v>47</v>
      </c>
      <c r="IE8" s="74" t="s">
        <v>48</v>
      </c>
      <c r="IF8" s="74" t="s">
        <v>49</v>
      </c>
      <c r="IG8" s="74" t="s">
        <v>50</v>
      </c>
      <c r="IH8" s="74" t="s">
        <v>51</v>
      </c>
      <c r="II8" s="75" t="s">
        <v>45</v>
      </c>
      <c r="IJ8" s="564"/>
      <c r="IK8" s="73" t="s">
        <v>43</v>
      </c>
      <c r="IL8" s="74" t="s">
        <v>44</v>
      </c>
      <c r="IM8" s="250" t="s">
        <v>45</v>
      </c>
      <c r="IN8" s="76" t="s">
        <v>83</v>
      </c>
      <c r="IO8" s="252" t="s">
        <v>47</v>
      </c>
      <c r="IP8" s="252" t="s">
        <v>48</v>
      </c>
      <c r="IQ8" s="252" t="s">
        <v>49</v>
      </c>
      <c r="IR8" s="252" t="s">
        <v>50</v>
      </c>
      <c r="IS8" s="252" t="s">
        <v>51</v>
      </c>
      <c r="IT8" s="253" t="s">
        <v>45</v>
      </c>
      <c r="IU8" s="567"/>
      <c r="IV8" s="251" t="s">
        <v>43</v>
      </c>
      <c r="IW8" s="252" t="s">
        <v>44</v>
      </c>
      <c r="IX8" s="253" t="s">
        <v>45</v>
      </c>
      <c r="IY8" s="231" t="s">
        <v>83</v>
      </c>
      <c r="IZ8" s="252" t="s">
        <v>47</v>
      </c>
      <c r="JA8" s="252" t="s">
        <v>48</v>
      </c>
      <c r="JB8" s="252" t="s">
        <v>49</v>
      </c>
      <c r="JC8" s="252" t="s">
        <v>50</v>
      </c>
      <c r="JD8" s="252" t="s">
        <v>51</v>
      </c>
      <c r="JE8" s="253" t="s">
        <v>45</v>
      </c>
      <c r="JF8" s="567"/>
      <c r="JG8" s="251" t="s">
        <v>43</v>
      </c>
      <c r="JH8" s="252" t="s">
        <v>44</v>
      </c>
      <c r="JI8" s="254" t="s">
        <v>45</v>
      </c>
      <c r="JJ8" s="231" t="s">
        <v>83</v>
      </c>
      <c r="JK8" s="252" t="s">
        <v>47</v>
      </c>
      <c r="JL8" s="252" t="s">
        <v>48</v>
      </c>
      <c r="JM8" s="252" t="s">
        <v>49</v>
      </c>
      <c r="JN8" s="252" t="s">
        <v>50</v>
      </c>
      <c r="JO8" s="252" t="s">
        <v>51</v>
      </c>
      <c r="JP8" s="253" t="s">
        <v>45</v>
      </c>
      <c r="JQ8" s="566"/>
      <c r="JR8" s="251" t="s">
        <v>43</v>
      </c>
      <c r="JS8" s="252" t="s">
        <v>44</v>
      </c>
      <c r="JT8" s="254" t="s">
        <v>45</v>
      </c>
      <c r="JU8" s="231" t="s">
        <v>83</v>
      </c>
      <c r="JV8" s="252" t="s">
        <v>47</v>
      </c>
      <c r="JW8" s="252" t="s">
        <v>48</v>
      </c>
      <c r="JX8" s="252" t="s">
        <v>49</v>
      </c>
      <c r="JY8" s="252" t="s">
        <v>50</v>
      </c>
      <c r="JZ8" s="252" t="s">
        <v>51</v>
      </c>
      <c r="KA8" s="253" t="s">
        <v>45</v>
      </c>
      <c r="KB8" s="566"/>
      <c r="KC8" s="251" t="s">
        <v>43</v>
      </c>
      <c r="KD8" s="252" t="s">
        <v>44</v>
      </c>
      <c r="KE8" s="254" t="s">
        <v>45</v>
      </c>
      <c r="KF8" s="231" t="s">
        <v>83</v>
      </c>
      <c r="KG8" s="252" t="s">
        <v>47</v>
      </c>
      <c r="KH8" s="252" t="s">
        <v>48</v>
      </c>
      <c r="KI8" s="252" t="s">
        <v>49</v>
      </c>
      <c r="KJ8" s="252" t="s">
        <v>50</v>
      </c>
      <c r="KK8" s="252" t="s">
        <v>51</v>
      </c>
      <c r="KL8" s="253" t="s">
        <v>45</v>
      </c>
      <c r="KM8" s="566"/>
      <c r="KN8" s="251" t="s">
        <v>43</v>
      </c>
      <c r="KO8" s="252" t="s">
        <v>44</v>
      </c>
      <c r="KP8" s="254" t="s">
        <v>45</v>
      </c>
      <c r="KQ8" s="76" t="s">
        <v>83</v>
      </c>
      <c r="KR8" s="252" t="s">
        <v>47</v>
      </c>
      <c r="KS8" s="252" t="s">
        <v>48</v>
      </c>
      <c r="KT8" s="252" t="s">
        <v>49</v>
      </c>
      <c r="KU8" s="252" t="s">
        <v>50</v>
      </c>
      <c r="KV8" s="252" t="s">
        <v>51</v>
      </c>
      <c r="KW8" s="253" t="s">
        <v>45</v>
      </c>
      <c r="KX8" s="566"/>
      <c r="KY8" s="251" t="s">
        <v>43</v>
      </c>
      <c r="KZ8" s="252" t="s">
        <v>44</v>
      </c>
      <c r="LA8" s="254" t="s">
        <v>45</v>
      </c>
      <c r="LB8" s="76" t="s">
        <v>83</v>
      </c>
      <c r="LC8" s="252" t="s">
        <v>47</v>
      </c>
      <c r="LD8" s="252" t="s">
        <v>48</v>
      </c>
      <c r="LE8" s="252" t="s">
        <v>49</v>
      </c>
      <c r="LF8" s="252" t="s">
        <v>50</v>
      </c>
      <c r="LG8" s="252" t="s">
        <v>51</v>
      </c>
      <c r="LH8" s="253" t="s">
        <v>45</v>
      </c>
      <c r="LI8" s="566"/>
      <c r="LJ8" s="251" t="s">
        <v>43</v>
      </c>
      <c r="LK8" s="252" t="s">
        <v>44</v>
      </c>
      <c r="LL8" s="254" t="s">
        <v>45</v>
      </c>
      <c r="LM8" s="76" t="s">
        <v>83</v>
      </c>
      <c r="LN8" s="252" t="s">
        <v>47</v>
      </c>
      <c r="LO8" s="252" t="s">
        <v>48</v>
      </c>
      <c r="LP8" s="252" t="s">
        <v>49</v>
      </c>
      <c r="LQ8" s="252" t="s">
        <v>50</v>
      </c>
      <c r="LR8" s="252" t="s">
        <v>51</v>
      </c>
      <c r="LS8" s="253" t="s">
        <v>45</v>
      </c>
      <c r="LT8" s="566"/>
      <c r="LU8" s="251" t="s">
        <v>43</v>
      </c>
      <c r="LV8" s="252" t="s">
        <v>44</v>
      </c>
      <c r="LW8" s="254" t="s">
        <v>45</v>
      </c>
      <c r="LX8" s="76" t="s">
        <v>83</v>
      </c>
      <c r="LY8" s="252" t="s">
        <v>47</v>
      </c>
      <c r="LZ8" s="252" t="s">
        <v>48</v>
      </c>
      <c r="MA8" s="252" t="s">
        <v>49</v>
      </c>
      <c r="MB8" s="252" t="s">
        <v>50</v>
      </c>
      <c r="MC8" s="252" t="s">
        <v>51</v>
      </c>
      <c r="MD8" s="253" t="s">
        <v>45</v>
      </c>
      <c r="ME8" s="566"/>
      <c r="MF8" s="251" t="s">
        <v>43</v>
      </c>
      <c r="MG8" s="252" t="s">
        <v>44</v>
      </c>
      <c r="MH8" s="254" t="s">
        <v>45</v>
      </c>
      <c r="MI8" s="76" t="s">
        <v>83</v>
      </c>
      <c r="MJ8" s="252" t="s">
        <v>47</v>
      </c>
      <c r="MK8" s="252" t="s">
        <v>48</v>
      </c>
      <c r="ML8" s="252" t="s">
        <v>49</v>
      </c>
      <c r="MM8" s="252" t="s">
        <v>50</v>
      </c>
      <c r="MN8" s="252" t="s">
        <v>51</v>
      </c>
      <c r="MO8" s="253" t="s">
        <v>45</v>
      </c>
      <c r="MP8" s="566"/>
      <c r="MQ8" s="251" t="s">
        <v>43</v>
      </c>
      <c r="MR8" s="252" t="s">
        <v>44</v>
      </c>
      <c r="MS8" s="254" t="s">
        <v>45</v>
      </c>
      <c r="MT8" s="76" t="s">
        <v>83</v>
      </c>
      <c r="MU8" s="252" t="s">
        <v>47</v>
      </c>
      <c r="MV8" s="252" t="s">
        <v>48</v>
      </c>
      <c r="MW8" s="252" t="s">
        <v>49</v>
      </c>
      <c r="MX8" s="252" t="s">
        <v>50</v>
      </c>
      <c r="MY8" s="252" t="s">
        <v>51</v>
      </c>
      <c r="MZ8" s="253" t="s">
        <v>45</v>
      </c>
      <c r="NA8" s="566"/>
      <c r="NB8" s="251" t="s">
        <v>43</v>
      </c>
      <c r="NC8" s="252" t="s">
        <v>44</v>
      </c>
      <c r="ND8" s="254" t="s">
        <v>45</v>
      </c>
      <c r="NE8" s="76" t="s">
        <v>83</v>
      </c>
      <c r="NF8" s="252" t="s">
        <v>47</v>
      </c>
      <c r="NG8" s="252" t="s">
        <v>48</v>
      </c>
      <c r="NH8" s="252" t="s">
        <v>49</v>
      </c>
      <c r="NI8" s="252" t="s">
        <v>50</v>
      </c>
      <c r="NJ8" s="252" t="s">
        <v>51</v>
      </c>
      <c r="NK8" s="253" t="s">
        <v>45</v>
      </c>
      <c r="NL8" s="566"/>
      <c r="NM8" s="251" t="s">
        <v>43</v>
      </c>
      <c r="NN8" s="252" t="s">
        <v>44</v>
      </c>
      <c r="NO8" s="254" t="s">
        <v>45</v>
      </c>
      <c r="NP8" s="76" t="s">
        <v>83</v>
      </c>
      <c r="NQ8" s="252" t="s">
        <v>47</v>
      </c>
      <c r="NR8" s="252" t="s">
        <v>48</v>
      </c>
      <c r="NS8" s="252" t="s">
        <v>49</v>
      </c>
      <c r="NT8" s="252" t="s">
        <v>50</v>
      </c>
      <c r="NU8" s="252" t="s">
        <v>51</v>
      </c>
      <c r="NV8" s="253" t="s">
        <v>45</v>
      </c>
      <c r="NW8" s="566"/>
      <c r="NX8" s="251" t="s">
        <v>43</v>
      </c>
      <c r="NY8" s="252" t="s">
        <v>44</v>
      </c>
      <c r="NZ8" s="254" t="s">
        <v>45</v>
      </c>
      <c r="OA8" s="76" t="s">
        <v>83</v>
      </c>
      <c r="OB8" s="252" t="s">
        <v>47</v>
      </c>
      <c r="OC8" s="252" t="s">
        <v>48</v>
      </c>
      <c r="OD8" s="252" t="s">
        <v>49</v>
      </c>
      <c r="OE8" s="252" t="s">
        <v>50</v>
      </c>
      <c r="OF8" s="252" t="s">
        <v>51</v>
      </c>
      <c r="OG8" s="253" t="s">
        <v>45</v>
      </c>
      <c r="OH8" s="566"/>
      <c r="OI8" s="251" t="s">
        <v>43</v>
      </c>
      <c r="OJ8" s="252" t="s">
        <v>44</v>
      </c>
      <c r="OK8" s="254" t="s">
        <v>45</v>
      </c>
      <c r="OL8" s="231" t="s">
        <v>83</v>
      </c>
      <c r="OM8" s="252" t="s">
        <v>47</v>
      </c>
      <c r="ON8" s="252" t="s">
        <v>48</v>
      </c>
      <c r="OO8" s="252" t="s">
        <v>49</v>
      </c>
      <c r="OP8" s="252" t="s">
        <v>50</v>
      </c>
      <c r="OQ8" s="252" t="s">
        <v>51</v>
      </c>
      <c r="OR8" s="253" t="s">
        <v>45</v>
      </c>
      <c r="OS8" s="566"/>
    </row>
    <row r="9" spans="1:409" s="407" customFormat="1" ht="21" customHeight="1" x14ac:dyDescent="0.2">
      <c r="A9" s="70"/>
      <c r="B9" s="408" t="s">
        <v>4</v>
      </c>
      <c r="C9" s="255">
        <v>445443236</v>
      </c>
      <c r="D9" s="256">
        <v>944749105</v>
      </c>
      <c r="E9" s="257">
        <v>1390192341</v>
      </c>
      <c r="F9" s="258">
        <v>0</v>
      </c>
      <c r="G9" s="256">
        <v>5733558032</v>
      </c>
      <c r="H9" s="256">
        <v>8021592282</v>
      </c>
      <c r="I9" s="256">
        <v>6508145167</v>
      </c>
      <c r="J9" s="256">
        <v>6108591821</v>
      </c>
      <c r="K9" s="256">
        <v>4539736886</v>
      </c>
      <c r="L9" s="259">
        <v>30911624188</v>
      </c>
      <c r="M9" s="260">
        <v>32301816529</v>
      </c>
      <c r="N9" s="255">
        <v>113790399</v>
      </c>
      <c r="O9" s="256">
        <v>302205082</v>
      </c>
      <c r="P9" s="261">
        <v>415995481</v>
      </c>
      <c r="Q9" s="255">
        <v>0</v>
      </c>
      <c r="R9" s="256">
        <v>1678453849</v>
      </c>
      <c r="S9" s="256">
        <v>2677391262</v>
      </c>
      <c r="T9" s="256">
        <v>2242266154</v>
      </c>
      <c r="U9" s="256">
        <v>2463495969</v>
      </c>
      <c r="V9" s="256">
        <v>2370105869</v>
      </c>
      <c r="W9" s="261">
        <v>11431713103</v>
      </c>
      <c r="X9" s="260">
        <v>11847708584</v>
      </c>
      <c r="Y9" s="255">
        <v>0</v>
      </c>
      <c r="Z9" s="256">
        <v>0</v>
      </c>
      <c r="AA9" s="261">
        <v>0</v>
      </c>
      <c r="AB9" s="262">
        <v>0</v>
      </c>
      <c r="AC9" s="263">
        <v>755325851</v>
      </c>
      <c r="AD9" s="263">
        <v>1262770960</v>
      </c>
      <c r="AE9" s="263">
        <v>1232522891</v>
      </c>
      <c r="AF9" s="263">
        <v>1452602281</v>
      </c>
      <c r="AG9" s="263">
        <v>1389908754</v>
      </c>
      <c r="AH9" s="261">
        <v>6093130737</v>
      </c>
      <c r="AI9" s="260">
        <v>6093130737</v>
      </c>
      <c r="AJ9" s="264">
        <v>126217</v>
      </c>
      <c r="AK9" s="263">
        <v>715805</v>
      </c>
      <c r="AL9" s="261">
        <v>842022</v>
      </c>
      <c r="AM9" s="262">
        <v>0</v>
      </c>
      <c r="AN9" s="263">
        <v>4212033</v>
      </c>
      <c r="AO9" s="259">
        <v>22481220</v>
      </c>
      <c r="AP9" s="263">
        <v>47292425</v>
      </c>
      <c r="AQ9" s="263">
        <v>129013033</v>
      </c>
      <c r="AR9" s="263">
        <v>248071972</v>
      </c>
      <c r="AS9" s="261">
        <v>451070683</v>
      </c>
      <c r="AT9" s="260">
        <v>451912705</v>
      </c>
      <c r="AU9" s="264">
        <v>65632132</v>
      </c>
      <c r="AV9" s="263">
        <v>219629150</v>
      </c>
      <c r="AW9" s="261">
        <v>285261282</v>
      </c>
      <c r="AX9" s="262">
        <v>0</v>
      </c>
      <c r="AY9" s="263">
        <v>574412944</v>
      </c>
      <c r="AZ9" s="263">
        <v>937895737</v>
      </c>
      <c r="BA9" s="263">
        <v>580714158</v>
      </c>
      <c r="BB9" s="263">
        <v>513728938</v>
      </c>
      <c r="BC9" s="263">
        <v>459820358</v>
      </c>
      <c r="BD9" s="261">
        <v>3066572135</v>
      </c>
      <c r="BE9" s="265">
        <v>3351833417</v>
      </c>
      <c r="BF9" s="264">
        <v>7619962</v>
      </c>
      <c r="BG9" s="259">
        <v>28128722</v>
      </c>
      <c r="BH9" s="266">
        <v>35748684</v>
      </c>
      <c r="BI9" s="262">
        <v>0</v>
      </c>
      <c r="BJ9" s="263">
        <v>45077900</v>
      </c>
      <c r="BK9" s="263">
        <v>73971239</v>
      </c>
      <c r="BL9" s="263">
        <v>47519451</v>
      </c>
      <c r="BM9" s="263">
        <v>37683694</v>
      </c>
      <c r="BN9" s="263">
        <v>25103191</v>
      </c>
      <c r="BO9" s="261">
        <v>229355475</v>
      </c>
      <c r="BP9" s="260">
        <v>265104159</v>
      </c>
      <c r="BQ9" s="264">
        <v>40412088</v>
      </c>
      <c r="BR9" s="263">
        <v>53731405</v>
      </c>
      <c r="BS9" s="261">
        <v>94143493</v>
      </c>
      <c r="BT9" s="262">
        <v>0</v>
      </c>
      <c r="BU9" s="263">
        <v>299425121</v>
      </c>
      <c r="BV9" s="263">
        <v>380272106</v>
      </c>
      <c r="BW9" s="263">
        <v>334217229</v>
      </c>
      <c r="BX9" s="263">
        <v>330468023</v>
      </c>
      <c r="BY9" s="263">
        <v>247201594</v>
      </c>
      <c r="BZ9" s="261">
        <v>1591584073</v>
      </c>
      <c r="CA9" s="260">
        <v>1685727566</v>
      </c>
      <c r="CB9" s="264">
        <v>42710013</v>
      </c>
      <c r="CC9" s="263">
        <v>122914932</v>
      </c>
      <c r="CD9" s="261">
        <v>165624945</v>
      </c>
      <c r="CE9" s="262">
        <v>0</v>
      </c>
      <c r="CF9" s="263">
        <v>1588173688</v>
      </c>
      <c r="CG9" s="263">
        <v>2109228873</v>
      </c>
      <c r="CH9" s="267">
        <v>1474016429</v>
      </c>
      <c r="CI9" s="263">
        <v>949055253</v>
      </c>
      <c r="CJ9" s="263">
        <v>468359444</v>
      </c>
      <c r="CK9" s="261">
        <v>6588833687</v>
      </c>
      <c r="CL9" s="260">
        <v>6754458632</v>
      </c>
      <c r="CM9" s="255">
        <v>0</v>
      </c>
      <c r="CN9" s="256">
        <v>0</v>
      </c>
      <c r="CO9" s="261">
        <v>0</v>
      </c>
      <c r="CP9" s="262">
        <v>0</v>
      </c>
      <c r="CQ9" s="263">
        <v>1336182700</v>
      </c>
      <c r="CR9" s="263">
        <v>1654192576</v>
      </c>
      <c r="CS9" s="263">
        <v>1149529477</v>
      </c>
      <c r="CT9" s="263">
        <v>720337206</v>
      </c>
      <c r="CU9" s="263">
        <v>377435409</v>
      </c>
      <c r="CV9" s="268">
        <v>5237677368</v>
      </c>
      <c r="CW9" s="260">
        <v>5237677368</v>
      </c>
      <c r="CX9" s="264">
        <v>42710013</v>
      </c>
      <c r="CY9" s="263">
        <v>122914932</v>
      </c>
      <c r="CZ9" s="261">
        <v>165624945</v>
      </c>
      <c r="DA9" s="262">
        <v>0</v>
      </c>
      <c r="DB9" s="263">
        <v>251990988</v>
      </c>
      <c r="DC9" s="263">
        <v>455036297</v>
      </c>
      <c r="DD9" s="263">
        <v>324486952</v>
      </c>
      <c r="DE9" s="263">
        <v>228718047</v>
      </c>
      <c r="DF9" s="263">
        <v>90924035</v>
      </c>
      <c r="DG9" s="261">
        <v>1351156319</v>
      </c>
      <c r="DH9" s="260">
        <v>1516781264</v>
      </c>
      <c r="DI9" s="264">
        <v>1694270</v>
      </c>
      <c r="DJ9" s="263">
        <v>11494630</v>
      </c>
      <c r="DK9" s="266">
        <v>13188900</v>
      </c>
      <c r="DL9" s="262">
        <v>0</v>
      </c>
      <c r="DM9" s="263">
        <v>141774000</v>
      </c>
      <c r="DN9" s="263">
        <v>315391469</v>
      </c>
      <c r="DO9" s="263">
        <v>575258449</v>
      </c>
      <c r="DP9" s="263">
        <v>469501355</v>
      </c>
      <c r="DQ9" s="263">
        <v>278316376</v>
      </c>
      <c r="DR9" s="269">
        <v>1780241649</v>
      </c>
      <c r="DS9" s="260">
        <v>1793430549</v>
      </c>
      <c r="DT9" s="264">
        <v>1599671</v>
      </c>
      <c r="DU9" s="263">
        <v>10259956</v>
      </c>
      <c r="DV9" s="261">
        <v>11859627</v>
      </c>
      <c r="DW9" s="262">
        <v>0</v>
      </c>
      <c r="DX9" s="263">
        <v>127066448</v>
      </c>
      <c r="DY9" s="263">
        <v>277419060</v>
      </c>
      <c r="DZ9" s="263">
        <v>521556211</v>
      </c>
      <c r="EA9" s="263">
        <v>414776099</v>
      </c>
      <c r="EB9" s="263">
        <v>237861033</v>
      </c>
      <c r="EC9" s="261">
        <v>1578678851</v>
      </c>
      <c r="ED9" s="260">
        <v>1590538478</v>
      </c>
      <c r="EE9" s="264">
        <v>94599</v>
      </c>
      <c r="EF9" s="259">
        <v>1234674</v>
      </c>
      <c r="EG9" s="261">
        <v>1329273</v>
      </c>
      <c r="EH9" s="265">
        <v>0</v>
      </c>
      <c r="EI9" s="263">
        <v>14661157</v>
      </c>
      <c r="EJ9" s="263">
        <v>37972409</v>
      </c>
      <c r="EK9" s="263">
        <v>53702238</v>
      </c>
      <c r="EL9" s="263">
        <v>54725256</v>
      </c>
      <c r="EM9" s="267">
        <v>40455343</v>
      </c>
      <c r="EN9" s="259">
        <v>201516403</v>
      </c>
      <c r="EO9" s="260">
        <v>202845676</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46395</v>
      </c>
      <c r="FF9" s="263">
        <v>0</v>
      </c>
      <c r="FG9" s="263">
        <v>0</v>
      </c>
      <c r="FH9" s="263">
        <v>0</v>
      </c>
      <c r="FI9" s="263">
        <v>0</v>
      </c>
      <c r="FJ9" s="268">
        <v>46395</v>
      </c>
      <c r="FK9" s="260">
        <v>46395</v>
      </c>
      <c r="FL9" s="264">
        <v>106952565</v>
      </c>
      <c r="FM9" s="263">
        <v>216428169</v>
      </c>
      <c r="FN9" s="261">
        <v>323380734</v>
      </c>
      <c r="FO9" s="262">
        <v>0</v>
      </c>
      <c r="FP9" s="263">
        <v>277900126</v>
      </c>
      <c r="FQ9" s="263">
        <v>708469385</v>
      </c>
      <c r="FR9" s="263">
        <v>479986543</v>
      </c>
      <c r="FS9" s="263">
        <v>429779096</v>
      </c>
      <c r="FT9" s="263">
        <v>313876337</v>
      </c>
      <c r="FU9" s="261">
        <v>2210011487</v>
      </c>
      <c r="FV9" s="260">
        <v>2533392221</v>
      </c>
      <c r="FW9" s="264">
        <v>60815705</v>
      </c>
      <c r="FX9" s="263">
        <v>164947618</v>
      </c>
      <c r="FY9" s="259">
        <v>225763323</v>
      </c>
      <c r="FZ9" s="265">
        <v>0</v>
      </c>
      <c r="GA9" s="263">
        <v>219752886</v>
      </c>
      <c r="GB9" s="270">
        <v>646368695</v>
      </c>
      <c r="GC9" s="263">
        <v>446615604</v>
      </c>
      <c r="GD9" s="270">
        <v>397641744</v>
      </c>
      <c r="GE9" s="263">
        <v>301804938</v>
      </c>
      <c r="GF9" s="268">
        <v>2012183867</v>
      </c>
      <c r="GG9" s="271">
        <v>2237947190</v>
      </c>
      <c r="GH9" s="272">
        <v>6986338</v>
      </c>
      <c r="GI9" s="263">
        <v>11175814</v>
      </c>
      <c r="GJ9" s="270">
        <v>18162152</v>
      </c>
      <c r="GK9" s="258">
        <v>0</v>
      </c>
      <c r="GL9" s="263">
        <v>16736958</v>
      </c>
      <c r="GM9" s="259">
        <v>21165648</v>
      </c>
      <c r="GN9" s="263">
        <v>12955170</v>
      </c>
      <c r="GO9" s="259">
        <v>14018634</v>
      </c>
      <c r="GP9" s="263">
        <v>5364740</v>
      </c>
      <c r="GQ9" s="269">
        <v>70241150</v>
      </c>
      <c r="GR9" s="260">
        <v>88403302</v>
      </c>
      <c r="GS9" s="259">
        <v>39150522</v>
      </c>
      <c r="GT9" s="263">
        <v>40304737</v>
      </c>
      <c r="GU9" s="261">
        <v>79455259</v>
      </c>
      <c r="GV9" s="259">
        <v>0</v>
      </c>
      <c r="GW9" s="263">
        <v>41410282</v>
      </c>
      <c r="GX9" s="259">
        <v>40935042</v>
      </c>
      <c r="GY9" s="263">
        <v>20415769</v>
      </c>
      <c r="GZ9" s="259">
        <v>18118718</v>
      </c>
      <c r="HA9" s="263">
        <v>6706659</v>
      </c>
      <c r="HB9" s="259">
        <v>127586470</v>
      </c>
      <c r="HC9" s="260">
        <v>207041729</v>
      </c>
      <c r="HD9" s="259">
        <v>102028345</v>
      </c>
      <c r="HE9" s="263">
        <v>136211229</v>
      </c>
      <c r="HF9" s="259">
        <v>238239574</v>
      </c>
      <c r="HG9" s="265">
        <v>0</v>
      </c>
      <c r="HH9" s="263">
        <v>1130124553</v>
      </c>
      <c r="HI9" s="270">
        <v>1213581528</v>
      </c>
      <c r="HJ9" s="263">
        <v>1114343762</v>
      </c>
      <c r="HK9" s="270">
        <v>1367630595</v>
      </c>
      <c r="HL9" s="263">
        <v>847765833</v>
      </c>
      <c r="HM9" s="268">
        <v>5673446271</v>
      </c>
      <c r="HN9" s="259">
        <v>5911685845</v>
      </c>
      <c r="HO9" s="272">
        <v>78267644</v>
      </c>
      <c r="HP9" s="263">
        <v>155495063</v>
      </c>
      <c r="HQ9" s="268">
        <v>233762707</v>
      </c>
      <c r="HR9" s="259">
        <v>0</v>
      </c>
      <c r="HS9" s="263">
        <v>917131816</v>
      </c>
      <c r="HT9" s="259">
        <v>997529765</v>
      </c>
      <c r="HU9" s="263">
        <v>622273830</v>
      </c>
      <c r="HV9" s="259">
        <v>429129553</v>
      </c>
      <c r="HW9" s="263">
        <v>261313027</v>
      </c>
      <c r="HX9" s="259">
        <v>3227377991</v>
      </c>
      <c r="HY9" s="260">
        <v>3461140698</v>
      </c>
      <c r="HZ9" s="273">
        <v>9398240</v>
      </c>
      <c r="IA9" s="274">
        <v>34706017</v>
      </c>
      <c r="IB9" s="275">
        <v>44104257</v>
      </c>
      <c r="IC9" s="276">
        <v>0</v>
      </c>
      <c r="ID9" s="274">
        <v>1789546954</v>
      </c>
      <c r="IE9" s="277">
        <v>2410984218</v>
      </c>
      <c r="IF9" s="278">
        <v>2491987729</v>
      </c>
      <c r="IG9" s="274">
        <v>1851066174</v>
      </c>
      <c r="IH9" s="278">
        <v>1323902859</v>
      </c>
      <c r="II9" s="279">
        <v>9867487934</v>
      </c>
      <c r="IJ9" s="280">
        <v>9911592191</v>
      </c>
      <c r="IK9" s="281">
        <v>0</v>
      </c>
      <c r="IL9" s="282">
        <v>0</v>
      </c>
      <c r="IM9" s="283">
        <v>0</v>
      </c>
      <c r="IN9" s="406">
        <v>0</v>
      </c>
      <c r="IO9" s="284">
        <v>26296123</v>
      </c>
      <c r="IP9" s="284">
        <v>57207646</v>
      </c>
      <c r="IQ9" s="284">
        <v>72278050</v>
      </c>
      <c r="IR9" s="284">
        <v>113739781</v>
      </c>
      <c r="IS9" s="284">
        <v>120170934</v>
      </c>
      <c r="IT9" s="285">
        <v>389692534</v>
      </c>
      <c r="IU9" s="286">
        <v>389692534</v>
      </c>
      <c r="IV9" s="287">
        <v>0</v>
      </c>
      <c r="IW9" s="284">
        <v>0</v>
      </c>
      <c r="IX9" s="288">
        <v>0</v>
      </c>
      <c r="IY9" s="412">
        <v>0</v>
      </c>
      <c r="IZ9" s="284">
        <v>3892246</v>
      </c>
      <c r="JA9" s="284">
        <v>9907678</v>
      </c>
      <c r="JB9" s="284">
        <v>11155346</v>
      </c>
      <c r="JC9" s="284">
        <v>12581282</v>
      </c>
      <c r="JD9" s="284">
        <v>17782968</v>
      </c>
      <c r="JE9" s="288">
        <v>55319520</v>
      </c>
      <c r="JF9" s="289">
        <v>55319520</v>
      </c>
      <c r="JG9" s="287">
        <v>0</v>
      </c>
      <c r="JH9" s="284">
        <v>0</v>
      </c>
      <c r="JI9" s="285">
        <v>0</v>
      </c>
      <c r="JJ9" s="290">
        <v>0</v>
      </c>
      <c r="JK9" s="284">
        <v>697044361</v>
      </c>
      <c r="JL9" s="284">
        <v>854663520</v>
      </c>
      <c r="JM9" s="284">
        <v>623415754</v>
      </c>
      <c r="JN9" s="284">
        <v>359031123</v>
      </c>
      <c r="JO9" s="284">
        <v>192472223</v>
      </c>
      <c r="JP9" s="288">
        <v>2726626981</v>
      </c>
      <c r="JQ9" s="286">
        <v>2726626981</v>
      </c>
      <c r="JR9" s="287">
        <v>255315</v>
      </c>
      <c r="JS9" s="284">
        <v>636641</v>
      </c>
      <c r="JT9" s="285">
        <v>891956</v>
      </c>
      <c r="JU9" s="290">
        <v>0</v>
      </c>
      <c r="JV9" s="284">
        <v>78300083</v>
      </c>
      <c r="JW9" s="284">
        <v>118415113</v>
      </c>
      <c r="JX9" s="284">
        <v>159895319</v>
      </c>
      <c r="JY9" s="284">
        <v>93972213</v>
      </c>
      <c r="JZ9" s="284">
        <v>75553576</v>
      </c>
      <c r="KA9" s="288">
        <v>526136304</v>
      </c>
      <c r="KB9" s="286">
        <v>527028260</v>
      </c>
      <c r="KC9" s="291">
        <v>9142925</v>
      </c>
      <c r="KD9" s="292">
        <v>24647165</v>
      </c>
      <c r="KE9" s="288">
        <v>33790090</v>
      </c>
      <c r="KF9" s="290">
        <v>0</v>
      </c>
      <c r="KG9" s="284">
        <v>217719968</v>
      </c>
      <c r="KH9" s="284">
        <v>333270496</v>
      </c>
      <c r="KI9" s="284">
        <v>361452721</v>
      </c>
      <c r="KJ9" s="284">
        <v>279383732</v>
      </c>
      <c r="KK9" s="284">
        <v>175118309</v>
      </c>
      <c r="KL9" s="288">
        <v>1366945226</v>
      </c>
      <c r="KM9" s="293">
        <v>1400735316</v>
      </c>
      <c r="KN9" s="281">
        <v>0</v>
      </c>
      <c r="KO9" s="282">
        <v>9422211</v>
      </c>
      <c r="KP9" s="283">
        <v>9422211</v>
      </c>
      <c r="KQ9" s="412">
        <v>0</v>
      </c>
      <c r="KR9" s="284">
        <v>718978764</v>
      </c>
      <c r="KS9" s="284">
        <v>952147034</v>
      </c>
      <c r="KT9" s="284">
        <v>1076432401</v>
      </c>
      <c r="KU9" s="284">
        <v>720944060</v>
      </c>
      <c r="KV9" s="284">
        <v>482006234</v>
      </c>
      <c r="KW9" s="288">
        <v>3950508493</v>
      </c>
      <c r="KX9" s="286">
        <v>3959930704</v>
      </c>
      <c r="KY9" s="287">
        <v>0</v>
      </c>
      <c r="KZ9" s="284">
        <v>0</v>
      </c>
      <c r="LA9" s="288">
        <v>0</v>
      </c>
      <c r="LB9" s="412">
        <v>0</v>
      </c>
      <c r="LC9" s="284">
        <v>6866351</v>
      </c>
      <c r="LD9" s="284">
        <v>8721562</v>
      </c>
      <c r="LE9" s="284">
        <v>15127051</v>
      </c>
      <c r="LF9" s="284">
        <v>16362035</v>
      </c>
      <c r="LG9" s="284">
        <v>12717458</v>
      </c>
      <c r="LH9" s="288">
        <v>59794457</v>
      </c>
      <c r="LI9" s="289">
        <v>59794457</v>
      </c>
      <c r="LJ9" s="287">
        <v>0</v>
      </c>
      <c r="LK9" s="284">
        <v>0</v>
      </c>
      <c r="LL9" s="288">
        <v>0</v>
      </c>
      <c r="LM9" s="412">
        <v>0</v>
      </c>
      <c r="LN9" s="284">
        <v>1387646</v>
      </c>
      <c r="LO9" s="284">
        <v>7659301</v>
      </c>
      <c r="LP9" s="284">
        <v>62922357</v>
      </c>
      <c r="LQ9" s="284">
        <v>109434152</v>
      </c>
      <c r="LR9" s="284">
        <v>72825798</v>
      </c>
      <c r="LS9" s="288">
        <v>254229254</v>
      </c>
      <c r="LT9" s="286">
        <v>254229254</v>
      </c>
      <c r="LU9" s="287">
        <v>0</v>
      </c>
      <c r="LV9" s="284">
        <v>0</v>
      </c>
      <c r="LW9" s="288">
        <v>0</v>
      </c>
      <c r="LX9" s="412">
        <v>0</v>
      </c>
      <c r="LY9" s="284">
        <v>39061412</v>
      </c>
      <c r="LZ9" s="284">
        <v>68991868</v>
      </c>
      <c r="MA9" s="284">
        <v>109308730</v>
      </c>
      <c r="MB9" s="284">
        <v>145617796</v>
      </c>
      <c r="MC9" s="284">
        <v>175255359</v>
      </c>
      <c r="MD9" s="288">
        <v>538235165</v>
      </c>
      <c r="ME9" s="289">
        <v>538235165</v>
      </c>
      <c r="MF9" s="287">
        <v>0</v>
      </c>
      <c r="MG9" s="284">
        <v>0</v>
      </c>
      <c r="MH9" s="288">
        <v>0</v>
      </c>
      <c r="MI9" s="412">
        <v>0</v>
      </c>
      <c r="MJ9" s="284">
        <v>557280882</v>
      </c>
      <c r="MK9" s="284">
        <v>1473096048</v>
      </c>
      <c r="ML9" s="284">
        <v>4502532007</v>
      </c>
      <c r="MM9" s="284">
        <v>6701983601</v>
      </c>
      <c r="MN9" s="284">
        <v>4401864547</v>
      </c>
      <c r="MO9" s="288">
        <v>17636757085</v>
      </c>
      <c r="MP9" s="293">
        <v>17636757085</v>
      </c>
      <c r="MQ9" s="287">
        <v>0</v>
      </c>
      <c r="MR9" s="284">
        <v>0</v>
      </c>
      <c r="MS9" s="288">
        <v>0</v>
      </c>
      <c r="MT9" s="412">
        <v>0</v>
      </c>
      <c r="MU9" s="284">
        <v>114803808</v>
      </c>
      <c r="MV9" s="284">
        <v>455939968</v>
      </c>
      <c r="MW9" s="284">
        <v>2945199459</v>
      </c>
      <c r="MX9" s="284">
        <v>4566314450</v>
      </c>
      <c r="MY9" s="284">
        <v>3141889144</v>
      </c>
      <c r="MZ9" s="288">
        <v>11224146829</v>
      </c>
      <c r="NA9" s="293">
        <v>11224146829</v>
      </c>
      <c r="NB9" s="287">
        <v>0</v>
      </c>
      <c r="NC9" s="284">
        <v>0</v>
      </c>
      <c r="ND9" s="288">
        <v>0</v>
      </c>
      <c r="NE9" s="412">
        <v>0</v>
      </c>
      <c r="NF9" s="284">
        <v>438839033</v>
      </c>
      <c r="NG9" s="284">
        <v>1010139743</v>
      </c>
      <c r="NH9" s="284">
        <v>1532327336</v>
      </c>
      <c r="NI9" s="284">
        <v>1989224290</v>
      </c>
      <c r="NJ9" s="284">
        <v>1041498034</v>
      </c>
      <c r="NK9" s="288">
        <v>6012028436</v>
      </c>
      <c r="NL9" s="286">
        <v>6012028436</v>
      </c>
      <c r="NM9" s="287">
        <v>0</v>
      </c>
      <c r="NN9" s="284">
        <v>0</v>
      </c>
      <c r="NO9" s="288">
        <v>0</v>
      </c>
      <c r="NP9" s="412">
        <v>0</v>
      </c>
      <c r="NQ9" s="284">
        <v>0</v>
      </c>
      <c r="NR9" s="284">
        <v>0</v>
      </c>
      <c r="NS9" s="284">
        <v>0</v>
      </c>
      <c r="NT9" s="284">
        <v>0</v>
      </c>
      <c r="NU9" s="284">
        <v>0</v>
      </c>
      <c r="NV9" s="288">
        <v>0</v>
      </c>
      <c r="NW9" s="289">
        <v>0</v>
      </c>
      <c r="NX9" s="287">
        <v>0</v>
      </c>
      <c r="NY9" s="284">
        <v>0</v>
      </c>
      <c r="NZ9" s="288">
        <v>0</v>
      </c>
      <c r="OA9" s="412">
        <v>0</v>
      </c>
      <c r="OB9" s="284">
        <v>3638041</v>
      </c>
      <c r="OC9" s="284">
        <v>7016337</v>
      </c>
      <c r="OD9" s="284">
        <v>25005212</v>
      </c>
      <c r="OE9" s="284">
        <v>146444861</v>
      </c>
      <c r="OF9" s="284">
        <v>218477369</v>
      </c>
      <c r="OG9" s="288">
        <v>400581820</v>
      </c>
      <c r="OH9" s="289">
        <v>400581820</v>
      </c>
      <c r="OI9" s="287">
        <v>454841476</v>
      </c>
      <c r="OJ9" s="284">
        <v>979455122</v>
      </c>
      <c r="OK9" s="285">
        <v>1434296598</v>
      </c>
      <c r="OL9" s="290">
        <v>0</v>
      </c>
      <c r="OM9" s="284">
        <v>8080385868</v>
      </c>
      <c r="ON9" s="284">
        <v>11905672548</v>
      </c>
      <c r="OO9" s="284">
        <v>13502664903</v>
      </c>
      <c r="OP9" s="284">
        <v>14661641596</v>
      </c>
      <c r="OQ9" s="284">
        <v>10265504292</v>
      </c>
      <c r="OR9" s="288">
        <v>58415869207</v>
      </c>
      <c r="OS9" s="293">
        <v>59850165805</v>
      </c>
    </row>
    <row r="10" spans="1:409" s="407" customFormat="1" ht="21" customHeight="1" x14ac:dyDescent="0.2">
      <c r="A10" s="70"/>
      <c r="B10" s="409" t="s">
        <v>5</v>
      </c>
      <c r="C10" s="295">
        <v>170168624</v>
      </c>
      <c r="D10" s="296">
        <v>451359090</v>
      </c>
      <c r="E10" s="297">
        <v>621527714</v>
      </c>
      <c r="F10" s="298">
        <v>0</v>
      </c>
      <c r="G10" s="296">
        <v>1987661357</v>
      </c>
      <c r="H10" s="296">
        <v>3636955602</v>
      </c>
      <c r="I10" s="296">
        <v>2677286009</v>
      </c>
      <c r="J10" s="296">
        <v>2454608701</v>
      </c>
      <c r="K10" s="296">
        <v>1831556240</v>
      </c>
      <c r="L10" s="298">
        <v>12588067909</v>
      </c>
      <c r="M10" s="299">
        <v>13209595623</v>
      </c>
      <c r="N10" s="295">
        <v>47288847</v>
      </c>
      <c r="O10" s="296">
        <v>159935375</v>
      </c>
      <c r="P10" s="297">
        <v>207224222</v>
      </c>
      <c r="Q10" s="295">
        <v>0</v>
      </c>
      <c r="R10" s="296">
        <v>597307152</v>
      </c>
      <c r="S10" s="296">
        <v>1263992635</v>
      </c>
      <c r="T10" s="296">
        <v>929705650</v>
      </c>
      <c r="U10" s="296">
        <v>964271516</v>
      </c>
      <c r="V10" s="296">
        <v>959660065</v>
      </c>
      <c r="W10" s="297">
        <v>4714937018</v>
      </c>
      <c r="X10" s="299">
        <v>4922161240</v>
      </c>
      <c r="Y10" s="295">
        <v>0</v>
      </c>
      <c r="Z10" s="296">
        <v>0</v>
      </c>
      <c r="AA10" s="297">
        <v>0</v>
      </c>
      <c r="AB10" s="295">
        <v>0</v>
      </c>
      <c r="AC10" s="296">
        <v>260060866</v>
      </c>
      <c r="AD10" s="296">
        <v>560804529</v>
      </c>
      <c r="AE10" s="296">
        <v>465004782</v>
      </c>
      <c r="AF10" s="296">
        <v>518418019</v>
      </c>
      <c r="AG10" s="296">
        <v>532594900</v>
      </c>
      <c r="AH10" s="297">
        <v>2336883096</v>
      </c>
      <c r="AI10" s="299">
        <v>2336883096</v>
      </c>
      <c r="AJ10" s="295">
        <v>60617</v>
      </c>
      <c r="AK10" s="296">
        <v>448725</v>
      </c>
      <c r="AL10" s="297">
        <v>509342</v>
      </c>
      <c r="AM10" s="295">
        <v>0</v>
      </c>
      <c r="AN10" s="296">
        <v>848546</v>
      </c>
      <c r="AO10" s="296">
        <v>8515980</v>
      </c>
      <c r="AP10" s="296">
        <v>19668333</v>
      </c>
      <c r="AQ10" s="296">
        <v>53385969</v>
      </c>
      <c r="AR10" s="296">
        <v>115822368</v>
      </c>
      <c r="AS10" s="297">
        <v>198241196</v>
      </c>
      <c r="AT10" s="299">
        <v>198750538</v>
      </c>
      <c r="AU10" s="295">
        <v>28622527</v>
      </c>
      <c r="AV10" s="296">
        <v>117890053</v>
      </c>
      <c r="AW10" s="297">
        <v>146512580</v>
      </c>
      <c r="AX10" s="295">
        <v>0</v>
      </c>
      <c r="AY10" s="296">
        <v>212103573</v>
      </c>
      <c r="AZ10" s="296">
        <v>497118953</v>
      </c>
      <c r="BA10" s="296">
        <v>288996731</v>
      </c>
      <c r="BB10" s="296">
        <v>242122641</v>
      </c>
      <c r="BC10" s="296">
        <v>200636567</v>
      </c>
      <c r="BD10" s="297">
        <v>1440978465</v>
      </c>
      <c r="BE10" s="299">
        <v>1587491045</v>
      </c>
      <c r="BF10" s="295">
        <v>2888213</v>
      </c>
      <c r="BG10" s="296">
        <v>13971334</v>
      </c>
      <c r="BH10" s="300">
        <v>16859547</v>
      </c>
      <c r="BI10" s="301">
        <v>0</v>
      </c>
      <c r="BJ10" s="296">
        <v>11665841</v>
      </c>
      <c r="BK10" s="296">
        <v>31581015</v>
      </c>
      <c r="BL10" s="296">
        <v>20570464</v>
      </c>
      <c r="BM10" s="296">
        <v>15894672</v>
      </c>
      <c r="BN10" s="296">
        <v>11094867</v>
      </c>
      <c r="BO10" s="297">
        <v>90806859</v>
      </c>
      <c r="BP10" s="299">
        <v>107666406</v>
      </c>
      <c r="BQ10" s="295">
        <v>15717490</v>
      </c>
      <c r="BR10" s="296">
        <v>27625263</v>
      </c>
      <c r="BS10" s="297">
        <v>43342753</v>
      </c>
      <c r="BT10" s="295">
        <v>0</v>
      </c>
      <c r="BU10" s="296">
        <v>112628326</v>
      </c>
      <c r="BV10" s="296">
        <v>165972158</v>
      </c>
      <c r="BW10" s="296">
        <v>135465340</v>
      </c>
      <c r="BX10" s="296">
        <v>134450215</v>
      </c>
      <c r="BY10" s="296">
        <v>99511363</v>
      </c>
      <c r="BZ10" s="297">
        <v>648027402</v>
      </c>
      <c r="CA10" s="299">
        <v>691370155</v>
      </c>
      <c r="CB10" s="295">
        <v>18073508</v>
      </c>
      <c r="CC10" s="296">
        <v>55716386</v>
      </c>
      <c r="CD10" s="297">
        <v>73789894</v>
      </c>
      <c r="CE10" s="295">
        <v>0</v>
      </c>
      <c r="CF10" s="296">
        <v>505054947</v>
      </c>
      <c r="CG10" s="296">
        <v>884319877</v>
      </c>
      <c r="CH10" s="296">
        <v>561690699</v>
      </c>
      <c r="CI10" s="296">
        <v>352721025</v>
      </c>
      <c r="CJ10" s="296">
        <v>167702873</v>
      </c>
      <c r="CK10" s="297">
        <v>2471489421</v>
      </c>
      <c r="CL10" s="299">
        <v>2545279315</v>
      </c>
      <c r="CM10" s="295">
        <v>0</v>
      </c>
      <c r="CN10" s="296">
        <v>0</v>
      </c>
      <c r="CO10" s="297">
        <v>0</v>
      </c>
      <c r="CP10" s="301">
        <v>0</v>
      </c>
      <c r="CQ10" s="296">
        <v>428672488</v>
      </c>
      <c r="CR10" s="296">
        <v>679631839</v>
      </c>
      <c r="CS10" s="296">
        <v>415678167</v>
      </c>
      <c r="CT10" s="296">
        <v>250011514</v>
      </c>
      <c r="CU10" s="296">
        <v>129893389</v>
      </c>
      <c r="CV10" s="297">
        <v>1903887397</v>
      </c>
      <c r="CW10" s="299">
        <v>1903887397</v>
      </c>
      <c r="CX10" s="295">
        <v>18073508</v>
      </c>
      <c r="CY10" s="296">
        <v>55716386</v>
      </c>
      <c r="CZ10" s="297">
        <v>73789894</v>
      </c>
      <c r="DA10" s="295">
        <v>0</v>
      </c>
      <c r="DB10" s="296">
        <v>76382459</v>
      </c>
      <c r="DC10" s="296">
        <v>204688038</v>
      </c>
      <c r="DD10" s="296">
        <v>146012532</v>
      </c>
      <c r="DE10" s="296">
        <v>102709511</v>
      </c>
      <c r="DF10" s="296">
        <v>37809484</v>
      </c>
      <c r="DG10" s="297">
        <v>567602024</v>
      </c>
      <c r="DH10" s="299">
        <v>641391918</v>
      </c>
      <c r="DI10" s="295">
        <v>672942</v>
      </c>
      <c r="DJ10" s="296">
        <v>4642427</v>
      </c>
      <c r="DK10" s="300">
        <v>5315369</v>
      </c>
      <c r="DL10" s="301">
        <v>0</v>
      </c>
      <c r="DM10" s="296">
        <v>44792020</v>
      </c>
      <c r="DN10" s="296">
        <v>133277792</v>
      </c>
      <c r="DO10" s="296">
        <v>236828568</v>
      </c>
      <c r="DP10" s="296">
        <v>181242397</v>
      </c>
      <c r="DQ10" s="296">
        <v>118707762</v>
      </c>
      <c r="DR10" s="297">
        <v>714848539</v>
      </c>
      <c r="DS10" s="299">
        <v>720163908</v>
      </c>
      <c r="DT10" s="295">
        <v>595054</v>
      </c>
      <c r="DU10" s="296">
        <v>3883028</v>
      </c>
      <c r="DV10" s="297">
        <v>4478082</v>
      </c>
      <c r="DW10" s="295">
        <v>0</v>
      </c>
      <c r="DX10" s="296">
        <v>38360180</v>
      </c>
      <c r="DY10" s="296">
        <v>110040426</v>
      </c>
      <c r="DZ10" s="296">
        <v>202828746</v>
      </c>
      <c r="EA10" s="296">
        <v>149048174</v>
      </c>
      <c r="EB10" s="296">
        <v>94820328</v>
      </c>
      <c r="EC10" s="297">
        <v>595097854</v>
      </c>
      <c r="ED10" s="299">
        <v>599575936</v>
      </c>
      <c r="EE10" s="295">
        <v>77888</v>
      </c>
      <c r="EF10" s="300">
        <v>759399</v>
      </c>
      <c r="EG10" s="297">
        <v>837287</v>
      </c>
      <c r="EH10" s="295">
        <v>0</v>
      </c>
      <c r="EI10" s="296">
        <v>6431840</v>
      </c>
      <c r="EJ10" s="296">
        <v>23237366</v>
      </c>
      <c r="EK10" s="296">
        <v>33999822</v>
      </c>
      <c r="EL10" s="296">
        <v>32194223</v>
      </c>
      <c r="EM10" s="296">
        <v>23887434</v>
      </c>
      <c r="EN10" s="300">
        <v>119750685</v>
      </c>
      <c r="EO10" s="299">
        <v>120587972</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35350520</v>
      </c>
      <c r="FM10" s="296">
        <v>93129719</v>
      </c>
      <c r="FN10" s="297">
        <v>128480239</v>
      </c>
      <c r="FO10" s="295">
        <v>0</v>
      </c>
      <c r="FP10" s="296">
        <v>76597041</v>
      </c>
      <c r="FQ10" s="296">
        <v>310891952</v>
      </c>
      <c r="FR10" s="296">
        <v>195427122</v>
      </c>
      <c r="FS10" s="296">
        <v>171732838</v>
      </c>
      <c r="FT10" s="296">
        <v>124853529</v>
      </c>
      <c r="FU10" s="297">
        <v>879502482</v>
      </c>
      <c r="FV10" s="299">
        <v>1007982721</v>
      </c>
      <c r="FW10" s="302">
        <v>18284639</v>
      </c>
      <c r="FX10" s="296">
        <v>68753537</v>
      </c>
      <c r="FY10" s="300">
        <v>87038176</v>
      </c>
      <c r="FZ10" s="301">
        <v>0</v>
      </c>
      <c r="GA10" s="296">
        <v>57973429</v>
      </c>
      <c r="GB10" s="296">
        <v>282013605</v>
      </c>
      <c r="GC10" s="296">
        <v>181737827</v>
      </c>
      <c r="GD10" s="296">
        <v>157309138</v>
      </c>
      <c r="GE10" s="296">
        <v>119640175</v>
      </c>
      <c r="GF10" s="297">
        <v>798674174</v>
      </c>
      <c r="GG10" s="303">
        <v>885712350</v>
      </c>
      <c r="GH10" s="302">
        <v>2598946</v>
      </c>
      <c r="GI10" s="296">
        <v>5496756</v>
      </c>
      <c r="GJ10" s="300">
        <v>8095702</v>
      </c>
      <c r="GK10" s="301">
        <v>0</v>
      </c>
      <c r="GL10" s="296">
        <v>5360076</v>
      </c>
      <c r="GM10" s="296">
        <v>9444407</v>
      </c>
      <c r="GN10" s="296">
        <v>5493301</v>
      </c>
      <c r="GO10" s="296">
        <v>6645178</v>
      </c>
      <c r="GP10" s="296">
        <v>2169272</v>
      </c>
      <c r="GQ10" s="297">
        <v>29112234</v>
      </c>
      <c r="GR10" s="299">
        <v>37207936</v>
      </c>
      <c r="GS10" s="295">
        <v>14466935</v>
      </c>
      <c r="GT10" s="296">
        <v>18879426</v>
      </c>
      <c r="GU10" s="297">
        <v>33346361</v>
      </c>
      <c r="GV10" s="295">
        <v>0</v>
      </c>
      <c r="GW10" s="296">
        <v>13263536</v>
      </c>
      <c r="GX10" s="296">
        <v>19433940</v>
      </c>
      <c r="GY10" s="296">
        <v>8195994</v>
      </c>
      <c r="GZ10" s="296">
        <v>7778522</v>
      </c>
      <c r="HA10" s="296">
        <v>3044082</v>
      </c>
      <c r="HB10" s="300">
        <v>51716074</v>
      </c>
      <c r="HC10" s="299">
        <v>85062435</v>
      </c>
      <c r="HD10" s="295">
        <v>40814826</v>
      </c>
      <c r="HE10" s="296">
        <v>67736619</v>
      </c>
      <c r="HF10" s="300">
        <v>108551445</v>
      </c>
      <c r="HG10" s="301">
        <v>0</v>
      </c>
      <c r="HH10" s="296">
        <v>454047696</v>
      </c>
      <c r="HI10" s="296">
        <v>577521548</v>
      </c>
      <c r="HJ10" s="296">
        <v>485986693</v>
      </c>
      <c r="HK10" s="296">
        <v>606402088</v>
      </c>
      <c r="HL10" s="296">
        <v>351338483</v>
      </c>
      <c r="HM10" s="297">
        <v>2475296508</v>
      </c>
      <c r="HN10" s="298">
        <v>2583847953</v>
      </c>
      <c r="HO10" s="302">
        <v>27967981</v>
      </c>
      <c r="HP10" s="296">
        <v>70198564</v>
      </c>
      <c r="HQ10" s="297">
        <v>98166545</v>
      </c>
      <c r="HR10" s="295">
        <v>0</v>
      </c>
      <c r="HS10" s="296">
        <v>309862501</v>
      </c>
      <c r="HT10" s="296">
        <v>466951798</v>
      </c>
      <c r="HU10" s="296">
        <v>267647277</v>
      </c>
      <c r="HV10" s="296">
        <v>178238837</v>
      </c>
      <c r="HW10" s="296">
        <v>109293528</v>
      </c>
      <c r="HX10" s="300">
        <v>1331993941</v>
      </c>
      <c r="HY10" s="299">
        <v>1430160486</v>
      </c>
      <c r="HZ10" s="304">
        <v>3457791</v>
      </c>
      <c r="IA10" s="305">
        <v>15081766</v>
      </c>
      <c r="IB10" s="306">
        <v>18539557</v>
      </c>
      <c r="IC10" s="307">
        <v>0</v>
      </c>
      <c r="ID10" s="308">
        <v>703556546</v>
      </c>
      <c r="IE10" s="309">
        <v>1081475890</v>
      </c>
      <c r="IF10" s="310">
        <v>1058544677</v>
      </c>
      <c r="IG10" s="308">
        <v>779227434</v>
      </c>
      <c r="IH10" s="310">
        <v>579745298</v>
      </c>
      <c r="II10" s="311">
        <v>4202549845</v>
      </c>
      <c r="IJ10" s="312">
        <v>4221089402</v>
      </c>
      <c r="IK10" s="313">
        <v>0</v>
      </c>
      <c r="IL10" s="314">
        <v>0</v>
      </c>
      <c r="IM10" s="315">
        <v>0</v>
      </c>
      <c r="IN10" s="403">
        <v>0</v>
      </c>
      <c r="IO10" s="316">
        <v>10836787</v>
      </c>
      <c r="IP10" s="316">
        <v>26324346</v>
      </c>
      <c r="IQ10" s="316">
        <v>35529698</v>
      </c>
      <c r="IR10" s="316">
        <v>55747124</v>
      </c>
      <c r="IS10" s="316">
        <v>51339832</v>
      </c>
      <c r="IT10" s="317">
        <v>179777787</v>
      </c>
      <c r="IU10" s="318">
        <v>179777787</v>
      </c>
      <c r="IV10" s="319">
        <v>0</v>
      </c>
      <c r="IW10" s="316">
        <v>0</v>
      </c>
      <c r="IX10" s="320">
        <v>0</v>
      </c>
      <c r="IY10" s="413">
        <v>0</v>
      </c>
      <c r="IZ10" s="316">
        <v>2219771</v>
      </c>
      <c r="JA10" s="316">
        <v>7465260</v>
      </c>
      <c r="JB10" s="316">
        <v>8359507</v>
      </c>
      <c r="JC10" s="316">
        <v>9490194</v>
      </c>
      <c r="JD10" s="316">
        <v>14256570</v>
      </c>
      <c r="JE10" s="320">
        <v>41791302</v>
      </c>
      <c r="JF10" s="321">
        <v>41791302</v>
      </c>
      <c r="JG10" s="319">
        <v>0</v>
      </c>
      <c r="JH10" s="316">
        <v>0</v>
      </c>
      <c r="JI10" s="317">
        <v>0</v>
      </c>
      <c r="JJ10" s="322">
        <v>0</v>
      </c>
      <c r="JK10" s="316">
        <v>248113373</v>
      </c>
      <c r="JL10" s="316">
        <v>398684724</v>
      </c>
      <c r="JM10" s="316">
        <v>290661489</v>
      </c>
      <c r="JN10" s="316">
        <v>165912570</v>
      </c>
      <c r="JO10" s="316">
        <v>93823289</v>
      </c>
      <c r="JP10" s="320">
        <v>1197195445</v>
      </c>
      <c r="JQ10" s="318">
        <v>1197195445</v>
      </c>
      <c r="JR10" s="319">
        <v>96733</v>
      </c>
      <c r="JS10" s="316">
        <v>75249</v>
      </c>
      <c r="JT10" s="317">
        <v>171982</v>
      </c>
      <c r="JU10" s="322">
        <v>0</v>
      </c>
      <c r="JV10" s="316">
        <v>39991570</v>
      </c>
      <c r="JW10" s="316">
        <v>62450821</v>
      </c>
      <c r="JX10" s="316">
        <v>84775609</v>
      </c>
      <c r="JY10" s="316">
        <v>53769647</v>
      </c>
      <c r="JZ10" s="316">
        <v>41587581</v>
      </c>
      <c r="KA10" s="320">
        <v>282575228</v>
      </c>
      <c r="KB10" s="318">
        <v>282747210</v>
      </c>
      <c r="KC10" s="323">
        <v>3361058</v>
      </c>
      <c r="KD10" s="324">
        <v>10460738</v>
      </c>
      <c r="KE10" s="320">
        <v>13821796</v>
      </c>
      <c r="KF10" s="322">
        <v>0</v>
      </c>
      <c r="KG10" s="316">
        <v>84106848</v>
      </c>
      <c r="KH10" s="316">
        <v>154561414</v>
      </c>
      <c r="KI10" s="316">
        <v>145652323</v>
      </c>
      <c r="KJ10" s="316">
        <v>125647050</v>
      </c>
      <c r="KK10" s="316">
        <v>87275573</v>
      </c>
      <c r="KL10" s="320">
        <v>597243208</v>
      </c>
      <c r="KM10" s="325">
        <v>611065004</v>
      </c>
      <c r="KN10" s="313">
        <v>0</v>
      </c>
      <c r="KO10" s="314">
        <v>4545779</v>
      </c>
      <c r="KP10" s="315">
        <v>4545779</v>
      </c>
      <c r="KQ10" s="413">
        <v>0</v>
      </c>
      <c r="KR10" s="316">
        <v>312979060</v>
      </c>
      <c r="KS10" s="316">
        <v>414279116</v>
      </c>
      <c r="KT10" s="316">
        <v>466211323</v>
      </c>
      <c r="KU10" s="316">
        <v>314691324</v>
      </c>
      <c r="KV10" s="316">
        <v>219493814</v>
      </c>
      <c r="KW10" s="320">
        <v>1727654637</v>
      </c>
      <c r="KX10" s="318">
        <v>1732200416</v>
      </c>
      <c r="KY10" s="319">
        <v>0</v>
      </c>
      <c r="KZ10" s="316">
        <v>0</v>
      </c>
      <c r="LA10" s="320">
        <v>0</v>
      </c>
      <c r="LB10" s="413">
        <v>0</v>
      </c>
      <c r="LC10" s="316">
        <v>183224</v>
      </c>
      <c r="LD10" s="316">
        <v>618126</v>
      </c>
      <c r="LE10" s="316">
        <v>919488</v>
      </c>
      <c r="LF10" s="316">
        <v>251686</v>
      </c>
      <c r="LG10" s="316">
        <v>825510</v>
      </c>
      <c r="LH10" s="320">
        <v>2798034</v>
      </c>
      <c r="LI10" s="321">
        <v>2798034</v>
      </c>
      <c r="LJ10" s="319">
        <v>0</v>
      </c>
      <c r="LK10" s="316">
        <v>0</v>
      </c>
      <c r="LL10" s="320">
        <v>0</v>
      </c>
      <c r="LM10" s="413">
        <v>0</v>
      </c>
      <c r="LN10" s="316">
        <v>789083</v>
      </c>
      <c r="LO10" s="316">
        <v>3318574</v>
      </c>
      <c r="LP10" s="316">
        <v>6257562</v>
      </c>
      <c r="LQ10" s="316">
        <v>14153127</v>
      </c>
      <c r="LR10" s="316">
        <v>11936573</v>
      </c>
      <c r="LS10" s="320">
        <v>36454919</v>
      </c>
      <c r="LT10" s="318">
        <v>36454919</v>
      </c>
      <c r="LU10" s="319">
        <v>0</v>
      </c>
      <c r="LV10" s="316">
        <v>0</v>
      </c>
      <c r="LW10" s="320">
        <v>0</v>
      </c>
      <c r="LX10" s="413">
        <v>0</v>
      </c>
      <c r="LY10" s="316">
        <v>4336830</v>
      </c>
      <c r="LZ10" s="316">
        <v>13773509</v>
      </c>
      <c r="MA10" s="316">
        <v>20177678</v>
      </c>
      <c r="MB10" s="316">
        <v>39564712</v>
      </c>
      <c r="MC10" s="316">
        <v>59206556</v>
      </c>
      <c r="MD10" s="320">
        <v>137059285</v>
      </c>
      <c r="ME10" s="321">
        <v>137059285</v>
      </c>
      <c r="MF10" s="319">
        <v>0</v>
      </c>
      <c r="MG10" s="316">
        <v>0</v>
      </c>
      <c r="MH10" s="320">
        <v>0</v>
      </c>
      <c r="MI10" s="413">
        <v>0</v>
      </c>
      <c r="MJ10" s="316">
        <v>228006963</v>
      </c>
      <c r="MK10" s="316">
        <v>778543112</v>
      </c>
      <c r="ML10" s="316">
        <v>2036301824</v>
      </c>
      <c r="MM10" s="316">
        <v>2911710561</v>
      </c>
      <c r="MN10" s="316">
        <v>1908001150</v>
      </c>
      <c r="MO10" s="320">
        <v>7862563610</v>
      </c>
      <c r="MP10" s="325">
        <v>7862563610</v>
      </c>
      <c r="MQ10" s="319">
        <v>0</v>
      </c>
      <c r="MR10" s="316">
        <v>0</v>
      </c>
      <c r="MS10" s="320">
        <v>0</v>
      </c>
      <c r="MT10" s="413">
        <v>0</v>
      </c>
      <c r="MU10" s="316">
        <v>67843480</v>
      </c>
      <c r="MV10" s="316">
        <v>313912160</v>
      </c>
      <c r="MW10" s="316">
        <v>1350649706</v>
      </c>
      <c r="MX10" s="316">
        <v>1958063648</v>
      </c>
      <c r="MY10" s="316">
        <v>1339307400</v>
      </c>
      <c r="MZ10" s="320">
        <v>5029776394</v>
      </c>
      <c r="NA10" s="325">
        <v>5029776394</v>
      </c>
      <c r="NB10" s="319">
        <v>0</v>
      </c>
      <c r="NC10" s="316">
        <v>0</v>
      </c>
      <c r="ND10" s="320">
        <v>0</v>
      </c>
      <c r="NE10" s="413">
        <v>0</v>
      </c>
      <c r="NF10" s="316">
        <v>159649910</v>
      </c>
      <c r="NG10" s="316">
        <v>463641048</v>
      </c>
      <c r="NH10" s="316">
        <v>681625830</v>
      </c>
      <c r="NI10" s="316">
        <v>913861015</v>
      </c>
      <c r="NJ10" s="316">
        <v>510966261</v>
      </c>
      <c r="NK10" s="320">
        <v>2729744064</v>
      </c>
      <c r="NL10" s="318">
        <v>2729744064</v>
      </c>
      <c r="NM10" s="319">
        <v>0</v>
      </c>
      <c r="NN10" s="316">
        <v>0</v>
      </c>
      <c r="NO10" s="320">
        <v>0</v>
      </c>
      <c r="NP10" s="413">
        <v>0</v>
      </c>
      <c r="NQ10" s="316">
        <v>0</v>
      </c>
      <c r="NR10" s="316">
        <v>0</v>
      </c>
      <c r="NS10" s="316">
        <v>0</v>
      </c>
      <c r="NT10" s="316">
        <v>0</v>
      </c>
      <c r="NU10" s="316">
        <v>0</v>
      </c>
      <c r="NV10" s="320">
        <v>0</v>
      </c>
      <c r="NW10" s="321">
        <v>0</v>
      </c>
      <c r="NX10" s="319">
        <v>0</v>
      </c>
      <c r="NY10" s="316">
        <v>0</v>
      </c>
      <c r="NZ10" s="320">
        <v>0</v>
      </c>
      <c r="OA10" s="413">
        <v>0</v>
      </c>
      <c r="OB10" s="316">
        <v>513573</v>
      </c>
      <c r="OC10" s="316">
        <v>989904</v>
      </c>
      <c r="OD10" s="316">
        <v>4026288</v>
      </c>
      <c r="OE10" s="316">
        <v>39785898</v>
      </c>
      <c r="OF10" s="316">
        <v>57727489</v>
      </c>
      <c r="OG10" s="320">
        <v>103043152</v>
      </c>
      <c r="OH10" s="321">
        <v>103043152</v>
      </c>
      <c r="OI10" s="319">
        <v>173626415</v>
      </c>
      <c r="OJ10" s="316">
        <v>466440856</v>
      </c>
      <c r="OK10" s="317">
        <v>640067271</v>
      </c>
      <c r="OL10" s="322">
        <v>0</v>
      </c>
      <c r="OM10" s="316">
        <v>2919224866</v>
      </c>
      <c r="ON10" s="316">
        <v>5496974604</v>
      </c>
      <c r="OO10" s="316">
        <v>5772132510</v>
      </c>
      <c r="OP10" s="316">
        <v>6145546696</v>
      </c>
      <c r="OQ10" s="316">
        <v>4319302688</v>
      </c>
      <c r="OR10" s="320">
        <v>24653181364</v>
      </c>
      <c r="OS10" s="325">
        <v>25293248635</v>
      </c>
    </row>
    <row r="11" spans="1:409" s="70" customFormat="1" ht="21" customHeight="1" x14ac:dyDescent="0.2">
      <c r="B11" s="410" t="s">
        <v>6</v>
      </c>
      <c r="C11" s="326">
        <v>63210938</v>
      </c>
      <c r="D11" s="327">
        <v>106446612</v>
      </c>
      <c r="E11" s="328">
        <v>169657550</v>
      </c>
      <c r="F11" s="329">
        <v>0</v>
      </c>
      <c r="G11" s="327">
        <v>958476075</v>
      </c>
      <c r="H11" s="327">
        <v>1106992325</v>
      </c>
      <c r="I11" s="327">
        <v>904300529</v>
      </c>
      <c r="J11" s="327">
        <v>888427046</v>
      </c>
      <c r="K11" s="327">
        <v>703125851</v>
      </c>
      <c r="L11" s="329">
        <v>4561321826</v>
      </c>
      <c r="M11" s="330">
        <v>4730979376</v>
      </c>
      <c r="N11" s="326">
        <v>18854581</v>
      </c>
      <c r="O11" s="327">
        <v>36734506</v>
      </c>
      <c r="P11" s="328">
        <v>55589087</v>
      </c>
      <c r="Q11" s="326">
        <v>0</v>
      </c>
      <c r="R11" s="327">
        <v>316568624</v>
      </c>
      <c r="S11" s="327">
        <v>396896492</v>
      </c>
      <c r="T11" s="327">
        <v>336427018</v>
      </c>
      <c r="U11" s="327">
        <v>383212869</v>
      </c>
      <c r="V11" s="327">
        <v>374636894</v>
      </c>
      <c r="W11" s="328">
        <v>1807741897</v>
      </c>
      <c r="X11" s="330">
        <v>1863330984</v>
      </c>
      <c r="Y11" s="326">
        <v>0</v>
      </c>
      <c r="Z11" s="327">
        <v>0</v>
      </c>
      <c r="AA11" s="328">
        <v>0</v>
      </c>
      <c r="AB11" s="326">
        <v>0</v>
      </c>
      <c r="AC11" s="327">
        <v>140491576</v>
      </c>
      <c r="AD11" s="327">
        <v>194141665</v>
      </c>
      <c r="AE11" s="327">
        <v>193038341</v>
      </c>
      <c r="AF11" s="327">
        <v>237471129</v>
      </c>
      <c r="AG11" s="327">
        <v>224202366</v>
      </c>
      <c r="AH11" s="328">
        <v>989345077</v>
      </c>
      <c r="AI11" s="330">
        <v>989345077</v>
      </c>
      <c r="AJ11" s="326">
        <v>65600</v>
      </c>
      <c r="AK11" s="327">
        <v>37489</v>
      </c>
      <c r="AL11" s="328">
        <v>103089</v>
      </c>
      <c r="AM11" s="326">
        <v>0</v>
      </c>
      <c r="AN11" s="327">
        <v>672165</v>
      </c>
      <c r="AO11" s="327">
        <v>2401882</v>
      </c>
      <c r="AP11" s="327">
        <v>7412899</v>
      </c>
      <c r="AQ11" s="327">
        <v>18445191</v>
      </c>
      <c r="AR11" s="327">
        <v>35470672</v>
      </c>
      <c r="AS11" s="328">
        <v>64402809</v>
      </c>
      <c r="AT11" s="330">
        <v>64505898</v>
      </c>
      <c r="AU11" s="326">
        <v>10979371</v>
      </c>
      <c r="AV11" s="327">
        <v>26919172</v>
      </c>
      <c r="AW11" s="328">
        <v>37898543</v>
      </c>
      <c r="AX11" s="326">
        <v>0</v>
      </c>
      <c r="AY11" s="327">
        <v>111887100</v>
      </c>
      <c r="AZ11" s="327">
        <v>127003462</v>
      </c>
      <c r="BA11" s="327">
        <v>76046829</v>
      </c>
      <c r="BB11" s="327">
        <v>68207472</v>
      </c>
      <c r="BC11" s="327">
        <v>68355154</v>
      </c>
      <c r="BD11" s="328">
        <v>451500017</v>
      </c>
      <c r="BE11" s="330">
        <v>489398560</v>
      </c>
      <c r="BF11" s="326">
        <v>754957</v>
      </c>
      <c r="BG11" s="327">
        <v>2143913</v>
      </c>
      <c r="BH11" s="331">
        <v>2898870</v>
      </c>
      <c r="BI11" s="332">
        <v>0</v>
      </c>
      <c r="BJ11" s="327">
        <v>8205320</v>
      </c>
      <c r="BK11" s="327">
        <v>8697028</v>
      </c>
      <c r="BL11" s="327">
        <v>5159998</v>
      </c>
      <c r="BM11" s="327">
        <v>5635343</v>
      </c>
      <c r="BN11" s="327">
        <v>3005203</v>
      </c>
      <c r="BO11" s="328">
        <v>30702892</v>
      </c>
      <c r="BP11" s="330">
        <v>33601762</v>
      </c>
      <c r="BQ11" s="326">
        <v>7054653</v>
      </c>
      <c r="BR11" s="327">
        <v>7633932</v>
      </c>
      <c r="BS11" s="328">
        <v>14688585</v>
      </c>
      <c r="BT11" s="326">
        <v>0</v>
      </c>
      <c r="BU11" s="327">
        <v>55312463</v>
      </c>
      <c r="BV11" s="327">
        <v>64652455</v>
      </c>
      <c r="BW11" s="327">
        <v>54768951</v>
      </c>
      <c r="BX11" s="327">
        <v>53453734</v>
      </c>
      <c r="BY11" s="327">
        <v>43603499</v>
      </c>
      <c r="BZ11" s="328">
        <v>271791102</v>
      </c>
      <c r="CA11" s="330">
        <v>286479687</v>
      </c>
      <c r="CB11" s="326">
        <v>2958604</v>
      </c>
      <c r="CC11" s="327">
        <v>9669953</v>
      </c>
      <c r="CD11" s="328">
        <v>12628557</v>
      </c>
      <c r="CE11" s="326">
        <v>0</v>
      </c>
      <c r="CF11" s="327">
        <v>253656221</v>
      </c>
      <c r="CG11" s="327">
        <v>287501551</v>
      </c>
      <c r="CH11" s="327">
        <v>197887668</v>
      </c>
      <c r="CI11" s="327">
        <v>134087596</v>
      </c>
      <c r="CJ11" s="327">
        <v>69507063</v>
      </c>
      <c r="CK11" s="328">
        <v>942640099</v>
      </c>
      <c r="CL11" s="330">
        <v>955268656</v>
      </c>
      <c r="CM11" s="326">
        <v>0</v>
      </c>
      <c r="CN11" s="327">
        <v>0</v>
      </c>
      <c r="CO11" s="328">
        <v>0</v>
      </c>
      <c r="CP11" s="332">
        <v>0</v>
      </c>
      <c r="CQ11" s="327">
        <v>215617588</v>
      </c>
      <c r="CR11" s="327">
        <v>233707957</v>
      </c>
      <c r="CS11" s="327">
        <v>156739288</v>
      </c>
      <c r="CT11" s="327">
        <v>105617160</v>
      </c>
      <c r="CU11" s="327">
        <v>55393474</v>
      </c>
      <c r="CV11" s="328">
        <v>767075467</v>
      </c>
      <c r="CW11" s="330">
        <v>767075467</v>
      </c>
      <c r="CX11" s="326">
        <v>2958604</v>
      </c>
      <c r="CY11" s="327">
        <v>9669953</v>
      </c>
      <c r="CZ11" s="328">
        <v>12628557</v>
      </c>
      <c r="DA11" s="326">
        <v>0</v>
      </c>
      <c r="DB11" s="327">
        <v>38038633</v>
      </c>
      <c r="DC11" s="327">
        <v>53793594</v>
      </c>
      <c r="DD11" s="327">
        <v>41148380</v>
      </c>
      <c r="DE11" s="327">
        <v>28470436</v>
      </c>
      <c r="DF11" s="327">
        <v>14113589</v>
      </c>
      <c r="DG11" s="328">
        <v>175564632</v>
      </c>
      <c r="DH11" s="330">
        <v>188193189</v>
      </c>
      <c r="DI11" s="326">
        <v>37844</v>
      </c>
      <c r="DJ11" s="327">
        <v>707639</v>
      </c>
      <c r="DK11" s="331">
        <v>745483</v>
      </c>
      <c r="DL11" s="332">
        <v>0</v>
      </c>
      <c r="DM11" s="327">
        <v>15727116</v>
      </c>
      <c r="DN11" s="327">
        <v>35713855</v>
      </c>
      <c r="DO11" s="327">
        <v>59784052</v>
      </c>
      <c r="DP11" s="327">
        <v>53427208</v>
      </c>
      <c r="DQ11" s="327">
        <v>30455145</v>
      </c>
      <c r="DR11" s="328">
        <v>195107376</v>
      </c>
      <c r="DS11" s="330">
        <v>195852859</v>
      </c>
      <c r="DT11" s="326">
        <v>37844</v>
      </c>
      <c r="DU11" s="327">
        <v>619989</v>
      </c>
      <c r="DV11" s="328">
        <v>657833</v>
      </c>
      <c r="DW11" s="326">
        <v>0</v>
      </c>
      <c r="DX11" s="327">
        <v>14392975</v>
      </c>
      <c r="DY11" s="327">
        <v>30874138</v>
      </c>
      <c r="DZ11" s="327">
        <v>53932564</v>
      </c>
      <c r="EA11" s="327">
        <v>46468159</v>
      </c>
      <c r="EB11" s="327">
        <v>24673850</v>
      </c>
      <c r="EC11" s="328">
        <v>170341686</v>
      </c>
      <c r="ED11" s="330">
        <v>170999519</v>
      </c>
      <c r="EE11" s="326">
        <v>0</v>
      </c>
      <c r="EF11" s="331">
        <v>87650</v>
      </c>
      <c r="EG11" s="328">
        <v>87650</v>
      </c>
      <c r="EH11" s="326">
        <v>0</v>
      </c>
      <c r="EI11" s="327">
        <v>1334141</v>
      </c>
      <c r="EJ11" s="327">
        <v>4839717</v>
      </c>
      <c r="EK11" s="327">
        <v>5851488</v>
      </c>
      <c r="EL11" s="327">
        <v>6959049</v>
      </c>
      <c r="EM11" s="327">
        <v>5781295</v>
      </c>
      <c r="EN11" s="331">
        <v>24765690</v>
      </c>
      <c r="EO11" s="330">
        <v>24853340</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14604550</v>
      </c>
      <c r="FM11" s="327">
        <v>25276732</v>
      </c>
      <c r="FN11" s="328">
        <v>39881282</v>
      </c>
      <c r="FO11" s="326">
        <v>0</v>
      </c>
      <c r="FP11" s="327">
        <v>52426010</v>
      </c>
      <c r="FQ11" s="327">
        <v>95024139</v>
      </c>
      <c r="FR11" s="327">
        <v>67333126</v>
      </c>
      <c r="FS11" s="327">
        <v>62169873</v>
      </c>
      <c r="FT11" s="327">
        <v>47815052</v>
      </c>
      <c r="FU11" s="328">
        <v>324768200</v>
      </c>
      <c r="FV11" s="330">
        <v>364649482</v>
      </c>
      <c r="FW11" s="333">
        <v>9020127</v>
      </c>
      <c r="FX11" s="327">
        <v>20145357</v>
      </c>
      <c r="FY11" s="331">
        <v>29165484</v>
      </c>
      <c r="FZ11" s="332">
        <v>0</v>
      </c>
      <c r="GA11" s="327">
        <v>43080130</v>
      </c>
      <c r="GB11" s="327">
        <v>87869817</v>
      </c>
      <c r="GC11" s="327">
        <v>63177500</v>
      </c>
      <c r="GD11" s="327">
        <v>58202057</v>
      </c>
      <c r="GE11" s="327">
        <v>46062756</v>
      </c>
      <c r="GF11" s="328">
        <v>298392260</v>
      </c>
      <c r="GG11" s="334">
        <v>327557744</v>
      </c>
      <c r="GH11" s="333">
        <v>872001</v>
      </c>
      <c r="GI11" s="327">
        <v>1223360</v>
      </c>
      <c r="GJ11" s="331">
        <v>2095361</v>
      </c>
      <c r="GK11" s="332">
        <v>0</v>
      </c>
      <c r="GL11" s="327">
        <v>3046298</v>
      </c>
      <c r="GM11" s="327">
        <v>2972210</v>
      </c>
      <c r="GN11" s="327">
        <v>1926984</v>
      </c>
      <c r="GO11" s="327">
        <v>2117628</v>
      </c>
      <c r="GP11" s="327">
        <v>739086</v>
      </c>
      <c r="GQ11" s="328">
        <v>10802206</v>
      </c>
      <c r="GR11" s="330">
        <v>12897567</v>
      </c>
      <c r="GS11" s="326">
        <v>4712422</v>
      </c>
      <c r="GT11" s="327">
        <v>3908015</v>
      </c>
      <c r="GU11" s="328">
        <v>8620437</v>
      </c>
      <c r="GV11" s="326">
        <v>0</v>
      </c>
      <c r="GW11" s="327">
        <v>6299582</v>
      </c>
      <c r="GX11" s="327">
        <v>4182112</v>
      </c>
      <c r="GY11" s="327">
        <v>2228642</v>
      </c>
      <c r="GZ11" s="327">
        <v>1850188</v>
      </c>
      <c r="HA11" s="327">
        <v>1013210</v>
      </c>
      <c r="HB11" s="331">
        <v>15573734</v>
      </c>
      <c r="HC11" s="330">
        <v>24194171</v>
      </c>
      <c r="HD11" s="326">
        <v>15587322</v>
      </c>
      <c r="HE11" s="327">
        <v>15415262</v>
      </c>
      <c r="HF11" s="331">
        <v>31002584</v>
      </c>
      <c r="HG11" s="332">
        <v>0</v>
      </c>
      <c r="HH11" s="327">
        <v>171289658</v>
      </c>
      <c r="HI11" s="327">
        <v>165028867</v>
      </c>
      <c r="HJ11" s="327">
        <v>161774863</v>
      </c>
      <c r="HK11" s="327">
        <v>195777616</v>
      </c>
      <c r="HL11" s="327">
        <v>142465865</v>
      </c>
      <c r="HM11" s="328">
        <v>836336869</v>
      </c>
      <c r="HN11" s="329">
        <v>867339453</v>
      </c>
      <c r="HO11" s="333">
        <v>11168037</v>
      </c>
      <c r="HP11" s="327">
        <v>18642520</v>
      </c>
      <c r="HQ11" s="328">
        <v>29810557</v>
      </c>
      <c r="HR11" s="326">
        <v>0</v>
      </c>
      <c r="HS11" s="327">
        <v>148808446</v>
      </c>
      <c r="HT11" s="327">
        <v>126827421</v>
      </c>
      <c r="HU11" s="327">
        <v>81093802</v>
      </c>
      <c r="HV11" s="327">
        <v>59751884</v>
      </c>
      <c r="HW11" s="327">
        <v>38245832</v>
      </c>
      <c r="HX11" s="331">
        <v>454727385</v>
      </c>
      <c r="HY11" s="330">
        <v>484537942</v>
      </c>
      <c r="HZ11" s="335">
        <v>1263228</v>
      </c>
      <c r="IA11" s="336">
        <v>4571678</v>
      </c>
      <c r="IB11" s="337">
        <v>5834906</v>
      </c>
      <c r="IC11" s="338">
        <v>0</v>
      </c>
      <c r="ID11" s="336">
        <v>297495447</v>
      </c>
      <c r="IE11" s="339">
        <v>384439450</v>
      </c>
      <c r="IF11" s="337">
        <v>385808139</v>
      </c>
      <c r="IG11" s="336">
        <v>303772780</v>
      </c>
      <c r="IH11" s="337">
        <v>235957649</v>
      </c>
      <c r="II11" s="340">
        <v>1607473465</v>
      </c>
      <c r="IJ11" s="341">
        <v>1613308371</v>
      </c>
      <c r="IK11" s="342">
        <v>0</v>
      </c>
      <c r="IL11" s="343">
        <v>0</v>
      </c>
      <c r="IM11" s="344">
        <v>0</v>
      </c>
      <c r="IN11" s="404">
        <v>0</v>
      </c>
      <c r="IO11" s="345">
        <v>5373840</v>
      </c>
      <c r="IP11" s="345">
        <v>9807366</v>
      </c>
      <c r="IQ11" s="345">
        <v>12410327</v>
      </c>
      <c r="IR11" s="345">
        <v>30362493</v>
      </c>
      <c r="IS11" s="345">
        <v>32575339</v>
      </c>
      <c r="IT11" s="346">
        <v>90529365</v>
      </c>
      <c r="IU11" s="347">
        <v>90529365</v>
      </c>
      <c r="IV11" s="348">
        <v>0</v>
      </c>
      <c r="IW11" s="345">
        <v>0</v>
      </c>
      <c r="IX11" s="349">
        <v>0</v>
      </c>
      <c r="IY11" s="413">
        <v>0</v>
      </c>
      <c r="IZ11" s="345">
        <v>1330946</v>
      </c>
      <c r="JA11" s="345">
        <v>2067881</v>
      </c>
      <c r="JB11" s="345">
        <v>2471095</v>
      </c>
      <c r="JC11" s="345">
        <v>2259916</v>
      </c>
      <c r="JD11" s="345">
        <v>2922333</v>
      </c>
      <c r="JE11" s="349">
        <v>11052171</v>
      </c>
      <c r="JF11" s="350">
        <v>11052171</v>
      </c>
      <c r="JG11" s="348">
        <v>0</v>
      </c>
      <c r="JH11" s="345">
        <v>0</v>
      </c>
      <c r="JI11" s="346">
        <v>0</v>
      </c>
      <c r="JJ11" s="351">
        <v>0</v>
      </c>
      <c r="JK11" s="345">
        <v>94531860</v>
      </c>
      <c r="JL11" s="345">
        <v>99628145</v>
      </c>
      <c r="JM11" s="345">
        <v>69754221</v>
      </c>
      <c r="JN11" s="345">
        <v>47360380</v>
      </c>
      <c r="JO11" s="345">
        <v>25503526</v>
      </c>
      <c r="JP11" s="349">
        <v>336778132</v>
      </c>
      <c r="JQ11" s="347">
        <v>336778132</v>
      </c>
      <c r="JR11" s="348">
        <v>31089</v>
      </c>
      <c r="JS11" s="345">
        <v>0</v>
      </c>
      <c r="JT11" s="346">
        <v>31089</v>
      </c>
      <c r="JU11" s="351">
        <v>0</v>
      </c>
      <c r="JV11" s="345">
        <v>16317039</v>
      </c>
      <c r="JW11" s="345">
        <v>28968539</v>
      </c>
      <c r="JX11" s="345">
        <v>36139863</v>
      </c>
      <c r="JY11" s="345">
        <v>19645078</v>
      </c>
      <c r="JZ11" s="345">
        <v>16548104</v>
      </c>
      <c r="KA11" s="349">
        <v>117618623</v>
      </c>
      <c r="KB11" s="347">
        <v>117649712</v>
      </c>
      <c r="KC11" s="352">
        <v>1232139</v>
      </c>
      <c r="KD11" s="353">
        <v>3247659</v>
      </c>
      <c r="KE11" s="349">
        <v>4479798</v>
      </c>
      <c r="KF11" s="351">
        <v>0</v>
      </c>
      <c r="KG11" s="345">
        <v>36460294</v>
      </c>
      <c r="KH11" s="345">
        <v>47711570</v>
      </c>
      <c r="KI11" s="345">
        <v>51380065</v>
      </c>
      <c r="KJ11" s="345">
        <v>32664522</v>
      </c>
      <c r="KK11" s="345">
        <v>16690311</v>
      </c>
      <c r="KL11" s="349">
        <v>184906762</v>
      </c>
      <c r="KM11" s="354">
        <v>189386560</v>
      </c>
      <c r="KN11" s="342">
        <v>0</v>
      </c>
      <c r="KO11" s="343">
        <v>1324019</v>
      </c>
      <c r="KP11" s="344">
        <v>1324019</v>
      </c>
      <c r="KQ11" s="413">
        <v>0</v>
      </c>
      <c r="KR11" s="345">
        <v>130397381</v>
      </c>
      <c r="KS11" s="345">
        <v>173252615</v>
      </c>
      <c r="KT11" s="345">
        <v>164417751</v>
      </c>
      <c r="KU11" s="345">
        <v>109763306</v>
      </c>
      <c r="KV11" s="345">
        <v>80981225</v>
      </c>
      <c r="KW11" s="349">
        <v>658812278</v>
      </c>
      <c r="KX11" s="347">
        <v>660136297</v>
      </c>
      <c r="KY11" s="348">
        <v>0</v>
      </c>
      <c r="KZ11" s="345">
        <v>0</v>
      </c>
      <c r="LA11" s="349">
        <v>0</v>
      </c>
      <c r="LB11" s="413">
        <v>0</v>
      </c>
      <c r="LC11" s="345">
        <v>0</v>
      </c>
      <c r="LD11" s="345">
        <v>0</v>
      </c>
      <c r="LE11" s="345">
        <v>0</v>
      </c>
      <c r="LF11" s="345">
        <v>0</v>
      </c>
      <c r="LG11" s="345">
        <v>0</v>
      </c>
      <c r="LH11" s="349">
        <v>0</v>
      </c>
      <c r="LI11" s="350">
        <v>0</v>
      </c>
      <c r="LJ11" s="348">
        <v>0</v>
      </c>
      <c r="LK11" s="345">
        <v>0</v>
      </c>
      <c r="LL11" s="349">
        <v>0</v>
      </c>
      <c r="LM11" s="413">
        <v>0</v>
      </c>
      <c r="LN11" s="345">
        <v>402696</v>
      </c>
      <c r="LO11" s="345">
        <v>2780693</v>
      </c>
      <c r="LP11" s="345">
        <v>19321188</v>
      </c>
      <c r="LQ11" s="345">
        <v>31569071</v>
      </c>
      <c r="LR11" s="345">
        <v>22535529</v>
      </c>
      <c r="LS11" s="349">
        <v>76609177</v>
      </c>
      <c r="LT11" s="347">
        <v>76609177</v>
      </c>
      <c r="LU11" s="348">
        <v>0</v>
      </c>
      <c r="LV11" s="345">
        <v>0</v>
      </c>
      <c r="LW11" s="349">
        <v>0</v>
      </c>
      <c r="LX11" s="413">
        <v>0</v>
      </c>
      <c r="LY11" s="345">
        <v>12681391</v>
      </c>
      <c r="LZ11" s="345">
        <v>20222641</v>
      </c>
      <c r="MA11" s="345">
        <v>29913629</v>
      </c>
      <c r="MB11" s="345">
        <v>30148014</v>
      </c>
      <c r="MC11" s="345">
        <v>38201282</v>
      </c>
      <c r="MD11" s="349">
        <v>131166957</v>
      </c>
      <c r="ME11" s="350">
        <v>131166957</v>
      </c>
      <c r="MF11" s="348">
        <v>0</v>
      </c>
      <c r="MG11" s="345">
        <v>0</v>
      </c>
      <c r="MH11" s="349">
        <v>0</v>
      </c>
      <c r="MI11" s="413">
        <v>0</v>
      </c>
      <c r="MJ11" s="345">
        <v>83756625</v>
      </c>
      <c r="MK11" s="345">
        <v>157489818</v>
      </c>
      <c r="ML11" s="345">
        <v>531271933</v>
      </c>
      <c r="MM11" s="345">
        <v>762107543</v>
      </c>
      <c r="MN11" s="345">
        <v>555895614</v>
      </c>
      <c r="MO11" s="349">
        <v>2090521533</v>
      </c>
      <c r="MP11" s="354">
        <v>2090521533</v>
      </c>
      <c r="MQ11" s="348">
        <v>0</v>
      </c>
      <c r="MR11" s="345">
        <v>0</v>
      </c>
      <c r="MS11" s="349">
        <v>0</v>
      </c>
      <c r="MT11" s="413">
        <v>0</v>
      </c>
      <c r="MU11" s="345">
        <v>20791234</v>
      </c>
      <c r="MV11" s="345">
        <v>54666189</v>
      </c>
      <c r="MW11" s="345">
        <v>351195193</v>
      </c>
      <c r="MX11" s="345">
        <v>532457102</v>
      </c>
      <c r="MY11" s="345">
        <v>404151040</v>
      </c>
      <c r="MZ11" s="349">
        <v>1363260758</v>
      </c>
      <c r="NA11" s="354">
        <v>1363260758</v>
      </c>
      <c r="NB11" s="348">
        <v>0</v>
      </c>
      <c r="NC11" s="345">
        <v>0</v>
      </c>
      <c r="ND11" s="349">
        <v>0</v>
      </c>
      <c r="NE11" s="413">
        <v>0</v>
      </c>
      <c r="NF11" s="345">
        <v>62965391</v>
      </c>
      <c r="NG11" s="345">
        <v>102492818</v>
      </c>
      <c r="NH11" s="345">
        <v>179696894</v>
      </c>
      <c r="NI11" s="345">
        <v>214457281</v>
      </c>
      <c r="NJ11" s="345">
        <v>125011065</v>
      </c>
      <c r="NK11" s="349">
        <v>684623449</v>
      </c>
      <c r="NL11" s="347">
        <v>684623449</v>
      </c>
      <c r="NM11" s="348">
        <v>0</v>
      </c>
      <c r="NN11" s="345">
        <v>0</v>
      </c>
      <c r="NO11" s="349">
        <v>0</v>
      </c>
      <c r="NP11" s="413">
        <v>0</v>
      </c>
      <c r="NQ11" s="345">
        <v>0</v>
      </c>
      <c r="NR11" s="345">
        <v>0</v>
      </c>
      <c r="NS11" s="345">
        <v>0</v>
      </c>
      <c r="NT11" s="345">
        <v>0</v>
      </c>
      <c r="NU11" s="345">
        <v>0</v>
      </c>
      <c r="NV11" s="349">
        <v>0</v>
      </c>
      <c r="NW11" s="350">
        <v>0</v>
      </c>
      <c r="NX11" s="348">
        <v>0</v>
      </c>
      <c r="NY11" s="345">
        <v>0</v>
      </c>
      <c r="NZ11" s="349">
        <v>0</v>
      </c>
      <c r="OA11" s="413">
        <v>0</v>
      </c>
      <c r="OB11" s="345">
        <v>0</v>
      </c>
      <c r="OC11" s="345">
        <v>330811</v>
      </c>
      <c r="OD11" s="345">
        <v>379846</v>
      </c>
      <c r="OE11" s="345">
        <v>15193160</v>
      </c>
      <c r="OF11" s="345">
        <v>26733509</v>
      </c>
      <c r="OG11" s="349">
        <v>42637326</v>
      </c>
      <c r="OH11" s="350">
        <v>42637326</v>
      </c>
      <c r="OI11" s="348">
        <v>64474166</v>
      </c>
      <c r="OJ11" s="345">
        <v>111018290</v>
      </c>
      <c r="OK11" s="346">
        <v>175492456</v>
      </c>
      <c r="OL11" s="351">
        <v>0</v>
      </c>
      <c r="OM11" s="345">
        <v>1339728147</v>
      </c>
      <c r="ON11" s="345">
        <v>1648921593</v>
      </c>
      <c r="OO11" s="345">
        <v>1821380601</v>
      </c>
      <c r="OP11" s="345">
        <v>1954307369</v>
      </c>
      <c r="OQ11" s="345">
        <v>1494979114</v>
      </c>
      <c r="OR11" s="349">
        <v>8259316824</v>
      </c>
      <c r="OS11" s="354">
        <v>8434809280</v>
      </c>
    </row>
    <row r="12" spans="1:409" s="70" customFormat="1" ht="21" customHeight="1" x14ac:dyDescent="0.2">
      <c r="B12" s="410" t="s">
        <v>14</v>
      </c>
      <c r="C12" s="326">
        <v>29695648</v>
      </c>
      <c r="D12" s="327">
        <v>77186734</v>
      </c>
      <c r="E12" s="328">
        <v>106882382</v>
      </c>
      <c r="F12" s="329">
        <v>0</v>
      </c>
      <c r="G12" s="327">
        <v>363680681</v>
      </c>
      <c r="H12" s="327">
        <v>605195357</v>
      </c>
      <c r="I12" s="327">
        <v>549659455</v>
      </c>
      <c r="J12" s="327">
        <v>471533821</v>
      </c>
      <c r="K12" s="327">
        <v>327150020</v>
      </c>
      <c r="L12" s="331">
        <v>2317219334</v>
      </c>
      <c r="M12" s="330">
        <v>2424101716</v>
      </c>
      <c r="N12" s="326">
        <v>6026767</v>
      </c>
      <c r="O12" s="327">
        <v>20670118</v>
      </c>
      <c r="P12" s="328">
        <v>26696885</v>
      </c>
      <c r="Q12" s="326">
        <v>0</v>
      </c>
      <c r="R12" s="327">
        <v>103515342</v>
      </c>
      <c r="S12" s="327">
        <v>195044387</v>
      </c>
      <c r="T12" s="327">
        <v>194850349</v>
      </c>
      <c r="U12" s="327">
        <v>199622324</v>
      </c>
      <c r="V12" s="327">
        <v>171471294</v>
      </c>
      <c r="W12" s="328">
        <v>864503696</v>
      </c>
      <c r="X12" s="330">
        <v>891200581</v>
      </c>
      <c r="Y12" s="326">
        <v>0</v>
      </c>
      <c r="Z12" s="327">
        <v>0</v>
      </c>
      <c r="AA12" s="328">
        <v>0</v>
      </c>
      <c r="AB12" s="326">
        <v>0</v>
      </c>
      <c r="AC12" s="327">
        <v>50583887</v>
      </c>
      <c r="AD12" s="327">
        <v>99415529</v>
      </c>
      <c r="AE12" s="327">
        <v>111672726</v>
      </c>
      <c r="AF12" s="327">
        <v>123262416</v>
      </c>
      <c r="AG12" s="327">
        <v>103376190</v>
      </c>
      <c r="AH12" s="328">
        <v>488310748</v>
      </c>
      <c r="AI12" s="330">
        <v>488310748</v>
      </c>
      <c r="AJ12" s="326">
        <v>0</v>
      </c>
      <c r="AK12" s="327">
        <v>45676</v>
      </c>
      <c r="AL12" s="328">
        <v>45676</v>
      </c>
      <c r="AM12" s="326">
        <v>0</v>
      </c>
      <c r="AN12" s="327">
        <v>42672</v>
      </c>
      <c r="AO12" s="327">
        <v>1364880</v>
      </c>
      <c r="AP12" s="327">
        <v>2957700</v>
      </c>
      <c r="AQ12" s="327">
        <v>9574745</v>
      </c>
      <c r="AR12" s="327">
        <v>15756833</v>
      </c>
      <c r="AS12" s="328">
        <v>29696830</v>
      </c>
      <c r="AT12" s="330">
        <v>29742506</v>
      </c>
      <c r="AU12" s="326">
        <v>2756948</v>
      </c>
      <c r="AV12" s="327">
        <v>14796501</v>
      </c>
      <c r="AW12" s="328">
        <v>17553449</v>
      </c>
      <c r="AX12" s="326">
        <v>0</v>
      </c>
      <c r="AY12" s="327">
        <v>31008519</v>
      </c>
      <c r="AZ12" s="327">
        <v>60108352</v>
      </c>
      <c r="BA12" s="327">
        <v>46258868</v>
      </c>
      <c r="BB12" s="327">
        <v>37913183</v>
      </c>
      <c r="BC12" s="327">
        <v>32150465</v>
      </c>
      <c r="BD12" s="328">
        <v>207439387</v>
      </c>
      <c r="BE12" s="330">
        <v>224992836</v>
      </c>
      <c r="BF12" s="326">
        <v>207063</v>
      </c>
      <c r="BG12" s="327">
        <v>1151662</v>
      </c>
      <c r="BH12" s="331">
        <v>1358725</v>
      </c>
      <c r="BI12" s="332">
        <v>0</v>
      </c>
      <c r="BJ12" s="327">
        <v>647259</v>
      </c>
      <c r="BK12" s="327">
        <v>3112677</v>
      </c>
      <c r="BL12" s="327">
        <v>1795251</v>
      </c>
      <c r="BM12" s="327">
        <v>1706667</v>
      </c>
      <c r="BN12" s="327">
        <v>676063</v>
      </c>
      <c r="BO12" s="328">
        <v>7937917</v>
      </c>
      <c r="BP12" s="330">
        <v>9296642</v>
      </c>
      <c r="BQ12" s="326">
        <v>3062756</v>
      </c>
      <c r="BR12" s="327">
        <v>4676279</v>
      </c>
      <c r="BS12" s="328">
        <v>7739035</v>
      </c>
      <c r="BT12" s="326">
        <v>0</v>
      </c>
      <c r="BU12" s="327">
        <v>21233005</v>
      </c>
      <c r="BV12" s="327">
        <v>31042949</v>
      </c>
      <c r="BW12" s="327">
        <v>32165804</v>
      </c>
      <c r="BX12" s="327">
        <v>27165313</v>
      </c>
      <c r="BY12" s="327">
        <v>19511743</v>
      </c>
      <c r="BZ12" s="328">
        <v>131118814</v>
      </c>
      <c r="CA12" s="330">
        <v>138857849</v>
      </c>
      <c r="CB12" s="326">
        <v>2063101</v>
      </c>
      <c r="CC12" s="327">
        <v>7380266</v>
      </c>
      <c r="CD12" s="328">
        <v>9443367</v>
      </c>
      <c r="CE12" s="326">
        <v>0</v>
      </c>
      <c r="CF12" s="327">
        <v>111059157</v>
      </c>
      <c r="CG12" s="327">
        <v>178365269</v>
      </c>
      <c r="CH12" s="327">
        <v>142228089</v>
      </c>
      <c r="CI12" s="327">
        <v>83164330</v>
      </c>
      <c r="CJ12" s="327">
        <v>44908584</v>
      </c>
      <c r="CK12" s="328">
        <v>559725429</v>
      </c>
      <c r="CL12" s="330">
        <v>569168796</v>
      </c>
      <c r="CM12" s="326">
        <v>0</v>
      </c>
      <c r="CN12" s="327">
        <v>0</v>
      </c>
      <c r="CO12" s="328">
        <v>0</v>
      </c>
      <c r="CP12" s="332">
        <v>0</v>
      </c>
      <c r="CQ12" s="327">
        <v>103910512</v>
      </c>
      <c r="CR12" s="327">
        <v>152026204</v>
      </c>
      <c r="CS12" s="327">
        <v>120901825</v>
      </c>
      <c r="CT12" s="327">
        <v>69850154</v>
      </c>
      <c r="CU12" s="327">
        <v>38859471</v>
      </c>
      <c r="CV12" s="328">
        <v>485548166</v>
      </c>
      <c r="CW12" s="330">
        <v>485548166</v>
      </c>
      <c r="CX12" s="326">
        <v>2063101</v>
      </c>
      <c r="CY12" s="327">
        <v>7380266</v>
      </c>
      <c r="CZ12" s="328">
        <v>9443367</v>
      </c>
      <c r="DA12" s="326">
        <v>0</v>
      </c>
      <c r="DB12" s="327">
        <v>7148645</v>
      </c>
      <c r="DC12" s="327">
        <v>26339065</v>
      </c>
      <c r="DD12" s="327">
        <v>21326264</v>
      </c>
      <c r="DE12" s="327">
        <v>13314176</v>
      </c>
      <c r="DF12" s="327">
        <v>6049113</v>
      </c>
      <c r="DG12" s="328">
        <v>74177263</v>
      </c>
      <c r="DH12" s="330">
        <v>83620630</v>
      </c>
      <c r="DI12" s="326">
        <v>50212</v>
      </c>
      <c r="DJ12" s="327">
        <v>927445</v>
      </c>
      <c r="DK12" s="331">
        <v>977657</v>
      </c>
      <c r="DL12" s="332">
        <v>0</v>
      </c>
      <c r="DM12" s="327">
        <v>5960850</v>
      </c>
      <c r="DN12" s="327">
        <v>21211463</v>
      </c>
      <c r="DO12" s="327">
        <v>48202231</v>
      </c>
      <c r="DP12" s="327">
        <v>44584871</v>
      </c>
      <c r="DQ12" s="327">
        <v>20716230</v>
      </c>
      <c r="DR12" s="328">
        <v>140675645</v>
      </c>
      <c r="DS12" s="330">
        <v>141653302</v>
      </c>
      <c r="DT12" s="326">
        <v>50212</v>
      </c>
      <c r="DU12" s="327">
        <v>909499</v>
      </c>
      <c r="DV12" s="328">
        <v>959711</v>
      </c>
      <c r="DW12" s="326">
        <v>0</v>
      </c>
      <c r="DX12" s="327">
        <v>5842662</v>
      </c>
      <c r="DY12" s="327">
        <v>20860981</v>
      </c>
      <c r="DZ12" s="327">
        <v>47482144</v>
      </c>
      <c r="EA12" s="327">
        <v>44483379</v>
      </c>
      <c r="EB12" s="327">
        <v>20337259</v>
      </c>
      <c r="EC12" s="328">
        <v>139006425</v>
      </c>
      <c r="ED12" s="330">
        <v>139966136</v>
      </c>
      <c r="EE12" s="326">
        <v>0</v>
      </c>
      <c r="EF12" s="331">
        <v>17946</v>
      </c>
      <c r="EG12" s="328">
        <v>17946</v>
      </c>
      <c r="EH12" s="326">
        <v>0</v>
      </c>
      <c r="EI12" s="327">
        <v>118188</v>
      </c>
      <c r="EJ12" s="327">
        <v>350482</v>
      </c>
      <c r="EK12" s="327">
        <v>720087</v>
      </c>
      <c r="EL12" s="327">
        <v>101492</v>
      </c>
      <c r="EM12" s="327">
        <v>378971</v>
      </c>
      <c r="EN12" s="331">
        <v>1669220</v>
      </c>
      <c r="EO12" s="330">
        <v>1687166</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8656503</v>
      </c>
      <c r="FM12" s="327">
        <v>22810563</v>
      </c>
      <c r="FN12" s="328">
        <v>31467066</v>
      </c>
      <c r="FO12" s="326">
        <v>0</v>
      </c>
      <c r="FP12" s="327">
        <v>20496659</v>
      </c>
      <c r="FQ12" s="327">
        <v>60969230</v>
      </c>
      <c r="FR12" s="327">
        <v>43268764</v>
      </c>
      <c r="FS12" s="327">
        <v>37058405</v>
      </c>
      <c r="FT12" s="327">
        <v>24930576</v>
      </c>
      <c r="FU12" s="328">
        <v>186723634</v>
      </c>
      <c r="FV12" s="330">
        <v>218190700</v>
      </c>
      <c r="FW12" s="333">
        <v>5359030</v>
      </c>
      <c r="FX12" s="327">
        <v>18975126</v>
      </c>
      <c r="FY12" s="331">
        <v>24334156</v>
      </c>
      <c r="FZ12" s="332">
        <v>0</v>
      </c>
      <c r="GA12" s="327">
        <v>16966870</v>
      </c>
      <c r="GB12" s="327">
        <v>56935210</v>
      </c>
      <c r="GC12" s="327">
        <v>40883934</v>
      </c>
      <c r="GD12" s="327">
        <v>34677163</v>
      </c>
      <c r="GE12" s="327">
        <v>23873097</v>
      </c>
      <c r="GF12" s="328">
        <v>173336274</v>
      </c>
      <c r="GG12" s="334">
        <v>197670430</v>
      </c>
      <c r="GH12" s="333">
        <v>462224</v>
      </c>
      <c r="GI12" s="327">
        <v>751627</v>
      </c>
      <c r="GJ12" s="331">
        <v>1213851</v>
      </c>
      <c r="GK12" s="332">
        <v>0</v>
      </c>
      <c r="GL12" s="327">
        <v>957444</v>
      </c>
      <c r="GM12" s="327">
        <v>1595573</v>
      </c>
      <c r="GN12" s="327">
        <v>725181</v>
      </c>
      <c r="GO12" s="327">
        <v>770757</v>
      </c>
      <c r="GP12" s="327">
        <v>469329</v>
      </c>
      <c r="GQ12" s="328">
        <v>4518284</v>
      </c>
      <c r="GR12" s="330">
        <v>5732135</v>
      </c>
      <c r="GS12" s="326">
        <v>2835249</v>
      </c>
      <c r="GT12" s="327">
        <v>3083810</v>
      </c>
      <c r="GU12" s="328">
        <v>5919059</v>
      </c>
      <c r="GV12" s="326">
        <v>0</v>
      </c>
      <c r="GW12" s="327">
        <v>2572345</v>
      </c>
      <c r="GX12" s="327">
        <v>2438447</v>
      </c>
      <c r="GY12" s="327">
        <v>1659649</v>
      </c>
      <c r="GZ12" s="327">
        <v>1610485</v>
      </c>
      <c r="HA12" s="327">
        <v>588150</v>
      </c>
      <c r="HB12" s="331">
        <v>8869076</v>
      </c>
      <c r="HC12" s="330">
        <v>14788135</v>
      </c>
      <c r="HD12" s="326">
        <v>7425555</v>
      </c>
      <c r="HE12" s="327">
        <v>11384933</v>
      </c>
      <c r="HF12" s="331">
        <v>18810488</v>
      </c>
      <c r="HG12" s="332">
        <v>0</v>
      </c>
      <c r="HH12" s="327">
        <v>59010046</v>
      </c>
      <c r="HI12" s="327">
        <v>67344373</v>
      </c>
      <c r="HJ12" s="327">
        <v>65261845</v>
      </c>
      <c r="HK12" s="327">
        <v>70960605</v>
      </c>
      <c r="HL12" s="327">
        <v>44995894</v>
      </c>
      <c r="HM12" s="328">
        <v>307572763</v>
      </c>
      <c r="HN12" s="329">
        <v>326383251</v>
      </c>
      <c r="HO12" s="333">
        <v>5473510</v>
      </c>
      <c r="HP12" s="327">
        <v>14013409</v>
      </c>
      <c r="HQ12" s="328">
        <v>19486919</v>
      </c>
      <c r="HR12" s="326">
        <v>0</v>
      </c>
      <c r="HS12" s="327">
        <v>63638627</v>
      </c>
      <c r="HT12" s="327">
        <v>82260635</v>
      </c>
      <c r="HU12" s="327">
        <v>55848177</v>
      </c>
      <c r="HV12" s="327">
        <v>36143286</v>
      </c>
      <c r="HW12" s="327">
        <v>20127442</v>
      </c>
      <c r="HX12" s="331">
        <v>258018167</v>
      </c>
      <c r="HY12" s="330">
        <v>277505086</v>
      </c>
      <c r="HZ12" s="335">
        <v>951721</v>
      </c>
      <c r="IA12" s="336">
        <v>2452991</v>
      </c>
      <c r="IB12" s="337">
        <v>3404712</v>
      </c>
      <c r="IC12" s="355">
        <v>0</v>
      </c>
      <c r="ID12" s="356">
        <v>135068983</v>
      </c>
      <c r="IE12" s="357">
        <v>205576481</v>
      </c>
      <c r="IF12" s="358">
        <v>239606791</v>
      </c>
      <c r="IG12" s="356">
        <v>157833827</v>
      </c>
      <c r="IH12" s="358">
        <v>101020445</v>
      </c>
      <c r="II12" s="359">
        <v>839106527</v>
      </c>
      <c r="IJ12" s="341">
        <v>842511239</v>
      </c>
      <c r="IK12" s="342">
        <v>0</v>
      </c>
      <c r="IL12" s="343">
        <v>0</v>
      </c>
      <c r="IM12" s="344">
        <v>0</v>
      </c>
      <c r="IN12" s="404">
        <v>0</v>
      </c>
      <c r="IO12" s="345">
        <v>2196520</v>
      </c>
      <c r="IP12" s="345">
        <v>7042553</v>
      </c>
      <c r="IQ12" s="345">
        <v>7497061</v>
      </c>
      <c r="IR12" s="345">
        <v>8932048</v>
      </c>
      <c r="IS12" s="345">
        <v>15476114</v>
      </c>
      <c r="IT12" s="346">
        <v>41144296</v>
      </c>
      <c r="IU12" s="347">
        <v>41144296</v>
      </c>
      <c r="IV12" s="348">
        <v>0</v>
      </c>
      <c r="IW12" s="345">
        <v>0</v>
      </c>
      <c r="IX12" s="349">
        <v>0</v>
      </c>
      <c r="IY12" s="413">
        <v>0</v>
      </c>
      <c r="IZ12" s="345">
        <v>0</v>
      </c>
      <c r="JA12" s="345">
        <v>0</v>
      </c>
      <c r="JB12" s="345">
        <v>0</v>
      </c>
      <c r="JC12" s="345">
        <v>0</v>
      </c>
      <c r="JD12" s="345">
        <v>0</v>
      </c>
      <c r="JE12" s="349">
        <v>0</v>
      </c>
      <c r="JF12" s="350">
        <v>0</v>
      </c>
      <c r="JG12" s="348">
        <v>0</v>
      </c>
      <c r="JH12" s="345">
        <v>0</v>
      </c>
      <c r="JI12" s="346">
        <v>0</v>
      </c>
      <c r="JJ12" s="351">
        <v>0</v>
      </c>
      <c r="JK12" s="345">
        <v>53973521</v>
      </c>
      <c r="JL12" s="345">
        <v>75036544</v>
      </c>
      <c r="JM12" s="345">
        <v>56104242</v>
      </c>
      <c r="JN12" s="345">
        <v>34878670</v>
      </c>
      <c r="JO12" s="345">
        <v>16530361</v>
      </c>
      <c r="JP12" s="349">
        <v>236523338</v>
      </c>
      <c r="JQ12" s="347">
        <v>236523338</v>
      </c>
      <c r="JR12" s="348">
        <v>0</v>
      </c>
      <c r="JS12" s="345">
        <v>0</v>
      </c>
      <c r="JT12" s="346">
        <v>0</v>
      </c>
      <c r="JU12" s="351">
        <v>0</v>
      </c>
      <c r="JV12" s="345">
        <v>1400234</v>
      </c>
      <c r="JW12" s="345">
        <v>1651758</v>
      </c>
      <c r="JX12" s="345">
        <v>4439555</v>
      </c>
      <c r="JY12" s="345">
        <v>3298057</v>
      </c>
      <c r="JZ12" s="345">
        <v>3423745</v>
      </c>
      <c r="KA12" s="349">
        <v>14213349</v>
      </c>
      <c r="KB12" s="347">
        <v>14213349</v>
      </c>
      <c r="KC12" s="352">
        <v>951721</v>
      </c>
      <c r="KD12" s="353">
        <v>1944648</v>
      </c>
      <c r="KE12" s="349">
        <v>2896369</v>
      </c>
      <c r="KF12" s="351">
        <v>0</v>
      </c>
      <c r="KG12" s="345">
        <v>15935470</v>
      </c>
      <c r="KH12" s="345">
        <v>30627554</v>
      </c>
      <c r="KI12" s="345">
        <v>33334652</v>
      </c>
      <c r="KJ12" s="345">
        <v>22069625</v>
      </c>
      <c r="KK12" s="345">
        <v>11858133</v>
      </c>
      <c r="KL12" s="349">
        <v>113825434</v>
      </c>
      <c r="KM12" s="354">
        <v>116721803</v>
      </c>
      <c r="KN12" s="342">
        <v>0</v>
      </c>
      <c r="KO12" s="343">
        <v>508343</v>
      </c>
      <c r="KP12" s="344">
        <v>508343</v>
      </c>
      <c r="KQ12" s="413">
        <v>0</v>
      </c>
      <c r="KR12" s="345">
        <v>58465448</v>
      </c>
      <c r="KS12" s="345">
        <v>83214673</v>
      </c>
      <c r="KT12" s="345">
        <v>121212552</v>
      </c>
      <c r="KU12" s="345">
        <v>61110493</v>
      </c>
      <c r="KV12" s="345">
        <v>36380593</v>
      </c>
      <c r="KW12" s="349">
        <v>360383759</v>
      </c>
      <c r="KX12" s="347">
        <v>360892102</v>
      </c>
      <c r="KY12" s="348">
        <v>0</v>
      </c>
      <c r="KZ12" s="345">
        <v>0</v>
      </c>
      <c r="LA12" s="349">
        <v>0</v>
      </c>
      <c r="LB12" s="413">
        <v>0</v>
      </c>
      <c r="LC12" s="345">
        <v>0</v>
      </c>
      <c r="LD12" s="345">
        <v>0</v>
      </c>
      <c r="LE12" s="345">
        <v>0</v>
      </c>
      <c r="LF12" s="345">
        <v>0</v>
      </c>
      <c r="LG12" s="345">
        <v>0</v>
      </c>
      <c r="LH12" s="349">
        <v>0</v>
      </c>
      <c r="LI12" s="350">
        <v>0</v>
      </c>
      <c r="LJ12" s="348">
        <v>0</v>
      </c>
      <c r="LK12" s="345">
        <v>0</v>
      </c>
      <c r="LL12" s="349">
        <v>0</v>
      </c>
      <c r="LM12" s="413">
        <v>0</v>
      </c>
      <c r="LN12" s="345">
        <v>0</v>
      </c>
      <c r="LO12" s="345">
        <v>0</v>
      </c>
      <c r="LP12" s="345">
        <v>3726537</v>
      </c>
      <c r="LQ12" s="345">
        <v>9639369</v>
      </c>
      <c r="LR12" s="345">
        <v>3375496</v>
      </c>
      <c r="LS12" s="349">
        <v>16741402</v>
      </c>
      <c r="LT12" s="347">
        <v>16741402</v>
      </c>
      <c r="LU12" s="348">
        <v>0</v>
      </c>
      <c r="LV12" s="345">
        <v>0</v>
      </c>
      <c r="LW12" s="349">
        <v>0</v>
      </c>
      <c r="LX12" s="413">
        <v>0</v>
      </c>
      <c r="LY12" s="345">
        <v>3097790</v>
      </c>
      <c r="LZ12" s="345">
        <v>8003399</v>
      </c>
      <c r="MA12" s="345">
        <v>13292192</v>
      </c>
      <c r="MB12" s="345">
        <v>17905565</v>
      </c>
      <c r="MC12" s="345">
        <v>13976003</v>
      </c>
      <c r="MD12" s="349">
        <v>56274949</v>
      </c>
      <c r="ME12" s="350">
        <v>56274949</v>
      </c>
      <c r="MF12" s="348">
        <v>0</v>
      </c>
      <c r="MG12" s="345">
        <v>0</v>
      </c>
      <c r="MH12" s="349">
        <v>0</v>
      </c>
      <c r="MI12" s="413">
        <v>0</v>
      </c>
      <c r="MJ12" s="345">
        <v>20140183</v>
      </c>
      <c r="MK12" s="345">
        <v>66761305</v>
      </c>
      <c r="ML12" s="345">
        <v>341492354</v>
      </c>
      <c r="MM12" s="345">
        <v>553136506</v>
      </c>
      <c r="MN12" s="345">
        <v>343087639</v>
      </c>
      <c r="MO12" s="349">
        <v>1324617987</v>
      </c>
      <c r="MP12" s="354">
        <v>1324617987</v>
      </c>
      <c r="MQ12" s="348">
        <v>0</v>
      </c>
      <c r="MR12" s="345">
        <v>0</v>
      </c>
      <c r="MS12" s="349">
        <v>0</v>
      </c>
      <c r="MT12" s="413">
        <v>0</v>
      </c>
      <c r="MU12" s="345">
        <v>1971719</v>
      </c>
      <c r="MV12" s="345">
        <v>9433593</v>
      </c>
      <c r="MW12" s="345">
        <v>238037770</v>
      </c>
      <c r="MX12" s="345">
        <v>375645506</v>
      </c>
      <c r="MY12" s="345">
        <v>243442449</v>
      </c>
      <c r="MZ12" s="349">
        <v>868531037</v>
      </c>
      <c r="NA12" s="354">
        <v>868531037</v>
      </c>
      <c r="NB12" s="348">
        <v>0</v>
      </c>
      <c r="NC12" s="345">
        <v>0</v>
      </c>
      <c r="ND12" s="349">
        <v>0</v>
      </c>
      <c r="NE12" s="413">
        <v>0</v>
      </c>
      <c r="NF12" s="345">
        <v>17926911</v>
      </c>
      <c r="NG12" s="345">
        <v>57327712</v>
      </c>
      <c r="NH12" s="345">
        <v>99332773</v>
      </c>
      <c r="NI12" s="345">
        <v>137615807</v>
      </c>
      <c r="NJ12" s="345">
        <v>59023409</v>
      </c>
      <c r="NK12" s="349">
        <v>371226612</v>
      </c>
      <c r="NL12" s="347">
        <v>371226612</v>
      </c>
      <c r="NM12" s="348">
        <v>0</v>
      </c>
      <c r="NN12" s="345">
        <v>0</v>
      </c>
      <c r="NO12" s="349">
        <v>0</v>
      </c>
      <c r="NP12" s="413">
        <v>0</v>
      </c>
      <c r="NQ12" s="345">
        <v>0</v>
      </c>
      <c r="NR12" s="345">
        <v>0</v>
      </c>
      <c r="NS12" s="345">
        <v>0</v>
      </c>
      <c r="NT12" s="345">
        <v>0</v>
      </c>
      <c r="NU12" s="345">
        <v>0</v>
      </c>
      <c r="NV12" s="349">
        <v>0</v>
      </c>
      <c r="NW12" s="350">
        <v>0</v>
      </c>
      <c r="NX12" s="348">
        <v>0</v>
      </c>
      <c r="NY12" s="345">
        <v>0</v>
      </c>
      <c r="NZ12" s="349">
        <v>0</v>
      </c>
      <c r="OA12" s="413">
        <v>0</v>
      </c>
      <c r="OB12" s="345">
        <v>241553</v>
      </c>
      <c r="OC12" s="345">
        <v>0</v>
      </c>
      <c r="OD12" s="345">
        <v>4121811</v>
      </c>
      <c r="OE12" s="345">
        <v>39875193</v>
      </c>
      <c r="OF12" s="345">
        <v>40621781</v>
      </c>
      <c r="OG12" s="349">
        <v>84860338</v>
      </c>
      <c r="OH12" s="350">
        <v>84860338</v>
      </c>
      <c r="OI12" s="348">
        <v>30647369</v>
      </c>
      <c r="OJ12" s="345">
        <v>79639725</v>
      </c>
      <c r="OK12" s="346">
        <v>110287094</v>
      </c>
      <c r="OL12" s="351">
        <v>0</v>
      </c>
      <c r="OM12" s="345">
        <v>518889847</v>
      </c>
      <c r="ON12" s="345">
        <v>877533143</v>
      </c>
      <c r="OO12" s="345">
        <v>1130758600</v>
      </c>
      <c r="OP12" s="345">
        <v>1182504154</v>
      </c>
      <c r="OQ12" s="345">
        <v>771258104</v>
      </c>
      <c r="OR12" s="349">
        <v>4480943848</v>
      </c>
      <c r="OS12" s="354">
        <v>4591230942</v>
      </c>
    </row>
    <row r="13" spans="1:409" s="70" customFormat="1" ht="21" customHeight="1" x14ac:dyDescent="0.2">
      <c r="B13" s="410" t="s">
        <v>7</v>
      </c>
      <c r="C13" s="326">
        <v>16314640</v>
      </c>
      <c r="D13" s="327">
        <v>21825315</v>
      </c>
      <c r="E13" s="328">
        <v>38139955</v>
      </c>
      <c r="F13" s="329">
        <v>0</v>
      </c>
      <c r="G13" s="327">
        <v>397499312</v>
      </c>
      <c r="H13" s="327">
        <v>348464998</v>
      </c>
      <c r="I13" s="327">
        <v>288027876</v>
      </c>
      <c r="J13" s="327">
        <v>303320356</v>
      </c>
      <c r="K13" s="327">
        <v>215189670</v>
      </c>
      <c r="L13" s="329">
        <v>1552502212</v>
      </c>
      <c r="M13" s="330">
        <v>1590642167</v>
      </c>
      <c r="N13" s="326">
        <v>2744556</v>
      </c>
      <c r="O13" s="327">
        <v>2970716</v>
      </c>
      <c r="P13" s="328">
        <v>5715272</v>
      </c>
      <c r="Q13" s="326">
        <v>0</v>
      </c>
      <c r="R13" s="327">
        <v>99722944</v>
      </c>
      <c r="S13" s="327">
        <v>100953974</v>
      </c>
      <c r="T13" s="327">
        <v>94453357</v>
      </c>
      <c r="U13" s="327">
        <v>128915553</v>
      </c>
      <c r="V13" s="327">
        <v>113516161</v>
      </c>
      <c r="W13" s="328">
        <v>537561989</v>
      </c>
      <c r="X13" s="330">
        <v>543277261</v>
      </c>
      <c r="Y13" s="326">
        <v>0</v>
      </c>
      <c r="Z13" s="327">
        <v>0</v>
      </c>
      <c r="AA13" s="328">
        <v>0</v>
      </c>
      <c r="AB13" s="326">
        <v>0</v>
      </c>
      <c r="AC13" s="327">
        <v>51830868</v>
      </c>
      <c r="AD13" s="327">
        <v>55393565</v>
      </c>
      <c r="AE13" s="327">
        <v>60307636</v>
      </c>
      <c r="AF13" s="327">
        <v>83142011</v>
      </c>
      <c r="AG13" s="327">
        <v>67702434</v>
      </c>
      <c r="AH13" s="328">
        <v>318376514</v>
      </c>
      <c r="AI13" s="330">
        <v>318376514</v>
      </c>
      <c r="AJ13" s="326">
        <v>0</v>
      </c>
      <c r="AK13" s="327">
        <v>0</v>
      </c>
      <c r="AL13" s="328">
        <v>0</v>
      </c>
      <c r="AM13" s="326">
        <v>0</v>
      </c>
      <c r="AN13" s="327">
        <v>530748</v>
      </c>
      <c r="AO13" s="327">
        <v>1922560</v>
      </c>
      <c r="AP13" s="327">
        <v>2774180</v>
      </c>
      <c r="AQ13" s="327">
        <v>10447732</v>
      </c>
      <c r="AR13" s="327">
        <v>14408407</v>
      </c>
      <c r="AS13" s="328">
        <v>30083627</v>
      </c>
      <c r="AT13" s="330">
        <v>30083627</v>
      </c>
      <c r="AU13" s="326">
        <v>500549</v>
      </c>
      <c r="AV13" s="327">
        <v>1239753</v>
      </c>
      <c r="AW13" s="328">
        <v>1740302</v>
      </c>
      <c r="AX13" s="326">
        <v>0</v>
      </c>
      <c r="AY13" s="327">
        <v>26370320</v>
      </c>
      <c r="AZ13" s="327">
        <v>24986147</v>
      </c>
      <c r="BA13" s="327">
        <v>15352387</v>
      </c>
      <c r="BB13" s="327">
        <v>17949750</v>
      </c>
      <c r="BC13" s="327">
        <v>20122511</v>
      </c>
      <c r="BD13" s="328">
        <v>104781115</v>
      </c>
      <c r="BE13" s="330">
        <v>106521417</v>
      </c>
      <c r="BF13" s="326">
        <v>64811</v>
      </c>
      <c r="BG13" s="327">
        <v>416449</v>
      </c>
      <c r="BH13" s="331">
        <v>481260</v>
      </c>
      <c r="BI13" s="332">
        <v>0</v>
      </c>
      <c r="BJ13" s="327">
        <v>2521393</v>
      </c>
      <c r="BK13" s="327">
        <v>2865703</v>
      </c>
      <c r="BL13" s="327">
        <v>1827593</v>
      </c>
      <c r="BM13" s="327">
        <v>1513164</v>
      </c>
      <c r="BN13" s="327">
        <v>896696</v>
      </c>
      <c r="BO13" s="328">
        <v>9624549</v>
      </c>
      <c r="BP13" s="330">
        <v>10105809</v>
      </c>
      <c r="BQ13" s="326">
        <v>2179196</v>
      </c>
      <c r="BR13" s="327">
        <v>1314514</v>
      </c>
      <c r="BS13" s="328">
        <v>3493710</v>
      </c>
      <c r="BT13" s="326">
        <v>0</v>
      </c>
      <c r="BU13" s="327">
        <v>18469615</v>
      </c>
      <c r="BV13" s="327">
        <v>15785999</v>
      </c>
      <c r="BW13" s="327">
        <v>14191561</v>
      </c>
      <c r="BX13" s="327">
        <v>15862896</v>
      </c>
      <c r="BY13" s="327">
        <v>10386113</v>
      </c>
      <c r="BZ13" s="328">
        <v>74696184</v>
      </c>
      <c r="CA13" s="330">
        <v>78189894</v>
      </c>
      <c r="CB13" s="326">
        <v>1404866</v>
      </c>
      <c r="CC13" s="327">
        <v>3111735</v>
      </c>
      <c r="CD13" s="328">
        <v>4516601</v>
      </c>
      <c r="CE13" s="326">
        <v>0</v>
      </c>
      <c r="CF13" s="327">
        <v>111476184</v>
      </c>
      <c r="CG13" s="327">
        <v>89071969</v>
      </c>
      <c r="CH13" s="327">
        <v>59116921</v>
      </c>
      <c r="CI13" s="327">
        <v>36899660</v>
      </c>
      <c r="CJ13" s="327">
        <v>19359617</v>
      </c>
      <c r="CK13" s="328">
        <v>315924351</v>
      </c>
      <c r="CL13" s="330">
        <v>320440952</v>
      </c>
      <c r="CM13" s="326">
        <v>0</v>
      </c>
      <c r="CN13" s="327">
        <v>0</v>
      </c>
      <c r="CO13" s="328">
        <v>0</v>
      </c>
      <c r="CP13" s="332">
        <v>0</v>
      </c>
      <c r="CQ13" s="327">
        <v>94044279</v>
      </c>
      <c r="CR13" s="327">
        <v>73354814</v>
      </c>
      <c r="CS13" s="327">
        <v>47996010</v>
      </c>
      <c r="CT13" s="327">
        <v>27797506</v>
      </c>
      <c r="CU13" s="327">
        <v>15916209</v>
      </c>
      <c r="CV13" s="328">
        <v>259108818</v>
      </c>
      <c r="CW13" s="330">
        <v>259108818</v>
      </c>
      <c r="CX13" s="326">
        <v>1404866</v>
      </c>
      <c r="CY13" s="327">
        <v>3111735</v>
      </c>
      <c r="CZ13" s="328">
        <v>4516601</v>
      </c>
      <c r="DA13" s="326">
        <v>0</v>
      </c>
      <c r="DB13" s="327">
        <v>17431905</v>
      </c>
      <c r="DC13" s="327">
        <v>15717155</v>
      </c>
      <c r="DD13" s="327">
        <v>11120911</v>
      </c>
      <c r="DE13" s="327">
        <v>9102154</v>
      </c>
      <c r="DF13" s="327">
        <v>3443408</v>
      </c>
      <c r="DG13" s="328">
        <v>56815533</v>
      </c>
      <c r="DH13" s="330">
        <v>61332134</v>
      </c>
      <c r="DI13" s="326">
        <v>70522</v>
      </c>
      <c r="DJ13" s="327">
        <v>416765</v>
      </c>
      <c r="DK13" s="331">
        <v>487287</v>
      </c>
      <c r="DL13" s="332">
        <v>0</v>
      </c>
      <c r="DM13" s="327">
        <v>17515948</v>
      </c>
      <c r="DN13" s="327">
        <v>19781390</v>
      </c>
      <c r="DO13" s="327">
        <v>27830297</v>
      </c>
      <c r="DP13" s="327">
        <v>23149544</v>
      </c>
      <c r="DQ13" s="327">
        <v>14068823</v>
      </c>
      <c r="DR13" s="328">
        <v>102346002</v>
      </c>
      <c r="DS13" s="330">
        <v>102833289</v>
      </c>
      <c r="DT13" s="326">
        <v>70522</v>
      </c>
      <c r="DU13" s="327">
        <v>305032</v>
      </c>
      <c r="DV13" s="328">
        <v>375554</v>
      </c>
      <c r="DW13" s="326">
        <v>0</v>
      </c>
      <c r="DX13" s="327">
        <v>16437492</v>
      </c>
      <c r="DY13" s="327">
        <v>18146498</v>
      </c>
      <c r="DZ13" s="327">
        <v>27021667</v>
      </c>
      <c r="EA13" s="327">
        <v>21607249</v>
      </c>
      <c r="EB13" s="327">
        <v>13418902</v>
      </c>
      <c r="EC13" s="328">
        <v>96631808</v>
      </c>
      <c r="ED13" s="330">
        <v>97007362</v>
      </c>
      <c r="EE13" s="326">
        <v>0</v>
      </c>
      <c r="EF13" s="331">
        <v>111733</v>
      </c>
      <c r="EG13" s="328">
        <v>111733</v>
      </c>
      <c r="EH13" s="326">
        <v>0</v>
      </c>
      <c r="EI13" s="327">
        <v>1078456</v>
      </c>
      <c r="EJ13" s="327">
        <v>1634892</v>
      </c>
      <c r="EK13" s="327">
        <v>808630</v>
      </c>
      <c r="EL13" s="327">
        <v>1542295</v>
      </c>
      <c r="EM13" s="327">
        <v>649921</v>
      </c>
      <c r="EN13" s="331">
        <v>5714194</v>
      </c>
      <c r="EO13" s="330">
        <v>5825927</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3427462</v>
      </c>
      <c r="FM13" s="327">
        <v>5810558</v>
      </c>
      <c r="FN13" s="328">
        <v>9238020</v>
      </c>
      <c r="FO13" s="326">
        <v>0</v>
      </c>
      <c r="FP13" s="327">
        <v>18676471</v>
      </c>
      <c r="FQ13" s="327">
        <v>31580285</v>
      </c>
      <c r="FR13" s="327">
        <v>20475190</v>
      </c>
      <c r="FS13" s="327">
        <v>19643612</v>
      </c>
      <c r="FT13" s="327">
        <v>13956793</v>
      </c>
      <c r="FU13" s="328">
        <v>104332351</v>
      </c>
      <c r="FV13" s="330">
        <v>113570371</v>
      </c>
      <c r="FW13" s="333">
        <v>1995470</v>
      </c>
      <c r="FX13" s="327">
        <v>4151489</v>
      </c>
      <c r="FY13" s="331">
        <v>6146959</v>
      </c>
      <c r="FZ13" s="332">
        <v>0</v>
      </c>
      <c r="GA13" s="327">
        <v>13874663</v>
      </c>
      <c r="GB13" s="327">
        <v>28676122</v>
      </c>
      <c r="GC13" s="327">
        <v>18537782</v>
      </c>
      <c r="GD13" s="327">
        <v>18574580</v>
      </c>
      <c r="GE13" s="327">
        <v>13575345</v>
      </c>
      <c r="GF13" s="328">
        <v>93238492</v>
      </c>
      <c r="GG13" s="334">
        <v>99385451</v>
      </c>
      <c r="GH13" s="333">
        <v>201094</v>
      </c>
      <c r="GI13" s="327">
        <v>376269</v>
      </c>
      <c r="GJ13" s="331">
        <v>577363</v>
      </c>
      <c r="GK13" s="332">
        <v>0</v>
      </c>
      <c r="GL13" s="327">
        <v>1227854</v>
      </c>
      <c r="GM13" s="327">
        <v>1047383</v>
      </c>
      <c r="GN13" s="327">
        <v>471318</v>
      </c>
      <c r="GO13" s="327">
        <v>369522</v>
      </c>
      <c r="GP13" s="327">
        <v>66448</v>
      </c>
      <c r="GQ13" s="328">
        <v>3182525</v>
      </c>
      <c r="GR13" s="330">
        <v>3759888</v>
      </c>
      <c r="GS13" s="326">
        <v>1230898</v>
      </c>
      <c r="GT13" s="327">
        <v>1282800</v>
      </c>
      <c r="GU13" s="328">
        <v>2513698</v>
      </c>
      <c r="GV13" s="326">
        <v>0</v>
      </c>
      <c r="GW13" s="327">
        <v>3573954</v>
      </c>
      <c r="GX13" s="327">
        <v>1856780</v>
      </c>
      <c r="GY13" s="327">
        <v>1466090</v>
      </c>
      <c r="GZ13" s="327">
        <v>699510</v>
      </c>
      <c r="HA13" s="327">
        <v>315000</v>
      </c>
      <c r="HB13" s="331">
        <v>7911334</v>
      </c>
      <c r="HC13" s="330">
        <v>10425032</v>
      </c>
      <c r="HD13" s="326">
        <v>6015087</v>
      </c>
      <c r="HE13" s="327">
        <v>5002835</v>
      </c>
      <c r="HF13" s="331">
        <v>11017922</v>
      </c>
      <c r="HG13" s="332">
        <v>0</v>
      </c>
      <c r="HH13" s="327">
        <v>77931214</v>
      </c>
      <c r="HI13" s="327">
        <v>60928943</v>
      </c>
      <c r="HJ13" s="327">
        <v>58193004</v>
      </c>
      <c r="HK13" s="327">
        <v>73582753</v>
      </c>
      <c r="HL13" s="327">
        <v>41017055</v>
      </c>
      <c r="HM13" s="328">
        <v>311652969</v>
      </c>
      <c r="HN13" s="329">
        <v>322670891</v>
      </c>
      <c r="HO13" s="333">
        <v>2652147</v>
      </c>
      <c r="HP13" s="327">
        <v>4512706</v>
      </c>
      <c r="HQ13" s="328">
        <v>7164853</v>
      </c>
      <c r="HR13" s="326">
        <v>0</v>
      </c>
      <c r="HS13" s="327">
        <v>72176551</v>
      </c>
      <c r="HT13" s="327">
        <v>46148437</v>
      </c>
      <c r="HU13" s="327">
        <v>27959107</v>
      </c>
      <c r="HV13" s="327">
        <v>21129234</v>
      </c>
      <c r="HW13" s="327">
        <v>13271221</v>
      </c>
      <c r="HX13" s="331">
        <v>180684550</v>
      </c>
      <c r="HY13" s="330">
        <v>187849403</v>
      </c>
      <c r="HZ13" s="335">
        <v>184382</v>
      </c>
      <c r="IA13" s="336">
        <v>460623</v>
      </c>
      <c r="IB13" s="337">
        <v>645005</v>
      </c>
      <c r="IC13" s="338">
        <v>0</v>
      </c>
      <c r="ID13" s="336">
        <v>112396619</v>
      </c>
      <c r="IE13" s="339">
        <v>111963860</v>
      </c>
      <c r="IF13" s="337">
        <v>99680369</v>
      </c>
      <c r="IG13" s="336">
        <v>72243796</v>
      </c>
      <c r="IH13" s="337">
        <v>40069411</v>
      </c>
      <c r="II13" s="340">
        <v>436354055</v>
      </c>
      <c r="IJ13" s="341">
        <v>436999060</v>
      </c>
      <c r="IK13" s="342">
        <v>0</v>
      </c>
      <c r="IL13" s="343">
        <v>0</v>
      </c>
      <c r="IM13" s="344">
        <v>0</v>
      </c>
      <c r="IN13" s="404">
        <v>0</v>
      </c>
      <c r="IO13" s="345">
        <v>599777</v>
      </c>
      <c r="IP13" s="345">
        <v>1770192</v>
      </c>
      <c r="IQ13" s="345">
        <v>1085780</v>
      </c>
      <c r="IR13" s="345">
        <v>2248455</v>
      </c>
      <c r="IS13" s="345">
        <v>1809584</v>
      </c>
      <c r="IT13" s="346">
        <v>7513788</v>
      </c>
      <c r="IU13" s="347">
        <v>7513788</v>
      </c>
      <c r="IV13" s="348">
        <v>0</v>
      </c>
      <c r="IW13" s="345">
        <v>0</v>
      </c>
      <c r="IX13" s="349">
        <v>0</v>
      </c>
      <c r="IY13" s="413">
        <v>0</v>
      </c>
      <c r="IZ13" s="345">
        <v>0</v>
      </c>
      <c r="JA13" s="345">
        <v>0</v>
      </c>
      <c r="JB13" s="345">
        <v>0</v>
      </c>
      <c r="JC13" s="345">
        <v>0</v>
      </c>
      <c r="JD13" s="345">
        <v>0</v>
      </c>
      <c r="JE13" s="349">
        <v>0</v>
      </c>
      <c r="JF13" s="350">
        <v>0</v>
      </c>
      <c r="JG13" s="348">
        <v>0</v>
      </c>
      <c r="JH13" s="345">
        <v>0</v>
      </c>
      <c r="JI13" s="346">
        <v>0</v>
      </c>
      <c r="JJ13" s="351">
        <v>0</v>
      </c>
      <c r="JK13" s="345">
        <v>56881672</v>
      </c>
      <c r="JL13" s="345">
        <v>45055299</v>
      </c>
      <c r="JM13" s="345">
        <v>25501331</v>
      </c>
      <c r="JN13" s="345">
        <v>11833744</v>
      </c>
      <c r="JO13" s="345">
        <v>6277119</v>
      </c>
      <c r="JP13" s="349">
        <v>145549165</v>
      </c>
      <c r="JQ13" s="347">
        <v>145549165</v>
      </c>
      <c r="JR13" s="348">
        <v>58196</v>
      </c>
      <c r="JS13" s="345">
        <v>211383</v>
      </c>
      <c r="JT13" s="346">
        <v>269579</v>
      </c>
      <c r="JU13" s="351">
        <v>0</v>
      </c>
      <c r="JV13" s="345">
        <v>8067367</v>
      </c>
      <c r="JW13" s="345">
        <v>11218307</v>
      </c>
      <c r="JX13" s="345">
        <v>13412850</v>
      </c>
      <c r="JY13" s="345">
        <v>5333782</v>
      </c>
      <c r="JZ13" s="345">
        <v>4179412</v>
      </c>
      <c r="KA13" s="349">
        <v>42211718</v>
      </c>
      <c r="KB13" s="347">
        <v>42481297</v>
      </c>
      <c r="KC13" s="352">
        <v>126186</v>
      </c>
      <c r="KD13" s="353">
        <v>249240</v>
      </c>
      <c r="KE13" s="349">
        <v>375426</v>
      </c>
      <c r="KF13" s="351">
        <v>0</v>
      </c>
      <c r="KG13" s="345">
        <v>6419262</v>
      </c>
      <c r="KH13" s="345">
        <v>7045682</v>
      </c>
      <c r="KI13" s="345">
        <v>7563227</v>
      </c>
      <c r="KJ13" s="345">
        <v>9800969</v>
      </c>
      <c r="KK13" s="345">
        <v>1954552</v>
      </c>
      <c r="KL13" s="349">
        <v>32783692</v>
      </c>
      <c r="KM13" s="354">
        <v>33159118</v>
      </c>
      <c r="KN13" s="342">
        <v>0</v>
      </c>
      <c r="KO13" s="343">
        <v>0</v>
      </c>
      <c r="KP13" s="344">
        <v>0</v>
      </c>
      <c r="KQ13" s="413">
        <v>0</v>
      </c>
      <c r="KR13" s="345">
        <v>37807519</v>
      </c>
      <c r="KS13" s="345">
        <v>44865521</v>
      </c>
      <c r="KT13" s="345">
        <v>47388075</v>
      </c>
      <c r="KU13" s="345">
        <v>36662706</v>
      </c>
      <c r="KV13" s="345">
        <v>19741285</v>
      </c>
      <c r="KW13" s="349">
        <v>186465106</v>
      </c>
      <c r="KX13" s="347">
        <v>186465106</v>
      </c>
      <c r="KY13" s="348">
        <v>0</v>
      </c>
      <c r="KZ13" s="345">
        <v>0</v>
      </c>
      <c r="LA13" s="349">
        <v>0</v>
      </c>
      <c r="LB13" s="413">
        <v>0</v>
      </c>
      <c r="LC13" s="345">
        <v>0</v>
      </c>
      <c r="LD13" s="345">
        <v>0</v>
      </c>
      <c r="LE13" s="345">
        <v>0</v>
      </c>
      <c r="LF13" s="345">
        <v>0</v>
      </c>
      <c r="LG13" s="345">
        <v>0</v>
      </c>
      <c r="LH13" s="349">
        <v>0</v>
      </c>
      <c r="LI13" s="350">
        <v>0</v>
      </c>
      <c r="LJ13" s="348">
        <v>0</v>
      </c>
      <c r="LK13" s="345">
        <v>0</v>
      </c>
      <c r="LL13" s="349">
        <v>0</v>
      </c>
      <c r="LM13" s="413">
        <v>0</v>
      </c>
      <c r="LN13" s="345">
        <v>0</v>
      </c>
      <c r="LO13" s="345">
        <v>0</v>
      </c>
      <c r="LP13" s="345">
        <v>0</v>
      </c>
      <c r="LQ13" s="345">
        <v>0</v>
      </c>
      <c r="LR13" s="345">
        <v>0</v>
      </c>
      <c r="LS13" s="349">
        <v>0</v>
      </c>
      <c r="LT13" s="347">
        <v>0</v>
      </c>
      <c r="LU13" s="348">
        <v>0</v>
      </c>
      <c r="LV13" s="345">
        <v>0</v>
      </c>
      <c r="LW13" s="349">
        <v>0</v>
      </c>
      <c r="LX13" s="413">
        <v>0</v>
      </c>
      <c r="LY13" s="345">
        <v>2621022</v>
      </c>
      <c r="LZ13" s="345">
        <v>2008859</v>
      </c>
      <c r="MA13" s="345">
        <v>4729106</v>
      </c>
      <c r="MB13" s="345">
        <v>6364140</v>
      </c>
      <c r="MC13" s="345">
        <v>6107459</v>
      </c>
      <c r="MD13" s="349">
        <v>21830586</v>
      </c>
      <c r="ME13" s="350">
        <v>21830586</v>
      </c>
      <c r="MF13" s="348">
        <v>0</v>
      </c>
      <c r="MG13" s="345">
        <v>0</v>
      </c>
      <c r="MH13" s="349">
        <v>0</v>
      </c>
      <c r="MI13" s="413">
        <v>0</v>
      </c>
      <c r="MJ13" s="345">
        <v>54894256</v>
      </c>
      <c r="MK13" s="345">
        <v>68263798</v>
      </c>
      <c r="ML13" s="345">
        <v>260622376</v>
      </c>
      <c r="MM13" s="345">
        <v>378517809</v>
      </c>
      <c r="MN13" s="345">
        <v>211246683</v>
      </c>
      <c r="MO13" s="349">
        <v>973544922</v>
      </c>
      <c r="MP13" s="354">
        <v>973544922</v>
      </c>
      <c r="MQ13" s="348">
        <v>0</v>
      </c>
      <c r="MR13" s="345">
        <v>0</v>
      </c>
      <c r="MS13" s="349">
        <v>0</v>
      </c>
      <c r="MT13" s="413">
        <v>0</v>
      </c>
      <c r="MU13" s="345">
        <v>6357342</v>
      </c>
      <c r="MV13" s="345">
        <v>11079193</v>
      </c>
      <c r="MW13" s="345">
        <v>173134704</v>
      </c>
      <c r="MX13" s="345">
        <v>276964542</v>
      </c>
      <c r="MY13" s="345">
        <v>172488030</v>
      </c>
      <c r="MZ13" s="349">
        <v>640023811</v>
      </c>
      <c r="NA13" s="354">
        <v>640023811</v>
      </c>
      <c r="NB13" s="348">
        <v>0</v>
      </c>
      <c r="NC13" s="345">
        <v>0</v>
      </c>
      <c r="ND13" s="349">
        <v>0</v>
      </c>
      <c r="NE13" s="413">
        <v>0</v>
      </c>
      <c r="NF13" s="345">
        <v>48536914</v>
      </c>
      <c r="NG13" s="345">
        <v>57184605</v>
      </c>
      <c r="NH13" s="345">
        <v>86983019</v>
      </c>
      <c r="NI13" s="345">
        <v>100490301</v>
      </c>
      <c r="NJ13" s="345">
        <v>37553033</v>
      </c>
      <c r="NK13" s="349">
        <v>330747872</v>
      </c>
      <c r="NL13" s="347">
        <v>330747872</v>
      </c>
      <c r="NM13" s="348">
        <v>0</v>
      </c>
      <c r="NN13" s="345">
        <v>0</v>
      </c>
      <c r="NO13" s="349">
        <v>0</v>
      </c>
      <c r="NP13" s="413">
        <v>0</v>
      </c>
      <c r="NQ13" s="345">
        <v>0</v>
      </c>
      <c r="NR13" s="345">
        <v>0</v>
      </c>
      <c r="NS13" s="345">
        <v>0</v>
      </c>
      <c r="NT13" s="345">
        <v>0</v>
      </c>
      <c r="NU13" s="345">
        <v>0</v>
      </c>
      <c r="NV13" s="349">
        <v>0</v>
      </c>
      <c r="NW13" s="350">
        <v>0</v>
      </c>
      <c r="NX13" s="348">
        <v>0</v>
      </c>
      <c r="NY13" s="345">
        <v>0</v>
      </c>
      <c r="NZ13" s="349">
        <v>0</v>
      </c>
      <c r="OA13" s="413">
        <v>0</v>
      </c>
      <c r="OB13" s="345">
        <v>0</v>
      </c>
      <c r="OC13" s="345">
        <v>0</v>
      </c>
      <c r="OD13" s="345">
        <v>504653</v>
      </c>
      <c r="OE13" s="345">
        <v>1062966</v>
      </c>
      <c r="OF13" s="345">
        <v>1205620</v>
      </c>
      <c r="OG13" s="349">
        <v>2773239</v>
      </c>
      <c r="OH13" s="350">
        <v>2773239</v>
      </c>
      <c r="OI13" s="348">
        <v>16499022</v>
      </c>
      <c r="OJ13" s="345">
        <v>22285938</v>
      </c>
      <c r="OK13" s="346">
        <v>38784960</v>
      </c>
      <c r="OL13" s="351">
        <v>0</v>
      </c>
      <c r="OM13" s="345">
        <v>564790187</v>
      </c>
      <c r="ON13" s="345">
        <v>528692656</v>
      </c>
      <c r="OO13" s="345">
        <v>648330621</v>
      </c>
      <c r="OP13" s="345">
        <v>754081961</v>
      </c>
      <c r="OQ13" s="345">
        <v>466505764</v>
      </c>
      <c r="OR13" s="349">
        <v>2962401189</v>
      </c>
      <c r="OS13" s="354">
        <v>3001186149</v>
      </c>
    </row>
    <row r="14" spans="1:409" s="70" customFormat="1" ht="21" customHeight="1" x14ac:dyDescent="0.2">
      <c r="B14" s="410" t="s">
        <v>8</v>
      </c>
      <c r="C14" s="326">
        <v>15184205</v>
      </c>
      <c r="D14" s="327">
        <v>17953159</v>
      </c>
      <c r="E14" s="328">
        <v>33137364</v>
      </c>
      <c r="F14" s="329">
        <v>0</v>
      </c>
      <c r="G14" s="327">
        <v>171419441</v>
      </c>
      <c r="H14" s="327">
        <v>235099329</v>
      </c>
      <c r="I14" s="327">
        <v>206345824</v>
      </c>
      <c r="J14" s="327">
        <v>186049344</v>
      </c>
      <c r="K14" s="327">
        <v>145558028</v>
      </c>
      <c r="L14" s="329">
        <v>944471966</v>
      </c>
      <c r="M14" s="330">
        <v>977609330</v>
      </c>
      <c r="N14" s="326">
        <v>2886968</v>
      </c>
      <c r="O14" s="327">
        <v>4377198</v>
      </c>
      <c r="P14" s="328">
        <v>7264166</v>
      </c>
      <c r="Q14" s="326">
        <v>0</v>
      </c>
      <c r="R14" s="327">
        <v>47284210</v>
      </c>
      <c r="S14" s="327">
        <v>76733584</v>
      </c>
      <c r="T14" s="327">
        <v>68982901</v>
      </c>
      <c r="U14" s="327">
        <v>75462867</v>
      </c>
      <c r="V14" s="327">
        <v>79995158</v>
      </c>
      <c r="W14" s="328">
        <v>348458720</v>
      </c>
      <c r="X14" s="330">
        <v>355722886</v>
      </c>
      <c r="Y14" s="326">
        <v>0</v>
      </c>
      <c r="Z14" s="327">
        <v>0</v>
      </c>
      <c r="AA14" s="328">
        <v>0</v>
      </c>
      <c r="AB14" s="326">
        <v>0</v>
      </c>
      <c r="AC14" s="327">
        <v>22498885</v>
      </c>
      <c r="AD14" s="327">
        <v>41730578</v>
      </c>
      <c r="AE14" s="327">
        <v>43477172</v>
      </c>
      <c r="AF14" s="327">
        <v>49043402</v>
      </c>
      <c r="AG14" s="327">
        <v>52851320</v>
      </c>
      <c r="AH14" s="328">
        <v>209601357</v>
      </c>
      <c r="AI14" s="330">
        <v>209601357</v>
      </c>
      <c r="AJ14" s="326">
        <v>0</v>
      </c>
      <c r="AK14" s="327">
        <v>0</v>
      </c>
      <c r="AL14" s="328">
        <v>0</v>
      </c>
      <c r="AM14" s="326">
        <v>0</v>
      </c>
      <c r="AN14" s="327">
        <v>321132</v>
      </c>
      <c r="AO14" s="327">
        <v>855077</v>
      </c>
      <c r="AP14" s="327">
        <v>1425185</v>
      </c>
      <c r="AQ14" s="327">
        <v>2160900</v>
      </c>
      <c r="AR14" s="327">
        <v>4780607</v>
      </c>
      <c r="AS14" s="328">
        <v>9542901</v>
      </c>
      <c r="AT14" s="330">
        <v>9542901</v>
      </c>
      <c r="AU14" s="326">
        <v>1316645</v>
      </c>
      <c r="AV14" s="327">
        <v>2913812</v>
      </c>
      <c r="AW14" s="328">
        <v>4230457</v>
      </c>
      <c r="AX14" s="326">
        <v>0</v>
      </c>
      <c r="AY14" s="327">
        <v>13970285</v>
      </c>
      <c r="AZ14" s="327">
        <v>21024875</v>
      </c>
      <c r="BA14" s="327">
        <v>13997269</v>
      </c>
      <c r="BB14" s="327">
        <v>14145067</v>
      </c>
      <c r="BC14" s="327">
        <v>14966994</v>
      </c>
      <c r="BD14" s="328">
        <v>78104490</v>
      </c>
      <c r="BE14" s="330">
        <v>82334947</v>
      </c>
      <c r="BF14" s="326">
        <v>404587</v>
      </c>
      <c r="BG14" s="327">
        <v>832474</v>
      </c>
      <c r="BH14" s="331">
        <v>1237061</v>
      </c>
      <c r="BI14" s="332">
        <v>0</v>
      </c>
      <c r="BJ14" s="327">
        <v>3112991</v>
      </c>
      <c r="BK14" s="327">
        <v>4164491</v>
      </c>
      <c r="BL14" s="327">
        <v>1620782</v>
      </c>
      <c r="BM14" s="327">
        <v>1912328</v>
      </c>
      <c r="BN14" s="327">
        <v>907930</v>
      </c>
      <c r="BO14" s="328">
        <v>11718522</v>
      </c>
      <c r="BP14" s="330">
        <v>12955583</v>
      </c>
      <c r="BQ14" s="326">
        <v>1165736</v>
      </c>
      <c r="BR14" s="327">
        <v>630912</v>
      </c>
      <c r="BS14" s="328">
        <v>1796648</v>
      </c>
      <c r="BT14" s="326">
        <v>0</v>
      </c>
      <c r="BU14" s="327">
        <v>7380917</v>
      </c>
      <c r="BV14" s="327">
        <v>8958563</v>
      </c>
      <c r="BW14" s="327">
        <v>8462493</v>
      </c>
      <c r="BX14" s="327">
        <v>8201170</v>
      </c>
      <c r="BY14" s="327">
        <v>6488307</v>
      </c>
      <c r="BZ14" s="328">
        <v>39491450</v>
      </c>
      <c r="CA14" s="330">
        <v>41288098</v>
      </c>
      <c r="CB14" s="326">
        <v>1706383</v>
      </c>
      <c r="CC14" s="327">
        <v>2718357</v>
      </c>
      <c r="CD14" s="328">
        <v>4424740</v>
      </c>
      <c r="CE14" s="326">
        <v>0</v>
      </c>
      <c r="CF14" s="327">
        <v>49245896</v>
      </c>
      <c r="CG14" s="327">
        <v>63312138</v>
      </c>
      <c r="CH14" s="327">
        <v>47927567</v>
      </c>
      <c r="CI14" s="327">
        <v>33538586</v>
      </c>
      <c r="CJ14" s="327">
        <v>17010468</v>
      </c>
      <c r="CK14" s="328">
        <v>211034655</v>
      </c>
      <c r="CL14" s="330">
        <v>215459395</v>
      </c>
      <c r="CM14" s="326">
        <v>0</v>
      </c>
      <c r="CN14" s="327">
        <v>0</v>
      </c>
      <c r="CO14" s="328">
        <v>0</v>
      </c>
      <c r="CP14" s="332">
        <v>0</v>
      </c>
      <c r="CQ14" s="327">
        <v>40437255</v>
      </c>
      <c r="CR14" s="327">
        <v>51244036</v>
      </c>
      <c r="CS14" s="327">
        <v>37844468</v>
      </c>
      <c r="CT14" s="327">
        <v>27516772</v>
      </c>
      <c r="CU14" s="327">
        <v>15147576</v>
      </c>
      <c r="CV14" s="328">
        <v>172190107</v>
      </c>
      <c r="CW14" s="330">
        <v>172190107</v>
      </c>
      <c r="CX14" s="326">
        <v>1706383</v>
      </c>
      <c r="CY14" s="327">
        <v>2718357</v>
      </c>
      <c r="CZ14" s="328">
        <v>4424740</v>
      </c>
      <c r="DA14" s="326">
        <v>0</v>
      </c>
      <c r="DB14" s="327">
        <v>8808641</v>
      </c>
      <c r="DC14" s="327">
        <v>12068102</v>
      </c>
      <c r="DD14" s="327">
        <v>10083099</v>
      </c>
      <c r="DE14" s="327">
        <v>6021814</v>
      </c>
      <c r="DF14" s="327">
        <v>1862892</v>
      </c>
      <c r="DG14" s="328">
        <v>38844548</v>
      </c>
      <c r="DH14" s="330">
        <v>43269288</v>
      </c>
      <c r="DI14" s="326">
        <v>130900</v>
      </c>
      <c r="DJ14" s="327">
        <v>479054</v>
      </c>
      <c r="DK14" s="331">
        <v>609954</v>
      </c>
      <c r="DL14" s="332">
        <v>0</v>
      </c>
      <c r="DM14" s="327">
        <v>5764309</v>
      </c>
      <c r="DN14" s="327">
        <v>12523616</v>
      </c>
      <c r="DO14" s="327">
        <v>28114210</v>
      </c>
      <c r="DP14" s="327">
        <v>20928851</v>
      </c>
      <c r="DQ14" s="327">
        <v>9045140</v>
      </c>
      <c r="DR14" s="328">
        <v>76376126</v>
      </c>
      <c r="DS14" s="330">
        <v>76986080</v>
      </c>
      <c r="DT14" s="326">
        <v>130900</v>
      </c>
      <c r="DU14" s="327">
        <v>479054</v>
      </c>
      <c r="DV14" s="328">
        <v>609954</v>
      </c>
      <c r="DW14" s="326">
        <v>0</v>
      </c>
      <c r="DX14" s="327">
        <v>5413133</v>
      </c>
      <c r="DY14" s="327">
        <v>11992889</v>
      </c>
      <c r="DZ14" s="327">
        <v>27687059</v>
      </c>
      <c r="EA14" s="327">
        <v>20677091</v>
      </c>
      <c r="EB14" s="327">
        <v>8355693</v>
      </c>
      <c r="EC14" s="328">
        <v>74125865</v>
      </c>
      <c r="ED14" s="330">
        <v>74735819</v>
      </c>
      <c r="EE14" s="326">
        <v>0</v>
      </c>
      <c r="EF14" s="331">
        <v>0</v>
      </c>
      <c r="EG14" s="328">
        <v>0</v>
      </c>
      <c r="EH14" s="326">
        <v>0</v>
      </c>
      <c r="EI14" s="327">
        <v>351176</v>
      </c>
      <c r="EJ14" s="327">
        <v>530727</v>
      </c>
      <c r="EK14" s="327">
        <v>427151</v>
      </c>
      <c r="EL14" s="327">
        <v>251760</v>
      </c>
      <c r="EM14" s="327">
        <v>689447</v>
      </c>
      <c r="EN14" s="331">
        <v>2250261</v>
      </c>
      <c r="EO14" s="330">
        <v>2250261</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4324092</v>
      </c>
      <c r="FM14" s="327">
        <v>5106048</v>
      </c>
      <c r="FN14" s="328">
        <v>9430140</v>
      </c>
      <c r="FO14" s="326">
        <v>0</v>
      </c>
      <c r="FP14" s="327">
        <v>9790676</v>
      </c>
      <c r="FQ14" s="327">
        <v>24894943</v>
      </c>
      <c r="FR14" s="327">
        <v>15922923</v>
      </c>
      <c r="FS14" s="327">
        <v>13432981</v>
      </c>
      <c r="FT14" s="327">
        <v>9980176</v>
      </c>
      <c r="FU14" s="328">
        <v>74021699</v>
      </c>
      <c r="FV14" s="330">
        <v>83451839</v>
      </c>
      <c r="FW14" s="333">
        <v>2690829</v>
      </c>
      <c r="FX14" s="327">
        <v>4115828</v>
      </c>
      <c r="FY14" s="331">
        <v>6806657</v>
      </c>
      <c r="FZ14" s="332">
        <v>0</v>
      </c>
      <c r="GA14" s="327">
        <v>8423332</v>
      </c>
      <c r="GB14" s="327">
        <v>22813489</v>
      </c>
      <c r="GC14" s="327">
        <v>14527272</v>
      </c>
      <c r="GD14" s="327">
        <v>12371516</v>
      </c>
      <c r="GE14" s="327">
        <v>9517548</v>
      </c>
      <c r="GF14" s="328">
        <v>67653157</v>
      </c>
      <c r="GG14" s="334">
        <v>74459814</v>
      </c>
      <c r="GH14" s="333">
        <v>288048</v>
      </c>
      <c r="GI14" s="327">
        <v>232321</v>
      </c>
      <c r="GJ14" s="331">
        <v>520369</v>
      </c>
      <c r="GK14" s="332">
        <v>0</v>
      </c>
      <c r="GL14" s="327">
        <v>456282</v>
      </c>
      <c r="GM14" s="327">
        <v>956551</v>
      </c>
      <c r="GN14" s="327">
        <v>562584</v>
      </c>
      <c r="GO14" s="327">
        <v>586265</v>
      </c>
      <c r="GP14" s="327">
        <v>147870</v>
      </c>
      <c r="GQ14" s="328">
        <v>2709552</v>
      </c>
      <c r="GR14" s="330">
        <v>3229921</v>
      </c>
      <c r="GS14" s="326">
        <v>1345215</v>
      </c>
      <c r="GT14" s="327">
        <v>757899</v>
      </c>
      <c r="GU14" s="328">
        <v>2103114</v>
      </c>
      <c r="GV14" s="326">
        <v>0</v>
      </c>
      <c r="GW14" s="327">
        <v>911062</v>
      </c>
      <c r="GX14" s="327">
        <v>1124903</v>
      </c>
      <c r="GY14" s="327">
        <v>833067</v>
      </c>
      <c r="GZ14" s="327">
        <v>475200</v>
      </c>
      <c r="HA14" s="327">
        <v>314758</v>
      </c>
      <c r="HB14" s="331">
        <v>3658990</v>
      </c>
      <c r="HC14" s="330">
        <v>5762104</v>
      </c>
      <c r="HD14" s="326">
        <v>3157799</v>
      </c>
      <c r="HE14" s="327">
        <v>1884483</v>
      </c>
      <c r="HF14" s="331">
        <v>5042282</v>
      </c>
      <c r="HG14" s="332">
        <v>0</v>
      </c>
      <c r="HH14" s="327">
        <v>29191590</v>
      </c>
      <c r="HI14" s="327">
        <v>27060774</v>
      </c>
      <c r="HJ14" s="327">
        <v>26126071</v>
      </c>
      <c r="HK14" s="327">
        <v>29509162</v>
      </c>
      <c r="HL14" s="327">
        <v>21020793</v>
      </c>
      <c r="HM14" s="328">
        <v>132908390</v>
      </c>
      <c r="HN14" s="329">
        <v>137950672</v>
      </c>
      <c r="HO14" s="333">
        <v>2978063</v>
      </c>
      <c r="HP14" s="327">
        <v>3388019</v>
      </c>
      <c r="HQ14" s="328">
        <v>6366082</v>
      </c>
      <c r="HR14" s="326">
        <v>0</v>
      </c>
      <c r="HS14" s="327">
        <v>30142760</v>
      </c>
      <c r="HT14" s="327">
        <v>30574274</v>
      </c>
      <c r="HU14" s="327">
        <v>19272152</v>
      </c>
      <c r="HV14" s="327">
        <v>13176897</v>
      </c>
      <c r="HW14" s="327">
        <v>8506293</v>
      </c>
      <c r="HX14" s="331">
        <v>101672376</v>
      </c>
      <c r="HY14" s="330">
        <v>108038458</v>
      </c>
      <c r="HZ14" s="335">
        <v>556871</v>
      </c>
      <c r="IA14" s="336">
        <v>1109290</v>
      </c>
      <c r="IB14" s="337">
        <v>1666161</v>
      </c>
      <c r="IC14" s="355">
        <v>0</v>
      </c>
      <c r="ID14" s="356">
        <v>62794291</v>
      </c>
      <c r="IE14" s="357">
        <v>71861498</v>
      </c>
      <c r="IF14" s="358">
        <v>76840054</v>
      </c>
      <c r="IG14" s="356">
        <v>54907480</v>
      </c>
      <c r="IH14" s="358">
        <v>32806013</v>
      </c>
      <c r="II14" s="359">
        <v>299209336</v>
      </c>
      <c r="IJ14" s="341">
        <v>300875497</v>
      </c>
      <c r="IK14" s="342">
        <v>0</v>
      </c>
      <c r="IL14" s="343">
        <v>0</v>
      </c>
      <c r="IM14" s="344">
        <v>0</v>
      </c>
      <c r="IN14" s="404">
        <v>0</v>
      </c>
      <c r="IO14" s="345">
        <v>627371</v>
      </c>
      <c r="IP14" s="345">
        <v>381665</v>
      </c>
      <c r="IQ14" s="345">
        <v>819067</v>
      </c>
      <c r="IR14" s="345">
        <v>1035799</v>
      </c>
      <c r="IS14" s="345">
        <v>887113</v>
      </c>
      <c r="IT14" s="346">
        <v>3751015</v>
      </c>
      <c r="IU14" s="347">
        <v>3751015</v>
      </c>
      <c r="IV14" s="348">
        <v>0</v>
      </c>
      <c r="IW14" s="345">
        <v>0</v>
      </c>
      <c r="IX14" s="349">
        <v>0</v>
      </c>
      <c r="IY14" s="413">
        <v>0</v>
      </c>
      <c r="IZ14" s="345">
        <v>37959</v>
      </c>
      <c r="JA14" s="345">
        <v>38344</v>
      </c>
      <c r="JB14" s="345">
        <v>0</v>
      </c>
      <c r="JC14" s="345">
        <v>52462</v>
      </c>
      <c r="JD14" s="345">
        <v>19172</v>
      </c>
      <c r="JE14" s="349">
        <v>147937</v>
      </c>
      <c r="JF14" s="350">
        <v>147937</v>
      </c>
      <c r="JG14" s="348">
        <v>0</v>
      </c>
      <c r="JH14" s="345">
        <v>0</v>
      </c>
      <c r="JI14" s="346">
        <v>0</v>
      </c>
      <c r="JJ14" s="351">
        <v>0</v>
      </c>
      <c r="JK14" s="345">
        <v>31360131</v>
      </c>
      <c r="JL14" s="345">
        <v>37507525</v>
      </c>
      <c r="JM14" s="345">
        <v>22385819</v>
      </c>
      <c r="JN14" s="345">
        <v>14077650</v>
      </c>
      <c r="JO14" s="345">
        <v>7179138</v>
      </c>
      <c r="JP14" s="349">
        <v>112510263</v>
      </c>
      <c r="JQ14" s="347">
        <v>112510263</v>
      </c>
      <c r="JR14" s="348">
        <v>0</v>
      </c>
      <c r="JS14" s="345">
        <v>0</v>
      </c>
      <c r="JT14" s="346">
        <v>0</v>
      </c>
      <c r="JU14" s="351">
        <v>0</v>
      </c>
      <c r="JV14" s="345">
        <v>604463</v>
      </c>
      <c r="JW14" s="345">
        <v>851740</v>
      </c>
      <c r="JX14" s="345">
        <v>1360350</v>
      </c>
      <c r="JY14" s="345">
        <v>1613022</v>
      </c>
      <c r="JZ14" s="345">
        <v>1170420</v>
      </c>
      <c r="KA14" s="349">
        <v>5599995</v>
      </c>
      <c r="KB14" s="347">
        <v>5599995</v>
      </c>
      <c r="KC14" s="352">
        <v>556871</v>
      </c>
      <c r="KD14" s="353">
        <v>1109290</v>
      </c>
      <c r="KE14" s="349">
        <v>1666161</v>
      </c>
      <c r="KF14" s="351">
        <v>0</v>
      </c>
      <c r="KG14" s="345">
        <v>8498153</v>
      </c>
      <c r="KH14" s="345">
        <v>10803439</v>
      </c>
      <c r="KI14" s="345">
        <v>11837866</v>
      </c>
      <c r="KJ14" s="345">
        <v>6945890</v>
      </c>
      <c r="KK14" s="345">
        <v>3936755</v>
      </c>
      <c r="KL14" s="349">
        <v>42022103</v>
      </c>
      <c r="KM14" s="354">
        <v>43688264</v>
      </c>
      <c r="KN14" s="342">
        <v>0</v>
      </c>
      <c r="KO14" s="343">
        <v>0</v>
      </c>
      <c r="KP14" s="344">
        <v>0</v>
      </c>
      <c r="KQ14" s="413">
        <v>0</v>
      </c>
      <c r="KR14" s="345">
        <v>19544076</v>
      </c>
      <c r="KS14" s="345">
        <v>16597833</v>
      </c>
      <c r="KT14" s="345">
        <v>27965291</v>
      </c>
      <c r="KU14" s="345">
        <v>16629459</v>
      </c>
      <c r="KV14" s="345">
        <v>13366090</v>
      </c>
      <c r="KW14" s="349">
        <v>94102749</v>
      </c>
      <c r="KX14" s="347">
        <v>94102749</v>
      </c>
      <c r="KY14" s="348">
        <v>0</v>
      </c>
      <c r="KZ14" s="345">
        <v>0</v>
      </c>
      <c r="LA14" s="349">
        <v>0</v>
      </c>
      <c r="LB14" s="413">
        <v>0</v>
      </c>
      <c r="LC14" s="345">
        <v>180086</v>
      </c>
      <c r="LD14" s="345">
        <v>1943825</v>
      </c>
      <c r="LE14" s="345">
        <v>3425874</v>
      </c>
      <c r="LF14" s="345">
        <v>2497540</v>
      </c>
      <c r="LG14" s="345">
        <v>2126589</v>
      </c>
      <c r="LH14" s="349">
        <v>10173914</v>
      </c>
      <c r="LI14" s="350">
        <v>10173914</v>
      </c>
      <c r="LJ14" s="348">
        <v>0</v>
      </c>
      <c r="LK14" s="345">
        <v>0</v>
      </c>
      <c r="LL14" s="349">
        <v>0</v>
      </c>
      <c r="LM14" s="413">
        <v>0</v>
      </c>
      <c r="LN14" s="345">
        <v>0</v>
      </c>
      <c r="LO14" s="345">
        <v>249401</v>
      </c>
      <c r="LP14" s="345">
        <v>3195270</v>
      </c>
      <c r="LQ14" s="345">
        <v>7497421</v>
      </c>
      <c r="LR14" s="345">
        <v>1484057</v>
      </c>
      <c r="LS14" s="349">
        <v>12426149</v>
      </c>
      <c r="LT14" s="347">
        <v>12426149</v>
      </c>
      <c r="LU14" s="348">
        <v>0</v>
      </c>
      <c r="LV14" s="345">
        <v>0</v>
      </c>
      <c r="LW14" s="349">
        <v>0</v>
      </c>
      <c r="LX14" s="413">
        <v>0</v>
      </c>
      <c r="LY14" s="345">
        <v>1942052</v>
      </c>
      <c r="LZ14" s="345">
        <v>3487726</v>
      </c>
      <c r="MA14" s="345">
        <v>5850517</v>
      </c>
      <c r="MB14" s="345">
        <v>4558237</v>
      </c>
      <c r="MC14" s="345">
        <v>2636679</v>
      </c>
      <c r="MD14" s="349">
        <v>18475211</v>
      </c>
      <c r="ME14" s="350">
        <v>18475211</v>
      </c>
      <c r="MF14" s="348">
        <v>0</v>
      </c>
      <c r="MG14" s="345">
        <v>0</v>
      </c>
      <c r="MH14" s="349">
        <v>0</v>
      </c>
      <c r="MI14" s="413">
        <v>0</v>
      </c>
      <c r="MJ14" s="345">
        <v>13182865</v>
      </c>
      <c r="MK14" s="345">
        <v>40613438</v>
      </c>
      <c r="ML14" s="345">
        <v>148001213</v>
      </c>
      <c r="MM14" s="345">
        <v>187048049</v>
      </c>
      <c r="MN14" s="345">
        <v>114594166</v>
      </c>
      <c r="MO14" s="349">
        <v>503439731</v>
      </c>
      <c r="MP14" s="354">
        <v>503439731</v>
      </c>
      <c r="MQ14" s="348">
        <v>0</v>
      </c>
      <c r="MR14" s="345">
        <v>0</v>
      </c>
      <c r="MS14" s="349">
        <v>0</v>
      </c>
      <c r="MT14" s="413">
        <v>0</v>
      </c>
      <c r="MU14" s="345">
        <v>2434872</v>
      </c>
      <c r="MV14" s="345">
        <v>14400998</v>
      </c>
      <c r="MW14" s="345">
        <v>108290141</v>
      </c>
      <c r="MX14" s="345">
        <v>129114237</v>
      </c>
      <c r="MY14" s="345">
        <v>80178497</v>
      </c>
      <c r="MZ14" s="349">
        <v>334418745</v>
      </c>
      <c r="NA14" s="354">
        <v>334418745</v>
      </c>
      <c r="NB14" s="348">
        <v>0</v>
      </c>
      <c r="NC14" s="345">
        <v>0</v>
      </c>
      <c r="ND14" s="349">
        <v>0</v>
      </c>
      <c r="NE14" s="413">
        <v>0</v>
      </c>
      <c r="NF14" s="345">
        <v>10747993</v>
      </c>
      <c r="NG14" s="345">
        <v>26212440</v>
      </c>
      <c r="NH14" s="345">
        <v>39294526</v>
      </c>
      <c r="NI14" s="345">
        <v>55055344</v>
      </c>
      <c r="NJ14" s="345">
        <v>30509430</v>
      </c>
      <c r="NK14" s="349">
        <v>161819733</v>
      </c>
      <c r="NL14" s="347">
        <v>161819733</v>
      </c>
      <c r="NM14" s="348">
        <v>0</v>
      </c>
      <c r="NN14" s="345">
        <v>0</v>
      </c>
      <c r="NO14" s="349">
        <v>0</v>
      </c>
      <c r="NP14" s="413">
        <v>0</v>
      </c>
      <c r="NQ14" s="345">
        <v>0</v>
      </c>
      <c r="NR14" s="345">
        <v>0</v>
      </c>
      <c r="NS14" s="345">
        <v>0</v>
      </c>
      <c r="NT14" s="345">
        <v>0</v>
      </c>
      <c r="NU14" s="345">
        <v>0</v>
      </c>
      <c r="NV14" s="349">
        <v>0</v>
      </c>
      <c r="NW14" s="350">
        <v>0</v>
      </c>
      <c r="NX14" s="348">
        <v>0</v>
      </c>
      <c r="NY14" s="345">
        <v>0</v>
      </c>
      <c r="NZ14" s="349">
        <v>0</v>
      </c>
      <c r="OA14" s="413">
        <v>0</v>
      </c>
      <c r="OB14" s="345">
        <v>0</v>
      </c>
      <c r="OC14" s="345">
        <v>0</v>
      </c>
      <c r="OD14" s="345">
        <v>416546</v>
      </c>
      <c r="OE14" s="345">
        <v>2878468</v>
      </c>
      <c r="OF14" s="345">
        <v>3906239</v>
      </c>
      <c r="OG14" s="349">
        <v>7201253</v>
      </c>
      <c r="OH14" s="350">
        <v>7201253</v>
      </c>
      <c r="OI14" s="348">
        <v>15741076</v>
      </c>
      <c r="OJ14" s="345">
        <v>19062449</v>
      </c>
      <c r="OK14" s="346">
        <v>34803525</v>
      </c>
      <c r="OL14" s="351">
        <v>0</v>
      </c>
      <c r="OM14" s="345">
        <v>247396597</v>
      </c>
      <c r="ON14" s="345">
        <v>347574265</v>
      </c>
      <c r="OO14" s="345">
        <v>431187091</v>
      </c>
      <c r="OP14" s="345">
        <v>428004873</v>
      </c>
      <c r="OQ14" s="345">
        <v>292958207</v>
      </c>
      <c r="OR14" s="349">
        <v>1747121033</v>
      </c>
      <c r="OS14" s="354">
        <v>1781924558</v>
      </c>
    </row>
    <row r="15" spans="1:409" s="70" customFormat="1" ht="21" customHeight="1" x14ac:dyDescent="0.2">
      <c r="B15" s="410" t="s">
        <v>9</v>
      </c>
      <c r="C15" s="326">
        <v>15886740</v>
      </c>
      <c r="D15" s="327">
        <v>17704823</v>
      </c>
      <c r="E15" s="328">
        <v>33591563</v>
      </c>
      <c r="F15" s="332">
        <v>0</v>
      </c>
      <c r="G15" s="327">
        <v>161186359</v>
      </c>
      <c r="H15" s="327">
        <v>165476286</v>
      </c>
      <c r="I15" s="327">
        <v>177302545</v>
      </c>
      <c r="J15" s="327">
        <v>180412896</v>
      </c>
      <c r="K15" s="327">
        <v>139894438</v>
      </c>
      <c r="L15" s="329">
        <v>824272524</v>
      </c>
      <c r="M15" s="330">
        <v>857864087</v>
      </c>
      <c r="N15" s="326">
        <v>2981607</v>
      </c>
      <c r="O15" s="327">
        <v>4261798</v>
      </c>
      <c r="P15" s="328">
        <v>7243405</v>
      </c>
      <c r="Q15" s="326">
        <v>0</v>
      </c>
      <c r="R15" s="327">
        <v>47485706</v>
      </c>
      <c r="S15" s="327">
        <v>55938988</v>
      </c>
      <c r="T15" s="327">
        <v>63106265</v>
      </c>
      <c r="U15" s="327">
        <v>75683313</v>
      </c>
      <c r="V15" s="327">
        <v>73070031</v>
      </c>
      <c r="W15" s="328">
        <v>315284303</v>
      </c>
      <c r="X15" s="330">
        <v>322527708</v>
      </c>
      <c r="Y15" s="326">
        <v>0</v>
      </c>
      <c r="Z15" s="327">
        <v>0</v>
      </c>
      <c r="AA15" s="328">
        <v>0</v>
      </c>
      <c r="AB15" s="326">
        <v>0</v>
      </c>
      <c r="AC15" s="327">
        <v>22082622</v>
      </c>
      <c r="AD15" s="327">
        <v>28091963</v>
      </c>
      <c r="AE15" s="327">
        <v>37809535</v>
      </c>
      <c r="AF15" s="327">
        <v>47774150</v>
      </c>
      <c r="AG15" s="327">
        <v>43722738</v>
      </c>
      <c r="AH15" s="328">
        <v>179481008</v>
      </c>
      <c r="AI15" s="330">
        <v>179481008</v>
      </c>
      <c r="AJ15" s="326">
        <v>0</v>
      </c>
      <c r="AK15" s="327">
        <v>0</v>
      </c>
      <c r="AL15" s="328">
        <v>0</v>
      </c>
      <c r="AM15" s="326">
        <v>0</v>
      </c>
      <c r="AN15" s="327">
        <v>85466</v>
      </c>
      <c r="AO15" s="327">
        <v>320783</v>
      </c>
      <c r="AP15" s="327">
        <v>1480970</v>
      </c>
      <c r="AQ15" s="327">
        <v>2674576</v>
      </c>
      <c r="AR15" s="327">
        <v>6880054</v>
      </c>
      <c r="AS15" s="328">
        <v>11441849</v>
      </c>
      <c r="AT15" s="330">
        <v>11441849</v>
      </c>
      <c r="AU15" s="326">
        <v>1815301</v>
      </c>
      <c r="AV15" s="327">
        <v>3136065</v>
      </c>
      <c r="AW15" s="328">
        <v>4951366</v>
      </c>
      <c r="AX15" s="326">
        <v>0</v>
      </c>
      <c r="AY15" s="327">
        <v>15780928</v>
      </c>
      <c r="AZ15" s="327">
        <v>17354906</v>
      </c>
      <c r="BA15" s="327">
        <v>13106825</v>
      </c>
      <c r="BB15" s="327">
        <v>14546520</v>
      </c>
      <c r="BC15" s="327">
        <v>14117483</v>
      </c>
      <c r="BD15" s="328">
        <v>74906662</v>
      </c>
      <c r="BE15" s="330">
        <v>79858028</v>
      </c>
      <c r="BF15" s="326">
        <v>17777</v>
      </c>
      <c r="BG15" s="327">
        <v>339615</v>
      </c>
      <c r="BH15" s="331">
        <v>357392</v>
      </c>
      <c r="BI15" s="332">
        <v>0</v>
      </c>
      <c r="BJ15" s="327">
        <v>1132231</v>
      </c>
      <c r="BK15" s="327">
        <v>1740283</v>
      </c>
      <c r="BL15" s="327">
        <v>1175603</v>
      </c>
      <c r="BM15" s="327">
        <v>844322</v>
      </c>
      <c r="BN15" s="327">
        <v>970738</v>
      </c>
      <c r="BO15" s="328">
        <v>5863177</v>
      </c>
      <c r="BP15" s="330">
        <v>6220569</v>
      </c>
      <c r="BQ15" s="326">
        <v>1148529</v>
      </c>
      <c r="BR15" s="327">
        <v>786118</v>
      </c>
      <c r="BS15" s="328">
        <v>1934647</v>
      </c>
      <c r="BT15" s="326">
        <v>0</v>
      </c>
      <c r="BU15" s="327">
        <v>8404459</v>
      </c>
      <c r="BV15" s="327">
        <v>8431053</v>
      </c>
      <c r="BW15" s="327">
        <v>9533332</v>
      </c>
      <c r="BX15" s="327">
        <v>9843745</v>
      </c>
      <c r="BY15" s="327">
        <v>7379018</v>
      </c>
      <c r="BZ15" s="328">
        <v>43591607</v>
      </c>
      <c r="CA15" s="330">
        <v>45526254</v>
      </c>
      <c r="CB15" s="326">
        <v>1534422</v>
      </c>
      <c r="CC15" s="327">
        <v>3760568</v>
      </c>
      <c r="CD15" s="328">
        <v>5294990</v>
      </c>
      <c r="CE15" s="326">
        <v>0</v>
      </c>
      <c r="CF15" s="327">
        <v>36498409</v>
      </c>
      <c r="CG15" s="327">
        <v>36794408</v>
      </c>
      <c r="CH15" s="327">
        <v>37223659</v>
      </c>
      <c r="CI15" s="327">
        <v>25562158</v>
      </c>
      <c r="CJ15" s="327">
        <v>9336603</v>
      </c>
      <c r="CK15" s="328">
        <v>145415237</v>
      </c>
      <c r="CL15" s="330">
        <v>150710227</v>
      </c>
      <c r="CM15" s="326">
        <v>0</v>
      </c>
      <c r="CN15" s="327">
        <v>0</v>
      </c>
      <c r="CO15" s="328">
        <v>0</v>
      </c>
      <c r="CP15" s="332">
        <v>0</v>
      </c>
      <c r="CQ15" s="327">
        <v>29676449</v>
      </c>
      <c r="CR15" s="327">
        <v>28936407</v>
      </c>
      <c r="CS15" s="327">
        <v>30313171</v>
      </c>
      <c r="CT15" s="327">
        <v>18716124</v>
      </c>
      <c r="CU15" s="327">
        <v>7512928</v>
      </c>
      <c r="CV15" s="328">
        <v>115155079</v>
      </c>
      <c r="CW15" s="330">
        <v>115155079</v>
      </c>
      <c r="CX15" s="326">
        <v>1534422</v>
      </c>
      <c r="CY15" s="327">
        <v>3760568</v>
      </c>
      <c r="CZ15" s="328">
        <v>5294990</v>
      </c>
      <c r="DA15" s="326">
        <v>0</v>
      </c>
      <c r="DB15" s="327">
        <v>6821960</v>
      </c>
      <c r="DC15" s="327">
        <v>7858001</v>
      </c>
      <c r="DD15" s="327">
        <v>6910488</v>
      </c>
      <c r="DE15" s="327">
        <v>6846034</v>
      </c>
      <c r="DF15" s="327">
        <v>1823675</v>
      </c>
      <c r="DG15" s="328">
        <v>30260158</v>
      </c>
      <c r="DH15" s="330">
        <v>35555148</v>
      </c>
      <c r="DI15" s="326">
        <v>104820</v>
      </c>
      <c r="DJ15" s="327">
        <v>80136</v>
      </c>
      <c r="DK15" s="331">
        <v>184956</v>
      </c>
      <c r="DL15" s="332">
        <v>0</v>
      </c>
      <c r="DM15" s="327">
        <v>3627941</v>
      </c>
      <c r="DN15" s="327">
        <v>9268192</v>
      </c>
      <c r="DO15" s="327">
        <v>14083277</v>
      </c>
      <c r="DP15" s="327">
        <v>14281552</v>
      </c>
      <c r="DQ15" s="327">
        <v>10554438</v>
      </c>
      <c r="DR15" s="328">
        <v>51815400</v>
      </c>
      <c r="DS15" s="330">
        <v>52000356</v>
      </c>
      <c r="DT15" s="326">
        <v>104820</v>
      </c>
      <c r="DU15" s="327">
        <v>80136</v>
      </c>
      <c r="DV15" s="328">
        <v>184956</v>
      </c>
      <c r="DW15" s="326">
        <v>0</v>
      </c>
      <c r="DX15" s="327">
        <v>3075335</v>
      </c>
      <c r="DY15" s="327">
        <v>8630805</v>
      </c>
      <c r="DZ15" s="327">
        <v>11407757</v>
      </c>
      <c r="EA15" s="327">
        <v>12119896</v>
      </c>
      <c r="EB15" s="327">
        <v>8573024</v>
      </c>
      <c r="EC15" s="328">
        <v>43806817</v>
      </c>
      <c r="ED15" s="330">
        <v>43991773</v>
      </c>
      <c r="EE15" s="326">
        <v>0</v>
      </c>
      <c r="EF15" s="331">
        <v>0</v>
      </c>
      <c r="EG15" s="328">
        <v>0</v>
      </c>
      <c r="EH15" s="326">
        <v>0</v>
      </c>
      <c r="EI15" s="327">
        <v>552606</v>
      </c>
      <c r="EJ15" s="327">
        <v>637387</v>
      </c>
      <c r="EK15" s="327">
        <v>2675520</v>
      </c>
      <c r="EL15" s="327">
        <v>2161656</v>
      </c>
      <c r="EM15" s="327">
        <v>1981414</v>
      </c>
      <c r="EN15" s="331">
        <v>8008583</v>
      </c>
      <c r="EO15" s="330">
        <v>8008583</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4954874</v>
      </c>
      <c r="FM15" s="327">
        <v>4285965</v>
      </c>
      <c r="FN15" s="328">
        <v>9240839</v>
      </c>
      <c r="FO15" s="326">
        <v>0</v>
      </c>
      <c r="FP15" s="327">
        <v>9815398</v>
      </c>
      <c r="FQ15" s="327">
        <v>14507502</v>
      </c>
      <c r="FR15" s="327">
        <v>12799001</v>
      </c>
      <c r="FS15" s="327">
        <v>12219169</v>
      </c>
      <c r="FT15" s="327">
        <v>9702953</v>
      </c>
      <c r="FU15" s="328">
        <v>59044023</v>
      </c>
      <c r="FV15" s="330">
        <v>68284862</v>
      </c>
      <c r="FW15" s="333">
        <v>2230380</v>
      </c>
      <c r="FX15" s="327">
        <v>3082376</v>
      </c>
      <c r="FY15" s="331">
        <v>5312756</v>
      </c>
      <c r="FZ15" s="332">
        <v>0</v>
      </c>
      <c r="GA15" s="327">
        <v>7504241</v>
      </c>
      <c r="GB15" s="327">
        <v>12807649</v>
      </c>
      <c r="GC15" s="327">
        <v>11434938</v>
      </c>
      <c r="GD15" s="327">
        <v>11170421</v>
      </c>
      <c r="GE15" s="327">
        <v>9140102</v>
      </c>
      <c r="GF15" s="328">
        <v>52057351</v>
      </c>
      <c r="GG15" s="334">
        <v>57370107</v>
      </c>
      <c r="GH15" s="333">
        <v>195389</v>
      </c>
      <c r="GI15" s="327">
        <v>280256</v>
      </c>
      <c r="GJ15" s="331">
        <v>475645</v>
      </c>
      <c r="GK15" s="332">
        <v>0</v>
      </c>
      <c r="GL15" s="327">
        <v>577653</v>
      </c>
      <c r="GM15" s="327">
        <v>341643</v>
      </c>
      <c r="GN15" s="327">
        <v>502603</v>
      </c>
      <c r="GO15" s="327">
        <v>421303</v>
      </c>
      <c r="GP15" s="327">
        <v>328851</v>
      </c>
      <c r="GQ15" s="328">
        <v>2172053</v>
      </c>
      <c r="GR15" s="330">
        <v>2647698</v>
      </c>
      <c r="GS15" s="326">
        <v>2529105</v>
      </c>
      <c r="GT15" s="327">
        <v>923333</v>
      </c>
      <c r="GU15" s="328">
        <v>3452438</v>
      </c>
      <c r="GV15" s="326">
        <v>0</v>
      </c>
      <c r="GW15" s="327">
        <v>1733504</v>
      </c>
      <c r="GX15" s="327">
        <v>1358210</v>
      </c>
      <c r="GY15" s="327">
        <v>861460</v>
      </c>
      <c r="GZ15" s="327">
        <v>627445</v>
      </c>
      <c r="HA15" s="327">
        <v>234000</v>
      </c>
      <c r="HB15" s="331">
        <v>4814619</v>
      </c>
      <c r="HC15" s="330">
        <v>8267057</v>
      </c>
      <c r="HD15" s="326">
        <v>3631417</v>
      </c>
      <c r="HE15" s="327">
        <v>2062154</v>
      </c>
      <c r="HF15" s="331">
        <v>5693571</v>
      </c>
      <c r="HG15" s="332">
        <v>0</v>
      </c>
      <c r="HH15" s="327">
        <v>38014806</v>
      </c>
      <c r="HI15" s="327">
        <v>29703283</v>
      </c>
      <c r="HJ15" s="327">
        <v>35346625</v>
      </c>
      <c r="HK15" s="327">
        <v>41394776</v>
      </c>
      <c r="HL15" s="327">
        <v>30000328</v>
      </c>
      <c r="HM15" s="328">
        <v>174459818</v>
      </c>
      <c r="HN15" s="329">
        <v>180153389</v>
      </c>
      <c r="HO15" s="333">
        <v>2679600</v>
      </c>
      <c r="HP15" s="327">
        <v>3254202</v>
      </c>
      <c r="HQ15" s="328">
        <v>5933802</v>
      </c>
      <c r="HR15" s="326">
        <v>0</v>
      </c>
      <c r="HS15" s="327">
        <v>25744099</v>
      </c>
      <c r="HT15" s="327">
        <v>19263913</v>
      </c>
      <c r="HU15" s="327">
        <v>14743718</v>
      </c>
      <c r="HV15" s="327">
        <v>11271928</v>
      </c>
      <c r="HW15" s="327">
        <v>7230085</v>
      </c>
      <c r="HX15" s="331">
        <v>78253743</v>
      </c>
      <c r="HY15" s="330">
        <v>84187545</v>
      </c>
      <c r="HZ15" s="360">
        <v>297670</v>
      </c>
      <c r="IA15" s="361">
        <v>248416</v>
      </c>
      <c r="IB15" s="362">
        <v>546086</v>
      </c>
      <c r="IC15" s="338">
        <v>0</v>
      </c>
      <c r="ID15" s="336">
        <v>38639256</v>
      </c>
      <c r="IE15" s="339">
        <v>44077519</v>
      </c>
      <c r="IF15" s="337">
        <v>51131233</v>
      </c>
      <c r="IG15" s="336">
        <v>45220364</v>
      </c>
      <c r="IH15" s="337">
        <v>27401520</v>
      </c>
      <c r="II15" s="340">
        <v>206469892</v>
      </c>
      <c r="IJ15" s="363">
        <v>207015978</v>
      </c>
      <c r="IK15" s="342">
        <v>0</v>
      </c>
      <c r="IL15" s="343">
        <v>0</v>
      </c>
      <c r="IM15" s="344">
        <v>0</v>
      </c>
      <c r="IN15" s="404">
        <v>0</v>
      </c>
      <c r="IO15" s="345">
        <v>173847</v>
      </c>
      <c r="IP15" s="345">
        <v>383841</v>
      </c>
      <c r="IQ15" s="345">
        <v>424282</v>
      </c>
      <c r="IR15" s="345">
        <v>1518237</v>
      </c>
      <c r="IS15" s="345">
        <v>1633502</v>
      </c>
      <c r="IT15" s="346">
        <v>4133709</v>
      </c>
      <c r="IU15" s="347">
        <v>4133709</v>
      </c>
      <c r="IV15" s="348">
        <v>0</v>
      </c>
      <c r="IW15" s="345">
        <v>0</v>
      </c>
      <c r="IX15" s="349">
        <v>0</v>
      </c>
      <c r="IY15" s="413">
        <v>0</v>
      </c>
      <c r="IZ15" s="345">
        <v>0</v>
      </c>
      <c r="JA15" s="345">
        <v>0</v>
      </c>
      <c r="JB15" s="345">
        <v>0</v>
      </c>
      <c r="JC15" s="345">
        <v>0</v>
      </c>
      <c r="JD15" s="345">
        <v>0</v>
      </c>
      <c r="JE15" s="349">
        <v>0</v>
      </c>
      <c r="JF15" s="350">
        <v>0</v>
      </c>
      <c r="JG15" s="348">
        <v>0</v>
      </c>
      <c r="JH15" s="345">
        <v>0</v>
      </c>
      <c r="JI15" s="346">
        <v>0</v>
      </c>
      <c r="JJ15" s="351">
        <v>0</v>
      </c>
      <c r="JK15" s="345">
        <v>21573491</v>
      </c>
      <c r="JL15" s="345">
        <v>18139667</v>
      </c>
      <c r="JM15" s="345">
        <v>14260042</v>
      </c>
      <c r="JN15" s="345">
        <v>10704621</v>
      </c>
      <c r="JO15" s="345">
        <v>5710126</v>
      </c>
      <c r="JP15" s="349">
        <v>70387947</v>
      </c>
      <c r="JQ15" s="347">
        <v>70387947</v>
      </c>
      <c r="JR15" s="348">
        <v>0</v>
      </c>
      <c r="JS15" s="345">
        <v>0</v>
      </c>
      <c r="JT15" s="346">
        <v>0</v>
      </c>
      <c r="JU15" s="351">
        <v>0</v>
      </c>
      <c r="JV15" s="345">
        <v>517890</v>
      </c>
      <c r="JW15" s="345">
        <v>639666</v>
      </c>
      <c r="JX15" s="345">
        <v>1471193</v>
      </c>
      <c r="JY15" s="345">
        <v>90558</v>
      </c>
      <c r="JZ15" s="345">
        <v>645355</v>
      </c>
      <c r="KA15" s="349">
        <v>3364662</v>
      </c>
      <c r="KB15" s="347">
        <v>3364662</v>
      </c>
      <c r="KC15" s="352">
        <v>297670</v>
      </c>
      <c r="KD15" s="353">
        <v>248416</v>
      </c>
      <c r="KE15" s="349">
        <v>546086</v>
      </c>
      <c r="KF15" s="351">
        <v>0</v>
      </c>
      <c r="KG15" s="345">
        <v>5150528</v>
      </c>
      <c r="KH15" s="345">
        <v>6212822</v>
      </c>
      <c r="KI15" s="345">
        <v>6726456</v>
      </c>
      <c r="KJ15" s="345">
        <v>7465525</v>
      </c>
      <c r="KK15" s="345">
        <v>4412032</v>
      </c>
      <c r="KL15" s="349">
        <v>29967363</v>
      </c>
      <c r="KM15" s="354">
        <v>30513449</v>
      </c>
      <c r="KN15" s="342">
        <v>0</v>
      </c>
      <c r="KO15" s="343">
        <v>0</v>
      </c>
      <c r="KP15" s="344">
        <v>0</v>
      </c>
      <c r="KQ15" s="413">
        <v>0</v>
      </c>
      <c r="KR15" s="345">
        <v>10174329</v>
      </c>
      <c r="KS15" s="345">
        <v>16464471</v>
      </c>
      <c r="KT15" s="345">
        <v>23437111</v>
      </c>
      <c r="KU15" s="345">
        <v>18976981</v>
      </c>
      <c r="KV15" s="345">
        <v>9587747</v>
      </c>
      <c r="KW15" s="349">
        <v>78640639</v>
      </c>
      <c r="KX15" s="347">
        <v>78640639</v>
      </c>
      <c r="KY15" s="348">
        <v>0</v>
      </c>
      <c r="KZ15" s="345">
        <v>0</v>
      </c>
      <c r="LA15" s="349">
        <v>0</v>
      </c>
      <c r="LB15" s="413">
        <v>0</v>
      </c>
      <c r="LC15" s="345">
        <v>186087</v>
      </c>
      <c r="LD15" s="345">
        <v>765674</v>
      </c>
      <c r="LE15" s="345">
        <v>1545443</v>
      </c>
      <c r="LF15" s="345">
        <v>2034360</v>
      </c>
      <c r="LG15" s="345">
        <v>1049051</v>
      </c>
      <c r="LH15" s="349">
        <v>5580615</v>
      </c>
      <c r="LI15" s="350">
        <v>5580615</v>
      </c>
      <c r="LJ15" s="348">
        <v>0</v>
      </c>
      <c r="LK15" s="345">
        <v>0</v>
      </c>
      <c r="LL15" s="349">
        <v>0</v>
      </c>
      <c r="LM15" s="413">
        <v>0</v>
      </c>
      <c r="LN15" s="345">
        <v>0</v>
      </c>
      <c r="LO15" s="345">
        <v>0</v>
      </c>
      <c r="LP15" s="345">
        <v>0</v>
      </c>
      <c r="LQ15" s="345">
        <v>0</v>
      </c>
      <c r="LR15" s="345">
        <v>370945</v>
      </c>
      <c r="LS15" s="349">
        <v>370945</v>
      </c>
      <c r="LT15" s="347">
        <v>370945</v>
      </c>
      <c r="LU15" s="348">
        <v>0</v>
      </c>
      <c r="LV15" s="345">
        <v>0</v>
      </c>
      <c r="LW15" s="349">
        <v>0</v>
      </c>
      <c r="LX15" s="413">
        <v>0</v>
      </c>
      <c r="LY15" s="345">
        <v>863084</v>
      </c>
      <c r="LZ15" s="345">
        <v>1471378</v>
      </c>
      <c r="MA15" s="345">
        <v>3266706</v>
      </c>
      <c r="MB15" s="345">
        <v>4430082</v>
      </c>
      <c r="MC15" s="345">
        <v>3992762</v>
      </c>
      <c r="MD15" s="349">
        <v>14024012</v>
      </c>
      <c r="ME15" s="350">
        <v>14024012</v>
      </c>
      <c r="MF15" s="348">
        <v>0</v>
      </c>
      <c r="MG15" s="345">
        <v>0</v>
      </c>
      <c r="MH15" s="349">
        <v>0</v>
      </c>
      <c r="MI15" s="413">
        <v>0</v>
      </c>
      <c r="MJ15" s="345">
        <v>10819245</v>
      </c>
      <c r="MK15" s="345">
        <v>17853044</v>
      </c>
      <c r="ML15" s="345">
        <v>97492449</v>
      </c>
      <c r="MM15" s="345">
        <v>146501232</v>
      </c>
      <c r="MN15" s="345">
        <v>118379857</v>
      </c>
      <c r="MO15" s="349">
        <v>391045827</v>
      </c>
      <c r="MP15" s="354">
        <v>391045827</v>
      </c>
      <c r="MQ15" s="348">
        <v>0</v>
      </c>
      <c r="MR15" s="345">
        <v>0</v>
      </c>
      <c r="MS15" s="349">
        <v>0</v>
      </c>
      <c r="MT15" s="413">
        <v>0</v>
      </c>
      <c r="MU15" s="345">
        <v>406539</v>
      </c>
      <c r="MV15" s="345">
        <v>1825112</v>
      </c>
      <c r="MW15" s="345">
        <v>61132531</v>
      </c>
      <c r="MX15" s="345">
        <v>103946504</v>
      </c>
      <c r="MY15" s="345">
        <v>87902600</v>
      </c>
      <c r="MZ15" s="349">
        <v>255213286</v>
      </c>
      <c r="NA15" s="354">
        <v>255213286</v>
      </c>
      <c r="NB15" s="348">
        <v>0</v>
      </c>
      <c r="NC15" s="345">
        <v>0</v>
      </c>
      <c r="ND15" s="349">
        <v>0</v>
      </c>
      <c r="NE15" s="413">
        <v>0</v>
      </c>
      <c r="NF15" s="345">
        <v>10412706</v>
      </c>
      <c r="NG15" s="345">
        <v>16027932</v>
      </c>
      <c r="NH15" s="345">
        <v>36036193</v>
      </c>
      <c r="NI15" s="345">
        <v>41734819</v>
      </c>
      <c r="NJ15" s="345">
        <v>26711022</v>
      </c>
      <c r="NK15" s="349">
        <v>130922672</v>
      </c>
      <c r="NL15" s="347">
        <v>130922672</v>
      </c>
      <c r="NM15" s="348">
        <v>0</v>
      </c>
      <c r="NN15" s="345">
        <v>0</v>
      </c>
      <c r="NO15" s="349">
        <v>0</v>
      </c>
      <c r="NP15" s="413">
        <v>0</v>
      </c>
      <c r="NQ15" s="345">
        <v>0</v>
      </c>
      <c r="NR15" s="345">
        <v>0</v>
      </c>
      <c r="NS15" s="345">
        <v>0</v>
      </c>
      <c r="NT15" s="345">
        <v>0</v>
      </c>
      <c r="NU15" s="345">
        <v>0</v>
      </c>
      <c r="NV15" s="349">
        <v>0</v>
      </c>
      <c r="NW15" s="350">
        <v>0</v>
      </c>
      <c r="NX15" s="348">
        <v>0</v>
      </c>
      <c r="NY15" s="345">
        <v>0</v>
      </c>
      <c r="NZ15" s="349">
        <v>0</v>
      </c>
      <c r="OA15" s="413">
        <v>0</v>
      </c>
      <c r="OB15" s="345">
        <v>0</v>
      </c>
      <c r="OC15" s="345">
        <v>0</v>
      </c>
      <c r="OD15" s="345">
        <v>323725</v>
      </c>
      <c r="OE15" s="345">
        <v>819909</v>
      </c>
      <c r="OF15" s="345">
        <v>3766235</v>
      </c>
      <c r="OG15" s="349">
        <v>4909869</v>
      </c>
      <c r="OH15" s="350">
        <v>4909869</v>
      </c>
      <c r="OI15" s="348">
        <v>16184410</v>
      </c>
      <c r="OJ15" s="345">
        <v>17953239</v>
      </c>
      <c r="OK15" s="346">
        <v>34137649</v>
      </c>
      <c r="OL15" s="351">
        <v>0</v>
      </c>
      <c r="OM15" s="345">
        <v>210644860</v>
      </c>
      <c r="ON15" s="345">
        <v>227406849</v>
      </c>
      <c r="OO15" s="345">
        <v>325926227</v>
      </c>
      <c r="OP15" s="345">
        <v>372134492</v>
      </c>
      <c r="OQ15" s="345">
        <v>285675815</v>
      </c>
      <c r="OR15" s="349">
        <v>1421788243</v>
      </c>
      <c r="OS15" s="354">
        <v>1455925892</v>
      </c>
    </row>
    <row r="16" spans="1:409" s="70" customFormat="1" ht="21" customHeight="1" x14ac:dyDescent="0.2">
      <c r="B16" s="410" t="s">
        <v>10</v>
      </c>
      <c r="C16" s="326">
        <v>27906352</v>
      </c>
      <c r="D16" s="327">
        <v>44827772</v>
      </c>
      <c r="E16" s="328">
        <v>72734124</v>
      </c>
      <c r="F16" s="364">
        <v>0</v>
      </c>
      <c r="G16" s="327">
        <v>382005567</v>
      </c>
      <c r="H16" s="327">
        <v>304832416</v>
      </c>
      <c r="I16" s="327">
        <v>280810688</v>
      </c>
      <c r="J16" s="327">
        <v>283968886</v>
      </c>
      <c r="K16" s="327">
        <v>213404725</v>
      </c>
      <c r="L16" s="329">
        <v>1465022282</v>
      </c>
      <c r="M16" s="330">
        <v>1537756406</v>
      </c>
      <c r="N16" s="326">
        <v>7390770</v>
      </c>
      <c r="O16" s="327">
        <v>14218817</v>
      </c>
      <c r="P16" s="328">
        <v>21609587</v>
      </c>
      <c r="Q16" s="326">
        <v>0</v>
      </c>
      <c r="R16" s="327">
        <v>118373403</v>
      </c>
      <c r="S16" s="327">
        <v>100615152</v>
      </c>
      <c r="T16" s="327">
        <v>105798119</v>
      </c>
      <c r="U16" s="327">
        <v>130536097</v>
      </c>
      <c r="V16" s="327">
        <v>117559517</v>
      </c>
      <c r="W16" s="328">
        <v>572882288</v>
      </c>
      <c r="X16" s="330">
        <v>594491875</v>
      </c>
      <c r="Y16" s="326">
        <v>0</v>
      </c>
      <c r="Z16" s="327">
        <v>0</v>
      </c>
      <c r="AA16" s="328">
        <v>0</v>
      </c>
      <c r="AB16" s="326">
        <v>0</v>
      </c>
      <c r="AC16" s="327">
        <v>53401109</v>
      </c>
      <c r="AD16" s="327">
        <v>50886334</v>
      </c>
      <c r="AE16" s="327">
        <v>67442457</v>
      </c>
      <c r="AF16" s="327">
        <v>87764239</v>
      </c>
      <c r="AG16" s="327">
        <v>69954284</v>
      </c>
      <c r="AH16" s="328">
        <v>329448423</v>
      </c>
      <c r="AI16" s="330">
        <v>329448423</v>
      </c>
      <c r="AJ16" s="326">
        <v>0</v>
      </c>
      <c r="AK16" s="327">
        <v>0</v>
      </c>
      <c r="AL16" s="328">
        <v>0</v>
      </c>
      <c r="AM16" s="326">
        <v>0</v>
      </c>
      <c r="AN16" s="327">
        <v>287137</v>
      </c>
      <c r="AO16" s="327">
        <v>1371767</v>
      </c>
      <c r="AP16" s="327">
        <v>2327821</v>
      </c>
      <c r="AQ16" s="327">
        <v>5448763</v>
      </c>
      <c r="AR16" s="327">
        <v>12375234</v>
      </c>
      <c r="AS16" s="328">
        <v>21810722</v>
      </c>
      <c r="AT16" s="330">
        <v>21810722</v>
      </c>
      <c r="AU16" s="326">
        <v>4185530</v>
      </c>
      <c r="AV16" s="327">
        <v>9315129</v>
      </c>
      <c r="AW16" s="328">
        <v>13500659</v>
      </c>
      <c r="AX16" s="326">
        <v>0</v>
      </c>
      <c r="AY16" s="327">
        <v>40337250</v>
      </c>
      <c r="AZ16" s="327">
        <v>27380196</v>
      </c>
      <c r="BA16" s="327">
        <v>18019992</v>
      </c>
      <c r="BB16" s="327">
        <v>19391144</v>
      </c>
      <c r="BC16" s="327">
        <v>19891829</v>
      </c>
      <c r="BD16" s="328">
        <v>125020411</v>
      </c>
      <c r="BE16" s="330">
        <v>138521070</v>
      </c>
      <c r="BF16" s="326">
        <v>594227</v>
      </c>
      <c r="BG16" s="327">
        <v>1766523</v>
      </c>
      <c r="BH16" s="331">
        <v>2360750</v>
      </c>
      <c r="BI16" s="332">
        <v>0</v>
      </c>
      <c r="BJ16" s="327">
        <v>4274222</v>
      </c>
      <c r="BK16" s="327">
        <v>3669336</v>
      </c>
      <c r="BL16" s="327">
        <v>2613462</v>
      </c>
      <c r="BM16" s="327">
        <v>1275297</v>
      </c>
      <c r="BN16" s="327">
        <v>2096119</v>
      </c>
      <c r="BO16" s="328">
        <v>13928436</v>
      </c>
      <c r="BP16" s="330">
        <v>16289186</v>
      </c>
      <c r="BQ16" s="326">
        <v>2611013</v>
      </c>
      <c r="BR16" s="327">
        <v>3137165</v>
      </c>
      <c r="BS16" s="328">
        <v>5748178</v>
      </c>
      <c r="BT16" s="326">
        <v>0</v>
      </c>
      <c r="BU16" s="327">
        <v>20073685</v>
      </c>
      <c r="BV16" s="327">
        <v>17307519</v>
      </c>
      <c r="BW16" s="327">
        <v>15394387</v>
      </c>
      <c r="BX16" s="327">
        <v>16656654</v>
      </c>
      <c r="BY16" s="327">
        <v>13242051</v>
      </c>
      <c r="BZ16" s="328">
        <v>82674296</v>
      </c>
      <c r="CA16" s="330">
        <v>88422474</v>
      </c>
      <c r="CB16" s="326">
        <v>993702</v>
      </c>
      <c r="CC16" s="327">
        <v>3644787</v>
      </c>
      <c r="CD16" s="328">
        <v>4638489</v>
      </c>
      <c r="CE16" s="326">
        <v>0</v>
      </c>
      <c r="CF16" s="327">
        <v>115164635</v>
      </c>
      <c r="CG16" s="327">
        <v>78743379</v>
      </c>
      <c r="CH16" s="327">
        <v>58830132</v>
      </c>
      <c r="CI16" s="327">
        <v>36733527</v>
      </c>
      <c r="CJ16" s="327">
        <v>20566675</v>
      </c>
      <c r="CK16" s="328">
        <v>310038348</v>
      </c>
      <c r="CL16" s="330">
        <v>314676837</v>
      </c>
      <c r="CM16" s="326">
        <v>0</v>
      </c>
      <c r="CN16" s="327">
        <v>0</v>
      </c>
      <c r="CO16" s="328">
        <v>0</v>
      </c>
      <c r="CP16" s="332">
        <v>0</v>
      </c>
      <c r="CQ16" s="327">
        <v>100912695</v>
      </c>
      <c r="CR16" s="327">
        <v>64217336</v>
      </c>
      <c r="CS16" s="327">
        <v>47782962</v>
      </c>
      <c r="CT16" s="327">
        <v>30735512</v>
      </c>
      <c r="CU16" s="327">
        <v>17645774</v>
      </c>
      <c r="CV16" s="328">
        <v>261294279</v>
      </c>
      <c r="CW16" s="330">
        <v>261294279</v>
      </c>
      <c r="CX16" s="326">
        <v>993702</v>
      </c>
      <c r="CY16" s="327">
        <v>3644787</v>
      </c>
      <c r="CZ16" s="328">
        <v>4638489</v>
      </c>
      <c r="DA16" s="326">
        <v>0</v>
      </c>
      <c r="DB16" s="327">
        <v>14251940</v>
      </c>
      <c r="DC16" s="327">
        <v>14526043</v>
      </c>
      <c r="DD16" s="327">
        <v>11047170</v>
      </c>
      <c r="DE16" s="327">
        <v>5998015</v>
      </c>
      <c r="DF16" s="327">
        <v>2920901</v>
      </c>
      <c r="DG16" s="328">
        <v>48744069</v>
      </c>
      <c r="DH16" s="330">
        <v>53382558</v>
      </c>
      <c r="DI16" s="326">
        <v>106518</v>
      </c>
      <c r="DJ16" s="327">
        <v>1136743</v>
      </c>
      <c r="DK16" s="331">
        <v>1243261</v>
      </c>
      <c r="DL16" s="332">
        <v>0</v>
      </c>
      <c r="DM16" s="327">
        <v>12352732</v>
      </c>
      <c r="DN16" s="327">
        <v>14586042</v>
      </c>
      <c r="DO16" s="327">
        <v>23423363</v>
      </c>
      <c r="DP16" s="327">
        <v>20999311</v>
      </c>
      <c r="DQ16" s="327">
        <v>10792351</v>
      </c>
      <c r="DR16" s="328">
        <v>82153799</v>
      </c>
      <c r="DS16" s="330">
        <v>83397060</v>
      </c>
      <c r="DT16" s="326">
        <v>106518</v>
      </c>
      <c r="DU16" s="327">
        <v>1136743</v>
      </c>
      <c r="DV16" s="328">
        <v>1243261</v>
      </c>
      <c r="DW16" s="326">
        <v>0</v>
      </c>
      <c r="DX16" s="327">
        <v>11975573</v>
      </c>
      <c r="DY16" s="327">
        <v>13437659</v>
      </c>
      <c r="DZ16" s="327">
        <v>21852161</v>
      </c>
      <c r="EA16" s="327">
        <v>19775092</v>
      </c>
      <c r="EB16" s="327">
        <v>9510437</v>
      </c>
      <c r="EC16" s="328">
        <v>76550922</v>
      </c>
      <c r="ED16" s="330">
        <v>77794183</v>
      </c>
      <c r="EE16" s="326">
        <v>0</v>
      </c>
      <c r="EF16" s="331">
        <v>0</v>
      </c>
      <c r="EG16" s="328">
        <v>0</v>
      </c>
      <c r="EH16" s="326">
        <v>0</v>
      </c>
      <c r="EI16" s="327">
        <v>377159</v>
      </c>
      <c r="EJ16" s="327">
        <v>1148383</v>
      </c>
      <c r="EK16" s="327">
        <v>1571202</v>
      </c>
      <c r="EL16" s="327">
        <v>1224219</v>
      </c>
      <c r="EM16" s="327">
        <v>1281914</v>
      </c>
      <c r="EN16" s="331">
        <v>5602877</v>
      </c>
      <c r="EO16" s="330">
        <v>5602877</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8985821</v>
      </c>
      <c r="FM16" s="327">
        <v>11453344</v>
      </c>
      <c r="FN16" s="328">
        <v>20439165</v>
      </c>
      <c r="FO16" s="326">
        <v>0</v>
      </c>
      <c r="FP16" s="327">
        <v>20921761</v>
      </c>
      <c r="FQ16" s="327">
        <v>25719990</v>
      </c>
      <c r="FR16" s="327">
        <v>19850965</v>
      </c>
      <c r="FS16" s="327">
        <v>18310462</v>
      </c>
      <c r="FT16" s="327">
        <v>15163677</v>
      </c>
      <c r="FU16" s="328">
        <v>99966855</v>
      </c>
      <c r="FV16" s="330">
        <v>120406020</v>
      </c>
      <c r="FW16" s="333">
        <v>5161428</v>
      </c>
      <c r="FX16" s="327">
        <v>8535116</v>
      </c>
      <c r="FY16" s="331">
        <v>13696544</v>
      </c>
      <c r="FZ16" s="332">
        <v>0</v>
      </c>
      <c r="GA16" s="327">
        <v>17461485</v>
      </c>
      <c r="GB16" s="327">
        <v>23718945</v>
      </c>
      <c r="GC16" s="327">
        <v>18413169</v>
      </c>
      <c r="GD16" s="327">
        <v>17296807</v>
      </c>
      <c r="GE16" s="327">
        <v>14677342</v>
      </c>
      <c r="GF16" s="328">
        <v>91567748</v>
      </c>
      <c r="GG16" s="334">
        <v>105264292</v>
      </c>
      <c r="GH16" s="333">
        <v>410238</v>
      </c>
      <c r="GI16" s="327">
        <v>452118</v>
      </c>
      <c r="GJ16" s="331">
        <v>862356</v>
      </c>
      <c r="GK16" s="332">
        <v>0</v>
      </c>
      <c r="GL16" s="327">
        <v>1316249</v>
      </c>
      <c r="GM16" s="327">
        <v>786156</v>
      </c>
      <c r="GN16" s="327">
        <v>810566</v>
      </c>
      <c r="GO16" s="327">
        <v>691405</v>
      </c>
      <c r="GP16" s="327">
        <v>218735</v>
      </c>
      <c r="GQ16" s="328">
        <v>3823111</v>
      </c>
      <c r="GR16" s="330">
        <v>4685467</v>
      </c>
      <c r="GS16" s="326">
        <v>3414155</v>
      </c>
      <c r="GT16" s="327">
        <v>2466110</v>
      </c>
      <c r="GU16" s="328">
        <v>5880265</v>
      </c>
      <c r="GV16" s="326">
        <v>0</v>
      </c>
      <c r="GW16" s="327">
        <v>2144027</v>
      </c>
      <c r="GX16" s="327">
        <v>1214889</v>
      </c>
      <c r="GY16" s="327">
        <v>627230</v>
      </c>
      <c r="GZ16" s="327">
        <v>322250</v>
      </c>
      <c r="HA16" s="327">
        <v>267600</v>
      </c>
      <c r="HB16" s="331">
        <v>4575996</v>
      </c>
      <c r="HC16" s="330">
        <v>10456261</v>
      </c>
      <c r="HD16" s="326">
        <v>4569574</v>
      </c>
      <c r="HE16" s="327">
        <v>6822013</v>
      </c>
      <c r="HF16" s="331">
        <v>11391587</v>
      </c>
      <c r="HG16" s="332">
        <v>0</v>
      </c>
      <c r="HH16" s="327">
        <v>57870235</v>
      </c>
      <c r="HI16" s="327">
        <v>54548974</v>
      </c>
      <c r="HJ16" s="327">
        <v>50358610</v>
      </c>
      <c r="HK16" s="327">
        <v>60070738</v>
      </c>
      <c r="HL16" s="327">
        <v>37960409</v>
      </c>
      <c r="HM16" s="328">
        <v>260808966</v>
      </c>
      <c r="HN16" s="329">
        <v>272200553</v>
      </c>
      <c r="HO16" s="333">
        <v>5859967</v>
      </c>
      <c r="HP16" s="327">
        <v>7552068</v>
      </c>
      <c r="HQ16" s="328">
        <v>13412035</v>
      </c>
      <c r="HR16" s="326">
        <v>0</v>
      </c>
      <c r="HS16" s="327">
        <v>57322801</v>
      </c>
      <c r="HT16" s="327">
        <v>30618879</v>
      </c>
      <c r="HU16" s="327">
        <v>22549499</v>
      </c>
      <c r="HV16" s="327">
        <v>17318751</v>
      </c>
      <c r="HW16" s="327">
        <v>11362096</v>
      </c>
      <c r="HX16" s="331">
        <v>139172026</v>
      </c>
      <c r="HY16" s="330">
        <v>152584061</v>
      </c>
      <c r="HZ16" s="358">
        <v>566195</v>
      </c>
      <c r="IA16" s="356">
        <v>2144835</v>
      </c>
      <c r="IB16" s="358">
        <v>2711030</v>
      </c>
      <c r="IC16" s="355">
        <v>0</v>
      </c>
      <c r="ID16" s="356">
        <v>86102990</v>
      </c>
      <c r="IE16" s="357">
        <v>76183788</v>
      </c>
      <c r="IF16" s="358">
        <v>86895817</v>
      </c>
      <c r="IG16" s="356">
        <v>87057316</v>
      </c>
      <c r="IH16" s="358">
        <v>72303309</v>
      </c>
      <c r="II16" s="359">
        <v>408543220</v>
      </c>
      <c r="IJ16" s="358">
        <v>411254250</v>
      </c>
      <c r="IK16" s="342">
        <v>0</v>
      </c>
      <c r="IL16" s="343">
        <v>0</v>
      </c>
      <c r="IM16" s="344">
        <v>0</v>
      </c>
      <c r="IN16" s="404">
        <v>0</v>
      </c>
      <c r="IO16" s="345">
        <v>1753521</v>
      </c>
      <c r="IP16" s="345">
        <v>2024614</v>
      </c>
      <c r="IQ16" s="345">
        <v>3018809</v>
      </c>
      <c r="IR16" s="345">
        <v>3471075</v>
      </c>
      <c r="IS16" s="345">
        <v>3171531</v>
      </c>
      <c r="IT16" s="346">
        <v>13439550</v>
      </c>
      <c r="IU16" s="347">
        <v>13439550</v>
      </c>
      <c r="IV16" s="348">
        <v>0</v>
      </c>
      <c r="IW16" s="345">
        <v>0</v>
      </c>
      <c r="IX16" s="349">
        <v>0</v>
      </c>
      <c r="IY16" s="413">
        <v>0</v>
      </c>
      <c r="IZ16" s="345">
        <v>103700</v>
      </c>
      <c r="JA16" s="345">
        <v>42094</v>
      </c>
      <c r="JB16" s="345">
        <v>76595</v>
      </c>
      <c r="JC16" s="345">
        <v>220034</v>
      </c>
      <c r="JD16" s="345">
        <v>216726</v>
      </c>
      <c r="JE16" s="349">
        <v>659149</v>
      </c>
      <c r="JF16" s="350">
        <v>659149</v>
      </c>
      <c r="JG16" s="348">
        <v>0</v>
      </c>
      <c r="JH16" s="345">
        <v>0</v>
      </c>
      <c r="JI16" s="346">
        <v>0</v>
      </c>
      <c r="JJ16" s="351">
        <v>0</v>
      </c>
      <c r="JK16" s="345">
        <v>27625365</v>
      </c>
      <c r="JL16" s="345">
        <v>16256463</v>
      </c>
      <c r="JM16" s="345">
        <v>12079827</v>
      </c>
      <c r="JN16" s="345">
        <v>7113772</v>
      </c>
      <c r="JO16" s="345">
        <v>1368194</v>
      </c>
      <c r="JP16" s="349">
        <v>64443621</v>
      </c>
      <c r="JQ16" s="347">
        <v>64443621</v>
      </c>
      <c r="JR16" s="348">
        <v>0</v>
      </c>
      <c r="JS16" s="345">
        <v>59079</v>
      </c>
      <c r="JT16" s="346">
        <v>59079</v>
      </c>
      <c r="JU16" s="351">
        <v>0</v>
      </c>
      <c r="JV16" s="345">
        <v>923134</v>
      </c>
      <c r="JW16" s="345">
        <v>1566644</v>
      </c>
      <c r="JX16" s="345">
        <v>3060377</v>
      </c>
      <c r="JY16" s="345">
        <v>1939508</v>
      </c>
      <c r="JZ16" s="345">
        <v>1899940</v>
      </c>
      <c r="KA16" s="349">
        <v>9389603</v>
      </c>
      <c r="KB16" s="347">
        <v>9448682</v>
      </c>
      <c r="KC16" s="352">
        <v>566195</v>
      </c>
      <c r="KD16" s="353">
        <v>1564197</v>
      </c>
      <c r="KE16" s="349">
        <v>2130392</v>
      </c>
      <c r="KF16" s="351">
        <v>0</v>
      </c>
      <c r="KG16" s="345">
        <v>13340234</v>
      </c>
      <c r="KH16" s="345">
        <v>12505022</v>
      </c>
      <c r="KI16" s="345">
        <v>14379448</v>
      </c>
      <c r="KJ16" s="345">
        <v>14483508</v>
      </c>
      <c r="KK16" s="345">
        <v>12816806</v>
      </c>
      <c r="KL16" s="349">
        <v>67525018</v>
      </c>
      <c r="KM16" s="354">
        <v>69655410</v>
      </c>
      <c r="KN16" s="342">
        <v>0</v>
      </c>
      <c r="KO16" s="343">
        <v>521559</v>
      </c>
      <c r="KP16" s="344">
        <v>521559</v>
      </c>
      <c r="KQ16" s="413">
        <v>0</v>
      </c>
      <c r="KR16" s="345">
        <v>30779843</v>
      </c>
      <c r="KS16" s="345">
        <v>32538962</v>
      </c>
      <c r="KT16" s="345">
        <v>37079180</v>
      </c>
      <c r="KU16" s="345">
        <v>27466214</v>
      </c>
      <c r="KV16" s="345">
        <v>25230110</v>
      </c>
      <c r="KW16" s="349">
        <v>153094309</v>
      </c>
      <c r="KX16" s="347">
        <v>153615868</v>
      </c>
      <c r="KY16" s="348">
        <v>0</v>
      </c>
      <c r="KZ16" s="345">
        <v>0</v>
      </c>
      <c r="LA16" s="349">
        <v>0</v>
      </c>
      <c r="LB16" s="413">
        <v>0</v>
      </c>
      <c r="LC16" s="345">
        <v>5766000</v>
      </c>
      <c r="LD16" s="345">
        <v>4152997</v>
      </c>
      <c r="LE16" s="345">
        <v>6714602</v>
      </c>
      <c r="LF16" s="345">
        <v>7603205</v>
      </c>
      <c r="LG16" s="345">
        <v>6957274</v>
      </c>
      <c r="LH16" s="349">
        <v>31194078</v>
      </c>
      <c r="LI16" s="350">
        <v>31194078</v>
      </c>
      <c r="LJ16" s="348">
        <v>0</v>
      </c>
      <c r="LK16" s="345">
        <v>0</v>
      </c>
      <c r="LL16" s="349">
        <v>0</v>
      </c>
      <c r="LM16" s="413">
        <v>0</v>
      </c>
      <c r="LN16" s="345">
        <v>0</v>
      </c>
      <c r="LO16" s="345">
        <v>221685</v>
      </c>
      <c r="LP16" s="345">
        <v>1037390</v>
      </c>
      <c r="LQ16" s="345">
        <v>6136288</v>
      </c>
      <c r="LR16" s="345">
        <v>5078065</v>
      </c>
      <c r="LS16" s="349">
        <v>12473428</v>
      </c>
      <c r="LT16" s="347">
        <v>12473428</v>
      </c>
      <c r="LU16" s="348">
        <v>0</v>
      </c>
      <c r="LV16" s="345">
        <v>0</v>
      </c>
      <c r="LW16" s="349">
        <v>0</v>
      </c>
      <c r="LX16" s="413">
        <v>0</v>
      </c>
      <c r="LY16" s="345">
        <v>5811193</v>
      </c>
      <c r="LZ16" s="345">
        <v>6875307</v>
      </c>
      <c r="MA16" s="345">
        <v>9449589</v>
      </c>
      <c r="MB16" s="345">
        <v>18623712</v>
      </c>
      <c r="MC16" s="345">
        <v>15564663</v>
      </c>
      <c r="MD16" s="349">
        <v>56324464</v>
      </c>
      <c r="ME16" s="350">
        <v>56324464</v>
      </c>
      <c r="MF16" s="348">
        <v>0</v>
      </c>
      <c r="MG16" s="345">
        <v>0</v>
      </c>
      <c r="MH16" s="349">
        <v>0</v>
      </c>
      <c r="MI16" s="413">
        <v>0</v>
      </c>
      <c r="MJ16" s="345">
        <v>25204015</v>
      </c>
      <c r="MK16" s="345">
        <v>47272129</v>
      </c>
      <c r="ML16" s="345">
        <v>122323095</v>
      </c>
      <c r="MM16" s="345">
        <v>243223914</v>
      </c>
      <c r="MN16" s="345">
        <v>168033198</v>
      </c>
      <c r="MO16" s="349">
        <v>606056351</v>
      </c>
      <c r="MP16" s="354">
        <v>606056351</v>
      </c>
      <c r="MQ16" s="348">
        <v>0</v>
      </c>
      <c r="MR16" s="345">
        <v>0</v>
      </c>
      <c r="MS16" s="349">
        <v>0</v>
      </c>
      <c r="MT16" s="413">
        <v>0</v>
      </c>
      <c r="MU16" s="345">
        <v>3553099</v>
      </c>
      <c r="MV16" s="345">
        <v>11870493</v>
      </c>
      <c r="MW16" s="345">
        <v>82606325</v>
      </c>
      <c r="MX16" s="345">
        <v>175657736</v>
      </c>
      <c r="MY16" s="345">
        <v>125602663</v>
      </c>
      <c r="MZ16" s="349">
        <v>399290316</v>
      </c>
      <c r="NA16" s="354">
        <v>399290316</v>
      </c>
      <c r="NB16" s="348">
        <v>0</v>
      </c>
      <c r="NC16" s="345">
        <v>0</v>
      </c>
      <c r="ND16" s="349">
        <v>0</v>
      </c>
      <c r="NE16" s="413">
        <v>0</v>
      </c>
      <c r="NF16" s="345">
        <v>21572292</v>
      </c>
      <c r="NG16" s="345">
        <v>35401636</v>
      </c>
      <c r="NH16" s="345">
        <v>38333959</v>
      </c>
      <c r="NI16" s="345">
        <v>65648942</v>
      </c>
      <c r="NJ16" s="345">
        <v>31219800</v>
      </c>
      <c r="NK16" s="349">
        <v>192176629</v>
      </c>
      <c r="NL16" s="347">
        <v>192176629</v>
      </c>
      <c r="NM16" s="348">
        <v>0</v>
      </c>
      <c r="NN16" s="345">
        <v>0</v>
      </c>
      <c r="NO16" s="349">
        <v>0</v>
      </c>
      <c r="NP16" s="413">
        <v>0</v>
      </c>
      <c r="NQ16" s="345">
        <v>0</v>
      </c>
      <c r="NR16" s="345">
        <v>0</v>
      </c>
      <c r="NS16" s="345">
        <v>0</v>
      </c>
      <c r="NT16" s="345">
        <v>0</v>
      </c>
      <c r="NU16" s="345">
        <v>0</v>
      </c>
      <c r="NV16" s="349">
        <v>0</v>
      </c>
      <c r="NW16" s="350">
        <v>0</v>
      </c>
      <c r="NX16" s="348">
        <v>0</v>
      </c>
      <c r="NY16" s="345">
        <v>0</v>
      </c>
      <c r="NZ16" s="349">
        <v>0</v>
      </c>
      <c r="OA16" s="413">
        <v>0</v>
      </c>
      <c r="OB16" s="345">
        <v>78624</v>
      </c>
      <c r="OC16" s="345">
        <v>0</v>
      </c>
      <c r="OD16" s="345">
        <v>1382811</v>
      </c>
      <c r="OE16" s="345">
        <v>1917236</v>
      </c>
      <c r="OF16" s="345">
        <v>11210735</v>
      </c>
      <c r="OG16" s="349">
        <v>14589406</v>
      </c>
      <c r="OH16" s="350">
        <v>14589406</v>
      </c>
      <c r="OI16" s="348">
        <v>28472547</v>
      </c>
      <c r="OJ16" s="345">
        <v>46972607</v>
      </c>
      <c r="OK16" s="346">
        <v>75445154</v>
      </c>
      <c r="OL16" s="351">
        <v>0</v>
      </c>
      <c r="OM16" s="345">
        <v>493312572</v>
      </c>
      <c r="ON16" s="345">
        <v>428288333</v>
      </c>
      <c r="OO16" s="345">
        <v>490029600</v>
      </c>
      <c r="OP16" s="345">
        <v>614250116</v>
      </c>
      <c r="OQ16" s="345">
        <v>453741232</v>
      </c>
      <c r="OR16" s="349">
        <v>2479621853</v>
      </c>
      <c r="OS16" s="354">
        <v>2555067007</v>
      </c>
    </row>
    <row r="17" spans="2:409" s="70" customFormat="1" ht="21" customHeight="1" x14ac:dyDescent="0.2">
      <c r="B17" s="410" t="s">
        <v>11</v>
      </c>
      <c r="C17" s="326">
        <v>13484372</v>
      </c>
      <c r="D17" s="327">
        <v>19265828</v>
      </c>
      <c r="E17" s="365">
        <v>32750200</v>
      </c>
      <c r="F17" s="332">
        <v>0</v>
      </c>
      <c r="G17" s="327">
        <v>163294973</v>
      </c>
      <c r="H17" s="327">
        <v>147571357</v>
      </c>
      <c r="I17" s="327">
        <v>144582869</v>
      </c>
      <c r="J17" s="327">
        <v>147170810</v>
      </c>
      <c r="K17" s="327">
        <v>109884116</v>
      </c>
      <c r="L17" s="329">
        <v>712504125</v>
      </c>
      <c r="M17" s="330">
        <v>745254325</v>
      </c>
      <c r="N17" s="326">
        <v>1877198</v>
      </c>
      <c r="O17" s="327">
        <v>4029517</v>
      </c>
      <c r="P17" s="328">
        <v>5906715</v>
      </c>
      <c r="Q17" s="326">
        <v>0</v>
      </c>
      <c r="R17" s="327">
        <v>40517929</v>
      </c>
      <c r="S17" s="327">
        <v>41109018</v>
      </c>
      <c r="T17" s="327">
        <v>47564591</v>
      </c>
      <c r="U17" s="327">
        <v>51736859</v>
      </c>
      <c r="V17" s="327">
        <v>55939997</v>
      </c>
      <c r="W17" s="328">
        <v>236868394</v>
      </c>
      <c r="X17" s="330">
        <v>242775109</v>
      </c>
      <c r="Y17" s="326">
        <v>0</v>
      </c>
      <c r="Z17" s="327">
        <v>0</v>
      </c>
      <c r="AA17" s="328">
        <v>0</v>
      </c>
      <c r="AB17" s="326">
        <v>0</v>
      </c>
      <c r="AC17" s="327">
        <v>19174994</v>
      </c>
      <c r="AD17" s="327">
        <v>20775543</v>
      </c>
      <c r="AE17" s="327">
        <v>28228207</v>
      </c>
      <c r="AF17" s="327">
        <v>30782430</v>
      </c>
      <c r="AG17" s="327">
        <v>34906962</v>
      </c>
      <c r="AH17" s="328">
        <v>133868136</v>
      </c>
      <c r="AI17" s="330">
        <v>133868136</v>
      </c>
      <c r="AJ17" s="326">
        <v>0</v>
      </c>
      <c r="AK17" s="327">
        <v>0</v>
      </c>
      <c r="AL17" s="328">
        <v>0</v>
      </c>
      <c r="AM17" s="326">
        <v>0</v>
      </c>
      <c r="AN17" s="327">
        <v>185501</v>
      </c>
      <c r="AO17" s="327">
        <v>733850</v>
      </c>
      <c r="AP17" s="327">
        <v>998636</v>
      </c>
      <c r="AQ17" s="327">
        <v>2989592</v>
      </c>
      <c r="AR17" s="327">
        <v>5238819</v>
      </c>
      <c r="AS17" s="328">
        <v>10146398</v>
      </c>
      <c r="AT17" s="330">
        <v>10146398</v>
      </c>
      <c r="AU17" s="326">
        <v>1214690</v>
      </c>
      <c r="AV17" s="327">
        <v>3206375</v>
      </c>
      <c r="AW17" s="328">
        <v>4421065</v>
      </c>
      <c r="AX17" s="326">
        <v>0</v>
      </c>
      <c r="AY17" s="327">
        <v>14581474</v>
      </c>
      <c r="AZ17" s="327">
        <v>12013084</v>
      </c>
      <c r="BA17" s="327">
        <v>10685766</v>
      </c>
      <c r="BB17" s="327">
        <v>10584951</v>
      </c>
      <c r="BC17" s="327">
        <v>10975666</v>
      </c>
      <c r="BD17" s="328">
        <v>58840941</v>
      </c>
      <c r="BE17" s="330">
        <v>63262006</v>
      </c>
      <c r="BF17" s="326">
        <v>87252</v>
      </c>
      <c r="BG17" s="327">
        <v>207605</v>
      </c>
      <c r="BH17" s="331">
        <v>294857</v>
      </c>
      <c r="BI17" s="332">
        <v>0</v>
      </c>
      <c r="BJ17" s="327">
        <v>999107</v>
      </c>
      <c r="BK17" s="327">
        <v>763827</v>
      </c>
      <c r="BL17" s="327">
        <v>1241728</v>
      </c>
      <c r="BM17" s="327">
        <v>758108</v>
      </c>
      <c r="BN17" s="327">
        <v>341957</v>
      </c>
      <c r="BO17" s="328">
        <v>4104727</v>
      </c>
      <c r="BP17" s="330">
        <v>4399584</v>
      </c>
      <c r="BQ17" s="326">
        <v>575256</v>
      </c>
      <c r="BR17" s="327">
        <v>615537</v>
      </c>
      <c r="BS17" s="328">
        <v>1190793</v>
      </c>
      <c r="BT17" s="326">
        <v>0</v>
      </c>
      <c r="BU17" s="327">
        <v>5576853</v>
      </c>
      <c r="BV17" s="327">
        <v>6822714</v>
      </c>
      <c r="BW17" s="327">
        <v>6410254</v>
      </c>
      <c r="BX17" s="327">
        <v>6621778</v>
      </c>
      <c r="BY17" s="327">
        <v>4476593</v>
      </c>
      <c r="BZ17" s="328">
        <v>29908192</v>
      </c>
      <c r="CA17" s="330">
        <v>31098985</v>
      </c>
      <c r="CB17" s="326">
        <v>2789252</v>
      </c>
      <c r="CC17" s="327">
        <v>4062864</v>
      </c>
      <c r="CD17" s="328">
        <v>6852116</v>
      </c>
      <c r="CE17" s="326">
        <v>0</v>
      </c>
      <c r="CF17" s="327">
        <v>49464392</v>
      </c>
      <c r="CG17" s="327">
        <v>40524527</v>
      </c>
      <c r="CH17" s="327">
        <v>33137884</v>
      </c>
      <c r="CI17" s="327">
        <v>24959401</v>
      </c>
      <c r="CJ17" s="327">
        <v>12592628</v>
      </c>
      <c r="CK17" s="328">
        <v>160678832</v>
      </c>
      <c r="CL17" s="330">
        <v>167530948</v>
      </c>
      <c r="CM17" s="326">
        <v>0</v>
      </c>
      <c r="CN17" s="327">
        <v>0</v>
      </c>
      <c r="CO17" s="328">
        <v>0</v>
      </c>
      <c r="CP17" s="332">
        <v>0</v>
      </c>
      <c r="CQ17" s="327">
        <v>38672392</v>
      </c>
      <c r="CR17" s="327">
        <v>31756644</v>
      </c>
      <c r="CS17" s="327">
        <v>27211407</v>
      </c>
      <c r="CT17" s="327">
        <v>18773137</v>
      </c>
      <c r="CU17" s="327">
        <v>10001441</v>
      </c>
      <c r="CV17" s="328">
        <v>126415021</v>
      </c>
      <c r="CW17" s="330">
        <v>126415021</v>
      </c>
      <c r="CX17" s="326">
        <v>2789252</v>
      </c>
      <c r="CY17" s="327">
        <v>4062864</v>
      </c>
      <c r="CZ17" s="328">
        <v>6852116</v>
      </c>
      <c r="DA17" s="326">
        <v>0</v>
      </c>
      <c r="DB17" s="327">
        <v>10792000</v>
      </c>
      <c r="DC17" s="327">
        <v>8767883</v>
      </c>
      <c r="DD17" s="327">
        <v>5926477</v>
      </c>
      <c r="DE17" s="327">
        <v>6186264</v>
      </c>
      <c r="DF17" s="327">
        <v>2591187</v>
      </c>
      <c r="DG17" s="328">
        <v>34263811</v>
      </c>
      <c r="DH17" s="330">
        <v>41115927</v>
      </c>
      <c r="DI17" s="326">
        <v>136248</v>
      </c>
      <c r="DJ17" s="327">
        <v>609012</v>
      </c>
      <c r="DK17" s="331">
        <v>745260</v>
      </c>
      <c r="DL17" s="332">
        <v>0</v>
      </c>
      <c r="DM17" s="327">
        <v>5016325</v>
      </c>
      <c r="DN17" s="327">
        <v>6666527</v>
      </c>
      <c r="DO17" s="327">
        <v>13648470</v>
      </c>
      <c r="DP17" s="327">
        <v>10789341</v>
      </c>
      <c r="DQ17" s="327">
        <v>7074025</v>
      </c>
      <c r="DR17" s="328">
        <v>43194688</v>
      </c>
      <c r="DS17" s="330">
        <v>43939948</v>
      </c>
      <c r="DT17" s="326">
        <v>136248</v>
      </c>
      <c r="DU17" s="327">
        <v>514201</v>
      </c>
      <c r="DV17" s="328">
        <v>650449</v>
      </c>
      <c r="DW17" s="326">
        <v>0</v>
      </c>
      <c r="DX17" s="327">
        <v>4461954</v>
      </c>
      <c r="DY17" s="327">
        <v>6393930</v>
      </c>
      <c r="DZ17" s="327">
        <v>12793757</v>
      </c>
      <c r="EA17" s="327">
        <v>9804457</v>
      </c>
      <c r="EB17" s="327">
        <v>5889886</v>
      </c>
      <c r="EC17" s="328">
        <v>39343984</v>
      </c>
      <c r="ED17" s="330">
        <v>39994433</v>
      </c>
      <c r="EE17" s="326">
        <v>0</v>
      </c>
      <c r="EF17" s="331">
        <v>94811</v>
      </c>
      <c r="EG17" s="328">
        <v>94811</v>
      </c>
      <c r="EH17" s="326">
        <v>0</v>
      </c>
      <c r="EI17" s="327">
        <v>554371</v>
      </c>
      <c r="EJ17" s="327">
        <v>272597</v>
      </c>
      <c r="EK17" s="327">
        <v>854713</v>
      </c>
      <c r="EL17" s="327">
        <v>984884</v>
      </c>
      <c r="EM17" s="327">
        <v>1184139</v>
      </c>
      <c r="EN17" s="331">
        <v>3850704</v>
      </c>
      <c r="EO17" s="330">
        <v>3945515</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3692878</v>
      </c>
      <c r="FM17" s="327">
        <v>4446114</v>
      </c>
      <c r="FN17" s="328">
        <v>8138992</v>
      </c>
      <c r="FO17" s="326">
        <v>0</v>
      </c>
      <c r="FP17" s="327">
        <v>8396688</v>
      </c>
      <c r="FQ17" s="327">
        <v>12163931</v>
      </c>
      <c r="FR17" s="327">
        <v>11279880</v>
      </c>
      <c r="FS17" s="327">
        <v>9905038</v>
      </c>
      <c r="FT17" s="327">
        <v>7896729</v>
      </c>
      <c r="FU17" s="328">
        <v>49642266</v>
      </c>
      <c r="FV17" s="330">
        <v>57781258</v>
      </c>
      <c r="FW17" s="333">
        <v>2198423</v>
      </c>
      <c r="FX17" s="327">
        <v>3481250</v>
      </c>
      <c r="FY17" s="331">
        <v>5679673</v>
      </c>
      <c r="FZ17" s="332">
        <v>0</v>
      </c>
      <c r="GA17" s="327">
        <v>6906108</v>
      </c>
      <c r="GB17" s="327">
        <v>11433887</v>
      </c>
      <c r="GC17" s="327">
        <v>10168886</v>
      </c>
      <c r="GD17" s="327">
        <v>9568780</v>
      </c>
      <c r="GE17" s="327">
        <v>7808048</v>
      </c>
      <c r="GF17" s="328">
        <v>45885709</v>
      </c>
      <c r="GG17" s="334">
        <v>51565382</v>
      </c>
      <c r="GH17" s="333">
        <v>243135</v>
      </c>
      <c r="GI17" s="327">
        <v>295449</v>
      </c>
      <c r="GJ17" s="331">
        <v>538584</v>
      </c>
      <c r="GK17" s="332">
        <v>0</v>
      </c>
      <c r="GL17" s="327">
        <v>645903</v>
      </c>
      <c r="GM17" s="327">
        <v>448794</v>
      </c>
      <c r="GN17" s="327">
        <v>247770</v>
      </c>
      <c r="GO17" s="327">
        <v>186858</v>
      </c>
      <c r="GP17" s="327">
        <v>80982</v>
      </c>
      <c r="GQ17" s="328">
        <v>1610307</v>
      </c>
      <c r="GR17" s="330">
        <v>2148891</v>
      </c>
      <c r="GS17" s="326">
        <v>1251320</v>
      </c>
      <c r="GT17" s="327">
        <v>669415</v>
      </c>
      <c r="GU17" s="328">
        <v>1920735</v>
      </c>
      <c r="GV17" s="326">
        <v>0</v>
      </c>
      <c r="GW17" s="327">
        <v>844677</v>
      </c>
      <c r="GX17" s="327">
        <v>281250</v>
      </c>
      <c r="GY17" s="327">
        <v>863224</v>
      </c>
      <c r="GZ17" s="327">
        <v>149400</v>
      </c>
      <c r="HA17" s="327">
        <v>7699</v>
      </c>
      <c r="HB17" s="331">
        <v>2146250</v>
      </c>
      <c r="HC17" s="330">
        <v>4066985</v>
      </c>
      <c r="HD17" s="326">
        <v>2400763</v>
      </c>
      <c r="HE17" s="327">
        <v>2979256</v>
      </c>
      <c r="HF17" s="331">
        <v>5380019</v>
      </c>
      <c r="HG17" s="332">
        <v>0</v>
      </c>
      <c r="HH17" s="327">
        <v>32385145</v>
      </c>
      <c r="HI17" s="327">
        <v>29634657</v>
      </c>
      <c r="HJ17" s="327">
        <v>24275123</v>
      </c>
      <c r="HK17" s="327">
        <v>39231433</v>
      </c>
      <c r="HL17" s="327">
        <v>20023987</v>
      </c>
      <c r="HM17" s="328">
        <v>145550345</v>
      </c>
      <c r="HN17" s="329">
        <v>150930364</v>
      </c>
      <c r="HO17" s="333">
        <v>2588033</v>
      </c>
      <c r="HP17" s="327">
        <v>3139065</v>
      </c>
      <c r="HQ17" s="328">
        <v>5727098</v>
      </c>
      <c r="HR17" s="326">
        <v>0</v>
      </c>
      <c r="HS17" s="327">
        <v>27514494</v>
      </c>
      <c r="HT17" s="327">
        <v>17472697</v>
      </c>
      <c r="HU17" s="327">
        <v>14676921</v>
      </c>
      <c r="HV17" s="327">
        <v>10548738</v>
      </c>
      <c r="HW17" s="327">
        <v>6356750</v>
      </c>
      <c r="HX17" s="331">
        <v>76569600</v>
      </c>
      <c r="HY17" s="330">
        <v>82296698</v>
      </c>
      <c r="HZ17" s="335">
        <v>313368</v>
      </c>
      <c r="IA17" s="336">
        <v>945954</v>
      </c>
      <c r="IB17" s="337">
        <v>1259322</v>
      </c>
      <c r="IC17" s="338">
        <v>0</v>
      </c>
      <c r="ID17" s="336">
        <v>53493388</v>
      </c>
      <c r="IE17" s="339">
        <v>58209941</v>
      </c>
      <c r="IF17" s="337">
        <v>58630018</v>
      </c>
      <c r="IG17" s="336">
        <v>43197176</v>
      </c>
      <c r="IH17" s="337">
        <v>17668162</v>
      </c>
      <c r="II17" s="340">
        <v>231198685</v>
      </c>
      <c r="IJ17" s="341">
        <v>232458007</v>
      </c>
      <c r="IK17" s="342">
        <v>0</v>
      </c>
      <c r="IL17" s="343">
        <v>0</v>
      </c>
      <c r="IM17" s="344">
        <v>0</v>
      </c>
      <c r="IN17" s="404">
        <v>0</v>
      </c>
      <c r="IO17" s="345">
        <v>860353</v>
      </c>
      <c r="IP17" s="345">
        <v>1395780</v>
      </c>
      <c r="IQ17" s="345">
        <v>706879</v>
      </c>
      <c r="IR17" s="345">
        <v>1602734</v>
      </c>
      <c r="IS17" s="345">
        <v>993081</v>
      </c>
      <c r="IT17" s="346">
        <v>5558827</v>
      </c>
      <c r="IU17" s="347">
        <v>5558827</v>
      </c>
      <c r="IV17" s="348">
        <v>0</v>
      </c>
      <c r="IW17" s="345">
        <v>0</v>
      </c>
      <c r="IX17" s="349">
        <v>0</v>
      </c>
      <c r="IY17" s="413">
        <v>0</v>
      </c>
      <c r="IZ17" s="345">
        <v>188209</v>
      </c>
      <c r="JA17" s="345">
        <v>229977</v>
      </c>
      <c r="JB17" s="345">
        <v>150760</v>
      </c>
      <c r="JC17" s="345">
        <v>457365</v>
      </c>
      <c r="JD17" s="345">
        <v>160815</v>
      </c>
      <c r="JE17" s="349">
        <v>1187126</v>
      </c>
      <c r="JF17" s="350">
        <v>1187126</v>
      </c>
      <c r="JG17" s="348">
        <v>0</v>
      </c>
      <c r="JH17" s="345">
        <v>0</v>
      </c>
      <c r="JI17" s="346">
        <v>0</v>
      </c>
      <c r="JJ17" s="351">
        <v>0</v>
      </c>
      <c r="JK17" s="345">
        <v>28600473</v>
      </c>
      <c r="JL17" s="345">
        <v>22335704</v>
      </c>
      <c r="JM17" s="345">
        <v>21743272</v>
      </c>
      <c r="JN17" s="345">
        <v>10843420</v>
      </c>
      <c r="JO17" s="345">
        <v>5391045</v>
      </c>
      <c r="JP17" s="349">
        <v>88913914</v>
      </c>
      <c r="JQ17" s="347">
        <v>88913914</v>
      </c>
      <c r="JR17" s="348">
        <v>0</v>
      </c>
      <c r="JS17" s="345">
        <v>0</v>
      </c>
      <c r="JT17" s="346">
        <v>0</v>
      </c>
      <c r="JU17" s="351">
        <v>0</v>
      </c>
      <c r="JV17" s="345">
        <v>1855782</v>
      </c>
      <c r="JW17" s="345">
        <v>1870646</v>
      </c>
      <c r="JX17" s="345">
        <v>1235947</v>
      </c>
      <c r="JY17" s="345">
        <v>713126</v>
      </c>
      <c r="JZ17" s="345">
        <v>374280</v>
      </c>
      <c r="KA17" s="349">
        <v>6049781</v>
      </c>
      <c r="KB17" s="347">
        <v>6049781</v>
      </c>
      <c r="KC17" s="352">
        <v>313368</v>
      </c>
      <c r="KD17" s="353">
        <v>422176</v>
      </c>
      <c r="KE17" s="349">
        <v>735544</v>
      </c>
      <c r="KF17" s="351">
        <v>0</v>
      </c>
      <c r="KG17" s="345">
        <v>5735882</v>
      </c>
      <c r="KH17" s="345">
        <v>8206685</v>
      </c>
      <c r="KI17" s="345">
        <v>9144424</v>
      </c>
      <c r="KJ17" s="345">
        <v>6585202</v>
      </c>
      <c r="KK17" s="345">
        <v>2623328</v>
      </c>
      <c r="KL17" s="349">
        <v>32295521</v>
      </c>
      <c r="KM17" s="354">
        <v>33031065</v>
      </c>
      <c r="KN17" s="342">
        <v>0</v>
      </c>
      <c r="KO17" s="343">
        <v>523778</v>
      </c>
      <c r="KP17" s="344">
        <v>523778</v>
      </c>
      <c r="KQ17" s="413">
        <v>0</v>
      </c>
      <c r="KR17" s="345">
        <v>14377796</v>
      </c>
      <c r="KS17" s="345">
        <v>22649945</v>
      </c>
      <c r="KT17" s="345">
        <v>23834213</v>
      </c>
      <c r="KU17" s="345">
        <v>19502458</v>
      </c>
      <c r="KV17" s="345">
        <v>6117524</v>
      </c>
      <c r="KW17" s="349">
        <v>86481936</v>
      </c>
      <c r="KX17" s="347">
        <v>87005714</v>
      </c>
      <c r="KY17" s="348">
        <v>0</v>
      </c>
      <c r="KZ17" s="345">
        <v>0</v>
      </c>
      <c r="LA17" s="349">
        <v>0</v>
      </c>
      <c r="LB17" s="413">
        <v>0</v>
      </c>
      <c r="LC17" s="345">
        <v>0</v>
      </c>
      <c r="LD17" s="345">
        <v>0</v>
      </c>
      <c r="LE17" s="345">
        <v>0</v>
      </c>
      <c r="LF17" s="345">
        <v>0</v>
      </c>
      <c r="LG17" s="345">
        <v>0</v>
      </c>
      <c r="LH17" s="349">
        <v>0</v>
      </c>
      <c r="LI17" s="350">
        <v>0</v>
      </c>
      <c r="LJ17" s="348">
        <v>0</v>
      </c>
      <c r="LK17" s="345">
        <v>0</v>
      </c>
      <c r="LL17" s="349">
        <v>0</v>
      </c>
      <c r="LM17" s="413">
        <v>0</v>
      </c>
      <c r="LN17" s="345">
        <v>0</v>
      </c>
      <c r="LO17" s="345">
        <v>0</v>
      </c>
      <c r="LP17" s="345">
        <v>0</v>
      </c>
      <c r="LQ17" s="345">
        <v>622512</v>
      </c>
      <c r="LR17" s="345">
        <v>0</v>
      </c>
      <c r="LS17" s="349">
        <v>622512</v>
      </c>
      <c r="LT17" s="347">
        <v>622512</v>
      </c>
      <c r="LU17" s="348">
        <v>0</v>
      </c>
      <c r="LV17" s="345">
        <v>0</v>
      </c>
      <c r="LW17" s="349">
        <v>0</v>
      </c>
      <c r="LX17" s="413">
        <v>0</v>
      </c>
      <c r="LY17" s="345">
        <v>1874893</v>
      </c>
      <c r="LZ17" s="345">
        <v>1521204</v>
      </c>
      <c r="MA17" s="345">
        <v>1814523</v>
      </c>
      <c r="MB17" s="345">
        <v>2870359</v>
      </c>
      <c r="MC17" s="345">
        <v>2008089</v>
      </c>
      <c r="MD17" s="349">
        <v>10089068</v>
      </c>
      <c r="ME17" s="350">
        <v>10089068</v>
      </c>
      <c r="MF17" s="348">
        <v>0</v>
      </c>
      <c r="MG17" s="345">
        <v>0</v>
      </c>
      <c r="MH17" s="349">
        <v>0</v>
      </c>
      <c r="MI17" s="413">
        <v>0</v>
      </c>
      <c r="MJ17" s="345">
        <v>12259836</v>
      </c>
      <c r="MK17" s="345">
        <v>29506971</v>
      </c>
      <c r="ML17" s="345">
        <v>97099412</v>
      </c>
      <c r="MM17" s="345">
        <v>169921476</v>
      </c>
      <c r="MN17" s="345">
        <v>112067124</v>
      </c>
      <c r="MO17" s="349">
        <v>420854819</v>
      </c>
      <c r="MP17" s="354">
        <v>420854819</v>
      </c>
      <c r="MQ17" s="348">
        <v>0</v>
      </c>
      <c r="MR17" s="345">
        <v>0</v>
      </c>
      <c r="MS17" s="349">
        <v>0</v>
      </c>
      <c r="MT17" s="413">
        <v>0</v>
      </c>
      <c r="MU17" s="345">
        <v>458990</v>
      </c>
      <c r="MV17" s="345">
        <v>1183931</v>
      </c>
      <c r="MW17" s="345">
        <v>52537971</v>
      </c>
      <c r="MX17" s="345">
        <v>112589315</v>
      </c>
      <c r="MY17" s="345">
        <v>67155650</v>
      </c>
      <c r="MZ17" s="349">
        <v>233925857</v>
      </c>
      <c r="NA17" s="354">
        <v>233925857</v>
      </c>
      <c r="NB17" s="348">
        <v>0</v>
      </c>
      <c r="NC17" s="345">
        <v>0</v>
      </c>
      <c r="ND17" s="349">
        <v>0</v>
      </c>
      <c r="NE17" s="413">
        <v>0</v>
      </c>
      <c r="NF17" s="345">
        <v>10604732</v>
      </c>
      <c r="NG17" s="345">
        <v>26582789</v>
      </c>
      <c r="NH17" s="345">
        <v>40045812</v>
      </c>
      <c r="NI17" s="345">
        <v>52158767</v>
      </c>
      <c r="NJ17" s="345">
        <v>28794774</v>
      </c>
      <c r="NK17" s="349">
        <v>158186874</v>
      </c>
      <c r="NL17" s="347">
        <v>158186874</v>
      </c>
      <c r="NM17" s="348">
        <v>0</v>
      </c>
      <c r="NN17" s="345">
        <v>0</v>
      </c>
      <c r="NO17" s="349">
        <v>0</v>
      </c>
      <c r="NP17" s="413">
        <v>0</v>
      </c>
      <c r="NQ17" s="345">
        <v>0</v>
      </c>
      <c r="NR17" s="345">
        <v>0</v>
      </c>
      <c r="NS17" s="345">
        <v>0</v>
      </c>
      <c r="NT17" s="345">
        <v>0</v>
      </c>
      <c r="NU17" s="345">
        <v>0</v>
      </c>
      <c r="NV17" s="349">
        <v>0</v>
      </c>
      <c r="NW17" s="350">
        <v>0</v>
      </c>
      <c r="NX17" s="348">
        <v>0</v>
      </c>
      <c r="NY17" s="345">
        <v>0</v>
      </c>
      <c r="NZ17" s="349">
        <v>0</v>
      </c>
      <c r="OA17" s="413">
        <v>0</v>
      </c>
      <c r="OB17" s="345">
        <v>1196114</v>
      </c>
      <c r="OC17" s="345">
        <v>1740251</v>
      </c>
      <c r="OD17" s="345">
        <v>4515629</v>
      </c>
      <c r="OE17" s="345">
        <v>5173394</v>
      </c>
      <c r="OF17" s="345">
        <v>16116700</v>
      </c>
      <c r="OG17" s="349">
        <v>28742088</v>
      </c>
      <c r="OH17" s="350">
        <v>28742088</v>
      </c>
      <c r="OI17" s="348">
        <v>13797740</v>
      </c>
      <c r="OJ17" s="345">
        <v>20211782</v>
      </c>
      <c r="OK17" s="346">
        <v>34009522</v>
      </c>
      <c r="OL17" s="351">
        <v>0</v>
      </c>
      <c r="OM17" s="345">
        <v>229048197</v>
      </c>
      <c r="ON17" s="345">
        <v>235288269</v>
      </c>
      <c r="OO17" s="345">
        <v>300312299</v>
      </c>
      <c r="OP17" s="345">
        <v>360289462</v>
      </c>
      <c r="OQ17" s="345">
        <v>239619402</v>
      </c>
      <c r="OR17" s="349">
        <v>1364557629</v>
      </c>
      <c r="OS17" s="354">
        <v>1398567151</v>
      </c>
    </row>
    <row r="18" spans="2:409" s="70" customFormat="1" ht="21" customHeight="1" x14ac:dyDescent="0.2">
      <c r="B18" s="410" t="s">
        <v>12</v>
      </c>
      <c r="C18" s="326">
        <v>16773953</v>
      </c>
      <c r="D18" s="327">
        <v>36648802</v>
      </c>
      <c r="E18" s="328">
        <v>53422755</v>
      </c>
      <c r="F18" s="329">
        <v>0</v>
      </c>
      <c r="G18" s="327">
        <v>147747275</v>
      </c>
      <c r="H18" s="366">
        <v>181979890</v>
      </c>
      <c r="I18" s="366">
        <v>160073428</v>
      </c>
      <c r="J18" s="366">
        <v>169497786</v>
      </c>
      <c r="K18" s="366">
        <v>109887505</v>
      </c>
      <c r="L18" s="331">
        <v>769185884</v>
      </c>
      <c r="M18" s="330">
        <v>822608639</v>
      </c>
      <c r="N18" s="326">
        <v>4083755</v>
      </c>
      <c r="O18" s="327">
        <v>12442047</v>
      </c>
      <c r="P18" s="328">
        <v>16525802</v>
      </c>
      <c r="Q18" s="326">
        <v>0</v>
      </c>
      <c r="R18" s="327">
        <v>43229301</v>
      </c>
      <c r="S18" s="327">
        <v>59427684</v>
      </c>
      <c r="T18" s="327">
        <v>53483342</v>
      </c>
      <c r="U18" s="327">
        <v>69034488</v>
      </c>
      <c r="V18" s="327">
        <v>58141551</v>
      </c>
      <c r="W18" s="328">
        <v>283316366</v>
      </c>
      <c r="X18" s="330">
        <v>299842168</v>
      </c>
      <c r="Y18" s="326">
        <v>0</v>
      </c>
      <c r="Z18" s="327">
        <v>0</v>
      </c>
      <c r="AA18" s="328">
        <v>0</v>
      </c>
      <c r="AB18" s="326">
        <v>0</v>
      </c>
      <c r="AC18" s="327">
        <v>23964566</v>
      </c>
      <c r="AD18" s="327">
        <v>31504514</v>
      </c>
      <c r="AE18" s="327">
        <v>33510295</v>
      </c>
      <c r="AF18" s="327">
        <v>43452021</v>
      </c>
      <c r="AG18" s="327">
        <v>38179701</v>
      </c>
      <c r="AH18" s="328">
        <v>170611097</v>
      </c>
      <c r="AI18" s="330">
        <v>170611097</v>
      </c>
      <c r="AJ18" s="326">
        <v>0</v>
      </c>
      <c r="AK18" s="327">
        <v>100617</v>
      </c>
      <c r="AL18" s="328">
        <v>100617</v>
      </c>
      <c r="AM18" s="326">
        <v>0</v>
      </c>
      <c r="AN18" s="327">
        <v>209957</v>
      </c>
      <c r="AO18" s="327">
        <v>1072548</v>
      </c>
      <c r="AP18" s="327">
        <v>1240942</v>
      </c>
      <c r="AQ18" s="327">
        <v>4159058</v>
      </c>
      <c r="AR18" s="327">
        <v>4958661</v>
      </c>
      <c r="AS18" s="328">
        <v>11641166</v>
      </c>
      <c r="AT18" s="330">
        <v>11741783</v>
      </c>
      <c r="AU18" s="326">
        <v>2848041</v>
      </c>
      <c r="AV18" s="327">
        <v>10114466</v>
      </c>
      <c r="AW18" s="328">
        <v>12962507</v>
      </c>
      <c r="AX18" s="326">
        <v>0</v>
      </c>
      <c r="AY18" s="327">
        <v>13373546</v>
      </c>
      <c r="AZ18" s="327">
        <v>18833860</v>
      </c>
      <c r="BA18" s="327">
        <v>11938396</v>
      </c>
      <c r="BB18" s="327">
        <v>13038332</v>
      </c>
      <c r="BC18" s="327">
        <v>9604681</v>
      </c>
      <c r="BD18" s="328">
        <v>66788815</v>
      </c>
      <c r="BE18" s="330">
        <v>79751322</v>
      </c>
      <c r="BF18" s="326">
        <v>228516</v>
      </c>
      <c r="BG18" s="327">
        <v>769925</v>
      </c>
      <c r="BH18" s="331">
        <v>998441</v>
      </c>
      <c r="BI18" s="332">
        <v>0</v>
      </c>
      <c r="BJ18" s="327">
        <v>480868</v>
      </c>
      <c r="BK18" s="327">
        <v>1828857</v>
      </c>
      <c r="BL18" s="327">
        <v>919731</v>
      </c>
      <c r="BM18" s="327">
        <v>895371</v>
      </c>
      <c r="BN18" s="327">
        <v>352470</v>
      </c>
      <c r="BO18" s="328">
        <v>4477297</v>
      </c>
      <c r="BP18" s="330">
        <v>5475738</v>
      </c>
      <c r="BQ18" s="326">
        <v>1007198</v>
      </c>
      <c r="BR18" s="327">
        <v>1457039</v>
      </c>
      <c r="BS18" s="328">
        <v>2464237</v>
      </c>
      <c r="BT18" s="326">
        <v>0</v>
      </c>
      <c r="BU18" s="327">
        <v>5200364</v>
      </c>
      <c r="BV18" s="327">
        <v>6187905</v>
      </c>
      <c r="BW18" s="327">
        <v>5873978</v>
      </c>
      <c r="BX18" s="327">
        <v>7489706</v>
      </c>
      <c r="BY18" s="327">
        <v>5046038</v>
      </c>
      <c r="BZ18" s="328">
        <v>29797991</v>
      </c>
      <c r="CA18" s="330">
        <v>32262228</v>
      </c>
      <c r="CB18" s="326">
        <v>2641168</v>
      </c>
      <c r="CC18" s="327">
        <v>5936419</v>
      </c>
      <c r="CD18" s="328">
        <v>8577587</v>
      </c>
      <c r="CE18" s="326">
        <v>0</v>
      </c>
      <c r="CF18" s="327">
        <v>48508612</v>
      </c>
      <c r="CG18" s="327">
        <v>53184856</v>
      </c>
      <c r="CH18" s="327">
        <v>39458264</v>
      </c>
      <c r="CI18" s="327">
        <v>30560647</v>
      </c>
      <c r="CJ18" s="327">
        <v>12245704</v>
      </c>
      <c r="CK18" s="328">
        <v>183958083</v>
      </c>
      <c r="CL18" s="330">
        <v>192535670</v>
      </c>
      <c r="CM18" s="326">
        <v>0</v>
      </c>
      <c r="CN18" s="327">
        <v>0</v>
      </c>
      <c r="CO18" s="328">
        <v>0</v>
      </c>
      <c r="CP18" s="332">
        <v>0</v>
      </c>
      <c r="CQ18" s="327">
        <v>41817209</v>
      </c>
      <c r="CR18" s="327">
        <v>39609695</v>
      </c>
      <c r="CS18" s="327">
        <v>30628378</v>
      </c>
      <c r="CT18" s="327">
        <v>24414726</v>
      </c>
      <c r="CU18" s="327">
        <v>9878767</v>
      </c>
      <c r="CV18" s="328">
        <v>146348775</v>
      </c>
      <c r="CW18" s="330">
        <v>146348775</v>
      </c>
      <c r="CX18" s="326">
        <v>2641168</v>
      </c>
      <c r="CY18" s="327">
        <v>5936419</v>
      </c>
      <c r="CZ18" s="328">
        <v>8577587</v>
      </c>
      <c r="DA18" s="326">
        <v>0</v>
      </c>
      <c r="DB18" s="327">
        <v>6691403</v>
      </c>
      <c r="DC18" s="327">
        <v>13575161</v>
      </c>
      <c r="DD18" s="327">
        <v>8829886</v>
      </c>
      <c r="DE18" s="327">
        <v>6145921</v>
      </c>
      <c r="DF18" s="327">
        <v>2366937</v>
      </c>
      <c r="DG18" s="328">
        <v>37609308</v>
      </c>
      <c r="DH18" s="330">
        <v>46186895</v>
      </c>
      <c r="DI18" s="326">
        <v>146445</v>
      </c>
      <c r="DJ18" s="327">
        <v>888015</v>
      </c>
      <c r="DK18" s="331">
        <v>1034460</v>
      </c>
      <c r="DL18" s="332">
        <v>0</v>
      </c>
      <c r="DM18" s="327">
        <v>5444849</v>
      </c>
      <c r="DN18" s="327">
        <v>9164153</v>
      </c>
      <c r="DO18" s="327">
        <v>14957199</v>
      </c>
      <c r="DP18" s="327">
        <v>11546570</v>
      </c>
      <c r="DQ18" s="327">
        <v>6450651</v>
      </c>
      <c r="DR18" s="328">
        <v>47563422</v>
      </c>
      <c r="DS18" s="330">
        <v>48597882</v>
      </c>
      <c r="DT18" s="326">
        <v>146445</v>
      </c>
      <c r="DU18" s="327">
        <v>888015</v>
      </c>
      <c r="DV18" s="328">
        <v>1034460</v>
      </c>
      <c r="DW18" s="326">
        <v>0</v>
      </c>
      <c r="DX18" s="327">
        <v>5017468</v>
      </c>
      <c r="DY18" s="327">
        <v>8576666</v>
      </c>
      <c r="DZ18" s="327">
        <v>14502458</v>
      </c>
      <c r="EA18" s="327">
        <v>11270072</v>
      </c>
      <c r="EB18" s="327">
        <v>6122690</v>
      </c>
      <c r="EC18" s="328">
        <v>45489354</v>
      </c>
      <c r="ED18" s="330">
        <v>46523814</v>
      </c>
      <c r="EE18" s="326">
        <v>0</v>
      </c>
      <c r="EF18" s="331">
        <v>0</v>
      </c>
      <c r="EG18" s="328">
        <v>0</v>
      </c>
      <c r="EH18" s="326">
        <v>0</v>
      </c>
      <c r="EI18" s="327">
        <v>427381</v>
      </c>
      <c r="EJ18" s="327">
        <v>587487</v>
      </c>
      <c r="EK18" s="327">
        <v>454741</v>
      </c>
      <c r="EL18" s="327">
        <v>276498</v>
      </c>
      <c r="EM18" s="327">
        <v>327961</v>
      </c>
      <c r="EN18" s="331">
        <v>2074068</v>
      </c>
      <c r="EO18" s="330">
        <v>2074068</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3954533</v>
      </c>
      <c r="FM18" s="327">
        <v>7585907</v>
      </c>
      <c r="FN18" s="328">
        <v>11540440</v>
      </c>
      <c r="FO18" s="326">
        <v>0</v>
      </c>
      <c r="FP18" s="327">
        <v>4462431</v>
      </c>
      <c r="FQ18" s="327">
        <v>15414757</v>
      </c>
      <c r="FR18" s="327">
        <v>11367698</v>
      </c>
      <c r="FS18" s="327">
        <v>12484611</v>
      </c>
      <c r="FT18" s="327">
        <v>7466040</v>
      </c>
      <c r="FU18" s="328">
        <v>51195537</v>
      </c>
      <c r="FV18" s="330">
        <v>62735977</v>
      </c>
      <c r="FW18" s="333">
        <v>2152343</v>
      </c>
      <c r="FX18" s="327">
        <v>6007670</v>
      </c>
      <c r="FY18" s="331">
        <v>8160013</v>
      </c>
      <c r="FZ18" s="332">
        <v>0</v>
      </c>
      <c r="GA18" s="327">
        <v>4127603</v>
      </c>
      <c r="GB18" s="327">
        <v>14094074</v>
      </c>
      <c r="GC18" s="327">
        <v>10467696</v>
      </c>
      <c r="GD18" s="327">
        <v>11661591</v>
      </c>
      <c r="GE18" s="327">
        <v>7277360</v>
      </c>
      <c r="GF18" s="328">
        <v>47628324</v>
      </c>
      <c r="GG18" s="334">
        <v>55788337</v>
      </c>
      <c r="GH18" s="333">
        <v>300474</v>
      </c>
      <c r="GI18" s="327">
        <v>353954</v>
      </c>
      <c r="GJ18" s="331">
        <v>654428</v>
      </c>
      <c r="GK18" s="332">
        <v>0</v>
      </c>
      <c r="GL18" s="327">
        <v>152308</v>
      </c>
      <c r="GM18" s="327">
        <v>563889</v>
      </c>
      <c r="GN18" s="327">
        <v>313263</v>
      </c>
      <c r="GO18" s="327">
        <v>406842</v>
      </c>
      <c r="GP18" s="327">
        <v>55880</v>
      </c>
      <c r="GQ18" s="328">
        <v>1492182</v>
      </c>
      <c r="GR18" s="330">
        <v>2146610</v>
      </c>
      <c r="GS18" s="326">
        <v>1501716</v>
      </c>
      <c r="GT18" s="327">
        <v>1224283</v>
      </c>
      <c r="GU18" s="328">
        <v>2725999</v>
      </c>
      <c r="GV18" s="326">
        <v>0</v>
      </c>
      <c r="GW18" s="327">
        <v>182520</v>
      </c>
      <c r="GX18" s="327">
        <v>756794</v>
      </c>
      <c r="GY18" s="327">
        <v>586739</v>
      </c>
      <c r="GZ18" s="327">
        <v>416178</v>
      </c>
      <c r="HA18" s="327">
        <v>132800</v>
      </c>
      <c r="HB18" s="331">
        <v>2075031</v>
      </c>
      <c r="HC18" s="330">
        <v>4801030</v>
      </c>
      <c r="HD18" s="326">
        <v>2597882</v>
      </c>
      <c r="HE18" s="327">
        <v>4003917</v>
      </c>
      <c r="HF18" s="331">
        <v>6601799</v>
      </c>
      <c r="HG18" s="332">
        <v>0</v>
      </c>
      <c r="HH18" s="327">
        <v>22383605</v>
      </c>
      <c r="HI18" s="327">
        <v>23547494</v>
      </c>
      <c r="HJ18" s="327">
        <v>26267321</v>
      </c>
      <c r="HK18" s="327">
        <v>34139876</v>
      </c>
      <c r="HL18" s="327">
        <v>19741595</v>
      </c>
      <c r="HM18" s="328">
        <v>126079891</v>
      </c>
      <c r="HN18" s="329">
        <v>132681690</v>
      </c>
      <c r="HO18" s="333">
        <v>3350170</v>
      </c>
      <c r="HP18" s="327">
        <v>5792497</v>
      </c>
      <c r="HQ18" s="328">
        <v>9142667</v>
      </c>
      <c r="HR18" s="326">
        <v>0</v>
      </c>
      <c r="HS18" s="327">
        <v>23718477</v>
      </c>
      <c r="HT18" s="327">
        <v>21240946</v>
      </c>
      <c r="HU18" s="327">
        <v>14539604</v>
      </c>
      <c r="HV18" s="327">
        <v>11731594</v>
      </c>
      <c r="HW18" s="327">
        <v>5841964</v>
      </c>
      <c r="HX18" s="331">
        <v>77072585</v>
      </c>
      <c r="HY18" s="330">
        <v>86215252</v>
      </c>
      <c r="HZ18" s="358">
        <v>0</v>
      </c>
      <c r="IA18" s="356">
        <v>332254</v>
      </c>
      <c r="IB18" s="358">
        <v>332254</v>
      </c>
      <c r="IC18" s="355">
        <v>0</v>
      </c>
      <c r="ID18" s="356">
        <v>38463248</v>
      </c>
      <c r="IE18" s="357">
        <v>42343485</v>
      </c>
      <c r="IF18" s="358">
        <v>52680365</v>
      </c>
      <c r="IG18" s="356">
        <v>45878951</v>
      </c>
      <c r="IH18" s="358">
        <v>34368847</v>
      </c>
      <c r="II18" s="359">
        <v>213734896</v>
      </c>
      <c r="IJ18" s="358">
        <v>214067150</v>
      </c>
      <c r="IK18" s="342">
        <v>0</v>
      </c>
      <c r="IL18" s="343">
        <v>0</v>
      </c>
      <c r="IM18" s="344">
        <v>0</v>
      </c>
      <c r="IN18" s="404">
        <v>0</v>
      </c>
      <c r="IO18" s="345">
        <v>734830</v>
      </c>
      <c r="IP18" s="345">
        <v>511465</v>
      </c>
      <c r="IQ18" s="345">
        <v>612581</v>
      </c>
      <c r="IR18" s="345">
        <v>1741072</v>
      </c>
      <c r="IS18" s="345">
        <v>1147846</v>
      </c>
      <c r="IT18" s="346">
        <v>4747794</v>
      </c>
      <c r="IU18" s="347">
        <v>4747794</v>
      </c>
      <c r="IV18" s="348">
        <v>0</v>
      </c>
      <c r="IW18" s="345">
        <v>0</v>
      </c>
      <c r="IX18" s="349">
        <v>0</v>
      </c>
      <c r="IY18" s="413">
        <v>0</v>
      </c>
      <c r="IZ18" s="345">
        <v>0</v>
      </c>
      <c r="JA18" s="345">
        <v>0</v>
      </c>
      <c r="JB18" s="345">
        <v>0</v>
      </c>
      <c r="JC18" s="345">
        <v>0</v>
      </c>
      <c r="JD18" s="345">
        <v>0</v>
      </c>
      <c r="JE18" s="349">
        <v>0</v>
      </c>
      <c r="JF18" s="350">
        <v>0</v>
      </c>
      <c r="JG18" s="348">
        <v>0</v>
      </c>
      <c r="JH18" s="345">
        <v>0</v>
      </c>
      <c r="JI18" s="346">
        <v>0</v>
      </c>
      <c r="JJ18" s="351">
        <v>0</v>
      </c>
      <c r="JK18" s="345">
        <v>22105180</v>
      </c>
      <c r="JL18" s="345">
        <v>17434482</v>
      </c>
      <c r="JM18" s="345">
        <v>15438598</v>
      </c>
      <c r="JN18" s="345">
        <v>7487983</v>
      </c>
      <c r="JO18" s="345">
        <v>3281943</v>
      </c>
      <c r="JP18" s="349">
        <v>65748186</v>
      </c>
      <c r="JQ18" s="347">
        <v>65748186</v>
      </c>
      <c r="JR18" s="348">
        <v>0</v>
      </c>
      <c r="JS18" s="345">
        <v>0</v>
      </c>
      <c r="JT18" s="346">
        <v>0</v>
      </c>
      <c r="JU18" s="351">
        <v>0</v>
      </c>
      <c r="JV18" s="345">
        <v>438362</v>
      </c>
      <c r="JW18" s="345">
        <v>112230</v>
      </c>
      <c r="JX18" s="345">
        <v>271678</v>
      </c>
      <c r="JY18" s="345">
        <v>0</v>
      </c>
      <c r="JZ18" s="345">
        <v>239979</v>
      </c>
      <c r="KA18" s="349">
        <v>1062249</v>
      </c>
      <c r="KB18" s="347">
        <v>1062249</v>
      </c>
      <c r="KC18" s="352">
        <v>0</v>
      </c>
      <c r="KD18" s="353">
        <v>332254</v>
      </c>
      <c r="KE18" s="349">
        <v>332254</v>
      </c>
      <c r="KF18" s="351">
        <v>0</v>
      </c>
      <c r="KG18" s="345">
        <v>2788774</v>
      </c>
      <c r="KH18" s="345">
        <v>6350293</v>
      </c>
      <c r="KI18" s="345">
        <v>11964500</v>
      </c>
      <c r="KJ18" s="345">
        <v>13780547</v>
      </c>
      <c r="KK18" s="345">
        <v>8967555</v>
      </c>
      <c r="KL18" s="349">
        <v>43851669</v>
      </c>
      <c r="KM18" s="354">
        <v>44183923</v>
      </c>
      <c r="KN18" s="342">
        <v>0</v>
      </c>
      <c r="KO18" s="343">
        <v>0</v>
      </c>
      <c r="KP18" s="344">
        <v>0</v>
      </c>
      <c r="KQ18" s="413">
        <v>0</v>
      </c>
      <c r="KR18" s="345">
        <v>11299595</v>
      </c>
      <c r="KS18" s="345">
        <v>13399250</v>
      </c>
      <c r="KT18" s="345">
        <v>12238111</v>
      </c>
      <c r="KU18" s="345">
        <v>9523538</v>
      </c>
      <c r="KV18" s="345">
        <v>10634032</v>
      </c>
      <c r="KW18" s="349">
        <v>57094526</v>
      </c>
      <c r="KX18" s="347">
        <v>57094526</v>
      </c>
      <c r="KY18" s="348">
        <v>0</v>
      </c>
      <c r="KZ18" s="345">
        <v>0</v>
      </c>
      <c r="LA18" s="349">
        <v>0</v>
      </c>
      <c r="LB18" s="413">
        <v>0</v>
      </c>
      <c r="LC18" s="345">
        <v>0</v>
      </c>
      <c r="LD18" s="345">
        <v>921414</v>
      </c>
      <c r="LE18" s="345">
        <v>1626324</v>
      </c>
      <c r="LF18" s="345">
        <v>2253095</v>
      </c>
      <c r="LG18" s="345">
        <v>1759034</v>
      </c>
      <c r="LH18" s="349">
        <v>6559867</v>
      </c>
      <c r="LI18" s="350">
        <v>6559867</v>
      </c>
      <c r="LJ18" s="348">
        <v>0</v>
      </c>
      <c r="LK18" s="345">
        <v>0</v>
      </c>
      <c r="LL18" s="349">
        <v>0</v>
      </c>
      <c r="LM18" s="413">
        <v>0</v>
      </c>
      <c r="LN18" s="345">
        <v>0</v>
      </c>
      <c r="LO18" s="345">
        <v>0</v>
      </c>
      <c r="LP18" s="345">
        <v>3924466</v>
      </c>
      <c r="LQ18" s="345">
        <v>3998813</v>
      </c>
      <c r="LR18" s="345">
        <v>1318566</v>
      </c>
      <c r="LS18" s="349">
        <v>9241845</v>
      </c>
      <c r="LT18" s="347">
        <v>9241845</v>
      </c>
      <c r="LU18" s="348">
        <v>0</v>
      </c>
      <c r="LV18" s="345">
        <v>0</v>
      </c>
      <c r="LW18" s="349">
        <v>0</v>
      </c>
      <c r="LX18" s="413">
        <v>0</v>
      </c>
      <c r="LY18" s="345">
        <v>1096507</v>
      </c>
      <c r="LZ18" s="345">
        <v>3614351</v>
      </c>
      <c r="MA18" s="345">
        <v>6604107</v>
      </c>
      <c r="MB18" s="345">
        <v>7093903</v>
      </c>
      <c r="MC18" s="345">
        <v>7019892</v>
      </c>
      <c r="MD18" s="349">
        <v>25428760</v>
      </c>
      <c r="ME18" s="350">
        <v>25428760</v>
      </c>
      <c r="MF18" s="348">
        <v>0</v>
      </c>
      <c r="MG18" s="345">
        <v>0</v>
      </c>
      <c r="MH18" s="349">
        <v>0</v>
      </c>
      <c r="MI18" s="413">
        <v>0</v>
      </c>
      <c r="MJ18" s="345">
        <v>10237185</v>
      </c>
      <c r="MK18" s="345">
        <v>29415473</v>
      </c>
      <c r="ML18" s="345">
        <v>101841852</v>
      </c>
      <c r="MM18" s="345">
        <v>164457893</v>
      </c>
      <c r="MN18" s="345">
        <v>91157018</v>
      </c>
      <c r="MO18" s="349">
        <v>397109421</v>
      </c>
      <c r="MP18" s="354">
        <v>397109421</v>
      </c>
      <c r="MQ18" s="348">
        <v>0</v>
      </c>
      <c r="MR18" s="345">
        <v>0</v>
      </c>
      <c r="MS18" s="349">
        <v>0</v>
      </c>
      <c r="MT18" s="413">
        <v>0</v>
      </c>
      <c r="MU18" s="345">
        <v>507137</v>
      </c>
      <c r="MV18" s="345">
        <v>2979950</v>
      </c>
      <c r="MW18" s="345">
        <v>52597982</v>
      </c>
      <c r="MX18" s="345">
        <v>103505051</v>
      </c>
      <c r="MY18" s="345">
        <v>64938546</v>
      </c>
      <c r="MZ18" s="349">
        <v>224528666</v>
      </c>
      <c r="NA18" s="354">
        <v>224528666</v>
      </c>
      <c r="NB18" s="348">
        <v>0</v>
      </c>
      <c r="NC18" s="345">
        <v>0</v>
      </c>
      <c r="ND18" s="349">
        <v>0</v>
      </c>
      <c r="NE18" s="413">
        <v>0</v>
      </c>
      <c r="NF18" s="345">
        <v>9730048</v>
      </c>
      <c r="NG18" s="345">
        <v>26435523</v>
      </c>
      <c r="NH18" s="345">
        <v>48152634</v>
      </c>
      <c r="NI18" s="345">
        <v>54683354</v>
      </c>
      <c r="NJ18" s="345">
        <v>22662036</v>
      </c>
      <c r="NK18" s="349">
        <v>161663595</v>
      </c>
      <c r="NL18" s="347">
        <v>161663595</v>
      </c>
      <c r="NM18" s="348">
        <v>0</v>
      </c>
      <c r="NN18" s="345">
        <v>0</v>
      </c>
      <c r="NO18" s="349">
        <v>0</v>
      </c>
      <c r="NP18" s="413">
        <v>0</v>
      </c>
      <c r="NQ18" s="345">
        <v>0</v>
      </c>
      <c r="NR18" s="345">
        <v>0</v>
      </c>
      <c r="NS18" s="345">
        <v>0</v>
      </c>
      <c r="NT18" s="345">
        <v>0</v>
      </c>
      <c r="NU18" s="345">
        <v>0</v>
      </c>
      <c r="NV18" s="349">
        <v>0</v>
      </c>
      <c r="NW18" s="350">
        <v>0</v>
      </c>
      <c r="NX18" s="348">
        <v>0</v>
      </c>
      <c r="NY18" s="345">
        <v>0</v>
      </c>
      <c r="NZ18" s="349">
        <v>0</v>
      </c>
      <c r="OA18" s="413">
        <v>0</v>
      </c>
      <c r="OB18" s="345">
        <v>0</v>
      </c>
      <c r="OC18" s="345">
        <v>0</v>
      </c>
      <c r="OD18" s="345">
        <v>1091236</v>
      </c>
      <c r="OE18" s="345">
        <v>6269488</v>
      </c>
      <c r="OF18" s="345">
        <v>3556436</v>
      </c>
      <c r="OG18" s="349">
        <v>10917160</v>
      </c>
      <c r="OH18" s="350">
        <v>10917160</v>
      </c>
      <c r="OI18" s="348">
        <v>16773953</v>
      </c>
      <c r="OJ18" s="345">
        <v>36981056</v>
      </c>
      <c r="OK18" s="346">
        <v>53755009</v>
      </c>
      <c r="OL18" s="351">
        <v>0</v>
      </c>
      <c r="OM18" s="345">
        <v>196447708</v>
      </c>
      <c r="ON18" s="345">
        <v>253738848</v>
      </c>
      <c r="OO18" s="345">
        <v>314595645</v>
      </c>
      <c r="OP18" s="345">
        <v>379834630</v>
      </c>
      <c r="OQ18" s="345">
        <v>235413370</v>
      </c>
      <c r="OR18" s="349">
        <v>1380030201</v>
      </c>
      <c r="OS18" s="354">
        <v>1433785210</v>
      </c>
    </row>
    <row r="19" spans="2:409" s="70" customFormat="1" ht="21" customHeight="1" x14ac:dyDescent="0.2">
      <c r="B19" s="410" t="s">
        <v>13</v>
      </c>
      <c r="C19" s="326">
        <v>3423912</v>
      </c>
      <c r="D19" s="327">
        <v>5150825</v>
      </c>
      <c r="E19" s="328">
        <v>8574737</v>
      </c>
      <c r="F19" s="326">
        <v>0</v>
      </c>
      <c r="G19" s="366">
        <v>53266614</v>
      </c>
      <c r="H19" s="327">
        <v>74738008</v>
      </c>
      <c r="I19" s="327">
        <v>58629094</v>
      </c>
      <c r="J19" s="327">
        <v>60414400</v>
      </c>
      <c r="K19" s="327">
        <v>58391234</v>
      </c>
      <c r="L19" s="331">
        <v>305439350</v>
      </c>
      <c r="M19" s="330">
        <v>314014087</v>
      </c>
      <c r="N19" s="326">
        <v>880875</v>
      </c>
      <c r="O19" s="327">
        <v>1327429</v>
      </c>
      <c r="P19" s="328">
        <v>2208304</v>
      </c>
      <c r="Q19" s="326">
        <v>0</v>
      </c>
      <c r="R19" s="327">
        <v>16238286</v>
      </c>
      <c r="S19" s="327">
        <v>25146457</v>
      </c>
      <c r="T19" s="327">
        <v>20646925</v>
      </c>
      <c r="U19" s="327">
        <v>23535485</v>
      </c>
      <c r="V19" s="327">
        <v>31152713</v>
      </c>
      <c r="W19" s="328">
        <v>116719866</v>
      </c>
      <c r="X19" s="330">
        <v>118928170</v>
      </c>
      <c r="Y19" s="326">
        <v>0</v>
      </c>
      <c r="Z19" s="327">
        <v>0</v>
      </c>
      <c r="AA19" s="328">
        <v>0</v>
      </c>
      <c r="AB19" s="326">
        <v>0</v>
      </c>
      <c r="AC19" s="327">
        <v>7299723</v>
      </c>
      <c r="AD19" s="327">
        <v>11604314</v>
      </c>
      <c r="AE19" s="327">
        <v>12208477</v>
      </c>
      <c r="AF19" s="327">
        <v>15073590</v>
      </c>
      <c r="AG19" s="327">
        <v>18890552</v>
      </c>
      <c r="AH19" s="328">
        <v>65076656</v>
      </c>
      <c r="AI19" s="330">
        <v>65076656</v>
      </c>
      <c r="AJ19" s="326">
        <v>0</v>
      </c>
      <c r="AK19" s="327">
        <v>0</v>
      </c>
      <c r="AL19" s="328">
        <v>0</v>
      </c>
      <c r="AM19" s="326">
        <v>0</v>
      </c>
      <c r="AN19" s="327">
        <v>41320</v>
      </c>
      <c r="AO19" s="327">
        <v>160642</v>
      </c>
      <c r="AP19" s="327">
        <v>239566</v>
      </c>
      <c r="AQ19" s="327">
        <v>1156921</v>
      </c>
      <c r="AR19" s="327">
        <v>3251268</v>
      </c>
      <c r="AS19" s="328">
        <v>4849717</v>
      </c>
      <c r="AT19" s="330">
        <v>4849717</v>
      </c>
      <c r="AU19" s="326">
        <v>350513</v>
      </c>
      <c r="AV19" s="327">
        <v>887903</v>
      </c>
      <c r="AW19" s="328">
        <v>1238416</v>
      </c>
      <c r="AX19" s="326">
        <v>0</v>
      </c>
      <c r="AY19" s="327">
        <v>5008803</v>
      </c>
      <c r="AZ19" s="327">
        <v>8778185</v>
      </c>
      <c r="BA19" s="327">
        <v>4482824</v>
      </c>
      <c r="BB19" s="327">
        <v>3721373</v>
      </c>
      <c r="BC19" s="327">
        <v>5500331</v>
      </c>
      <c r="BD19" s="328">
        <v>27491516</v>
      </c>
      <c r="BE19" s="330">
        <v>28729932</v>
      </c>
      <c r="BF19" s="326">
        <v>36100</v>
      </c>
      <c r="BG19" s="327">
        <v>65850</v>
      </c>
      <c r="BH19" s="331">
        <v>101950</v>
      </c>
      <c r="BI19" s="332">
        <v>0</v>
      </c>
      <c r="BJ19" s="327">
        <v>479294</v>
      </c>
      <c r="BK19" s="327">
        <v>514537</v>
      </c>
      <c r="BL19" s="327">
        <v>469212</v>
      </c>
      <c r="BM19" s="327">
        <v>198869</v>
      </c>
      <c r="BN19" s="327">
        <v>254213</v>
      </c>
      <c r="BO19" s="328">
        <v>1916125</v>
      </c>
      <c r="BP19" s="330">
        <v>2018075</v>
      </c>
      <c r="BQ19" s="326">
        <v>494262</v>
      </c>
      <c r="BR19" s="327">
        <v>373676</v>
      </c>
      <c r="BS19" s="328">
        <v>867938</v>
      </c>
      <c r="BT19" s="326">
        <v>0</v>
      </c>
      <c r="BU19" s="327">
        <v>3409146</v>
      </c>
      <c r="BV19" s="327">
        <v>4088779</v>
      </c>
      <c r="BW19" s="327">
        <v>3246846</v>
      </c>
      <c r="BX19" s="327">
        <v>3384732</v>
      </c>
      <c r="BY19" s="327">
        <v>3256349</v>
      </c>
      <c r="BZ19" s="328">
        <v>17385852</v>
      </c>
      <c r="CA19" s="330">
        <v>18253790</v>
      </c>
      <c r="CB19" s="326">
        <v>332544</v>
      </c>
      <c r="CC19" s="327">
        <v>695845</v>
      </c>
      <c r="CD19" s="328">
        <v>1028389</v>
      </c>
      <c r="CE19" s="326">
        <v>0</v>
      </c>
      <c r="CF19" s="327">
        <v>11010602</v>
      </c>
      <c r="CG19" s="327">
        <v>15580757</v>
      </c>
      <c r="CH19" s="327">
        <v>8612164</v>
      </c>
      <c r="CI19" s="327">
        <v>8583633</v>
      </c>
      <c r="CJ19" s="327">
        <v>4096805</v>
      </c>
      <c r="CK19" s="328">
        <v>47883961</v>
      </c>
      <c r="CL19" s="330">
        <v>48912350</v>
      </c>
      <c r="CM19" s="326">
        <v>0</v>
      </c>
      <c r="CN19" s="327">
        <v>0</v>
      </c>
      <c r="CO19" s="328">
        <v>0</v>
      </c>
      <c r="CP19" s="332">
        <v>0</v>
      </c>
      <c r="CQ19" s="327">
        <v>9434144</v>
      </c>
      <c r="CR19" s="327">
        <v>13016239</v>
      </c>
      <c r="CS19" s="327">
        <v>7031078</v>
      </c>
      <c r="CT19" s="327">
        <v>6127378</v>
      </c>
      <c r="CU19" s="327">
        <v>3317506</v>
      </c>
      <c r="CV19" s="328">
        <v>38926345</v>
      </c>
      <c r="CW19" s="330">
        <v>38926345</v>
      </c>
      <c r="CX19" s="326">
        <v>332544</v>
      </c>
      <c r="CY19" s="327">
        <v>695845</v>
      </c>
      <c r="CZ19" s="328">
        <v>1028389</v>
      </c>
      <c r="DA19" s="326">
        <v>0</v>
      </c>
      <c r="DB19" s="327">
        <v>1576458</v>
      </c>
      <c r="DC19" s="327">
        <v>2564518</v>
      </c>
      <c r="DD19" s="327">
        <v>1581086</v>
      </c>
      <c r="DE19" s="327">
        <v>2456255</v>
      </c>
      <c r="DF19" s="327">
        <v>779299</v>
      </c>
      <c r="DG19" s="328">
        <v>8957616</v>
      </c>
      <c r="DH19" s="330">
        <v>9986005</v>
      </c>
      <c r="DI19" s="326">
        <v>0</v>
      </c>
      <c r="DJ19" s="327">
        <v>0</v>
      </c>
      <c r="DK19" s="331">
        <v>0</v>
      </c>
      <c r="DL19" s="332">
        <v>0</v>
      </c>
      <c r="DM19" s="327">
        <v>1066356</v>
      </c>
      <c r="DN19" s="327">
        <v>2583930</v>
      </c>
      <c r="DO19" s="327">
        <v>5427226</v>
      </c>
      <c r="DP19" s="327">
        <v>3799366</v>
      </c>
      <c r="DQ19" s="327">
        <v>4373639</v>
      </c>
      <c r="DR19" s="328">
        <v>17250517</v>
      </c>
      <c r="DS19" s="330">
        <v>17250517</v>
      </c>
      <c r="DT19" s="326">
        <v>0</v>
      </c>
      <c r="DU19" s="327">
        <v>0</v>
      </c>
      <c r="DV19" s="328">
        <v>0</v>
      </c>
      <c r="DW19" s="326">
        <v>0</v>
      </c>
      <c r="DX19" s="327">
        <v>807829</v>
      </c>
      <c r="DY19" s="327">
        <v>2217058</v>
      </c>
      <c r="DZ19" s="327">
        <v>4476827</v>
      </c>
      <c r="EA19" s="327">
        <v>3316962</v>
      </c>
      <c r="EB19" s="327">
        <v>4139631</v>
      </c>
      <c r="EC19" s="328">
        <v>14958307</v>
      </c>
      <c r="ED19" s="330">
        <v>14958307</v>
      </c>
      <c r="EE19" s="326">
        <v>0</v>
      </c>
      <c r="EF19" s="331">
        <v>0</v>
      </c>
      <c r="EG19" s="328">
        <v>0</v>
      </c>
      <c r="EH19" s="326">
        <v>0</v>
      </c>
      <c r="EI19" s="327">
        <v>258527</v>
      </c>
      <c r="EJ19" s="327">
        <v>366872</v>
      </c>
      <c r="EK19" s="327">
        <v>950399</v>
      </c>
      <c r="EL19" s="327">
        <v>482404</v>
      </c>
      <c r="EM19" s="327">
        <v>234008</v>
      </c>
      <c r="EN19" s="331">
        <v>2292210</v>
      </c>
      <c r="EO19" s="330">
        <v>2292210</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504735</v>
      </c>
      <c r="FM19" s="327">
        <v>1007301</v>
      </c>
      <c r="FN19" s="328">
        <v>1512036</v>
      </c>
      <c r="FO19" s="326">
        <v>0</v>
      </c>
      <c r="FP19" s="327">
        <v>2397789</v>
      </c>
      <c r="FQ19" s="327">
        <v>6045800</v>
      </c>
      <c r="FR19" s="327">
        <v>3710927</v>
      </c>
      <c r="FS19" s="327">
        <v>4147967</v>
      </c>
      <c r="FT19" s="327">
        <v>3066294</v>
      </c>
      <c r="FU19" s="328">
        <v>19368777</v>
      </c>
      <c r="FV19" s="330">
        <v>20880813</v>
      </c>
      <c r="FW19" s="333">
        <v>399615</v>
      </c>
      <c r="FX19" s="327">
        <v>874425</v>
      </c>
      <c r="FY19" s="331">
        <v>1274040</v>
      </c>
      <c r="FZ19" s="332">
        <v>0</v>
      </c>
      <c r="GA19" s="327">
        <v>1944059</v>
      </c>
      <c r="GB19" s="327">
        <v>5546231</v>
      </c>
      <c r="GC19" s="327">
        <v>3618731</v>
      </c>
      <c r="GD19" s="327">
        <v>3661265</v>
      </c>
      <c r="GE19" s="327">
        <v>2927762</v>
      </c>
      <c r="GF19" s="328">
        <v>17698048</v>
      </c>
      <c r="GG19" s="334">
        <v>18972088</v>
      </c>
      <c r="GH19" s="333">
        <v>27720</v>
      </c>
      <c r="GI19" s="327">
        <v>31626</v>
      </c>
      <c r="GJ19" s="331">
        <v>59346</v>
      </c>
      <c r="GK19" s="332">
        <v>0</v>
      </c>
      <c r="GL19" s="327">
        <v>230460</v>
      </c>
      <c r="GM19" s="327">
        <v>95169</v>
      </c>
      <c r="GN19" s="327">
        <v>30096</v>
      </c>
      <c r="GO19" s="327">
        <v>185202</v>
      </c>
      <c r="GP19" s="327">
        <v>102532</v>
      </c>
      <c r="GQ19" s="328">
        <v>643459</v>
      </c>
      <c r="GR19" s="330">
        <v>702805</v>
      </c>
      <c r="GS19" s="326">
        <v>77400</v>
      </c>
      <c r="GT19" s="327">
        <v>101250</v>
      </c>
      <c r="GU19" s="328">
        <v>178650</v>
      </c>
      <c r="GV19" s="326">
        <v>0</v>
      </c>
      <c r="GW19" s="327">
        <v>223270</v>
      </c>
      <c r="GX19" s="327">
        <v>404400</v>
      </c>
      <c r="GY19" s="327">
        <v>62100</v>
      </c>
      <c r="GZ19" s="327">
        <v>301500</v>
      </c>
      <c r="HA19" s="327">
        <v>36000</v>
      </c>
      <c r="HB19" s="331">
        <v>1027270</v>
      </c>
      <c r="HC19" s="330">
        <v>1205920</v>
      </c>
      <c r="HD19" s="326">
        <v>1237593</v>
      </c>
      <c r="HE19" s="327">
        <v>1191460</v>
      </c>
      <c r="HF19" s="331">
        <v>2429053</v>
      </c>
      <c r="HG19" s="332">
        <v>0</v>
      </c>
      <c r="HH19" s="327">
        <v>13619338</v>
      </c>
      <c r="HI19" s="327">
        <v>16292436</v>
      </c>
      <c r="HJ19" s="327">
        <v>15129870</v>
      </c>
      <c r="HK19" s="327">
        <v>16395833</v>
      </c>
      <c r="HL19" s="327">
        <v>12807630</v>
      </c>
      <c r="HM19" s="328">
        <v>74245107</v>
      </c>
      <c r="HN19" s="329">
        <v>76674160</v>
      </c>
      <c r="HO19" s="333">
        <v>468165</v>
      </c>
      <c r="HP19" s="327">
        <v>928790</v>
      </c>
      <c r="HQ19" s="328">
        <v>1396955</v>
      </c>
      <c r="HR19" s="326">
        <v>0</v>
      </c>
      <c r="HS19" s="327">
        <v>8934243</v>
      </c>
      <c r="HT19" s="327">
        <v>9088628</v>
      </c>
      <c r="HU19" s="327">
        <v>5101982</v>
      </c>
      <c r="HV19" s="327">
        <v>3952116</v>
      </c>
      <c r="HW19" s="327">
        <v>2894153</v>
      </c>
      <c r="HX19" s="331">
        <v>29971122</v>
      </c>
      <c r="HY19" s="330">
        <v>31368077</v>
      </c>
      <c r="HZ19" s="335">
        <v>147767</v>
      </c>
      <c r="IA19" s="336">
        <v>66888</v>
      </c>
      <c r="IB19" s="337">
        <v>214655</v>
      </c>
      <c r="IC19" s="338">
        <v>0</v>
      </c>
      <c r="ID19" s="336">
        <v>12252047</v>
      </c>
      <c r="IE19" s="339">
        <v>16044922</v>
      </c>
      <c r="IF19" s="337">
        <v>13997044</v>
      </c>
      <c r="IG19" s="336">
        <v>11816981</v>
      </c>
      <c r="IH19" s="337">
        <v>9088586</v>
      </c>
      <c r="II19" s="340">
        <v>63199580</v>
      </c>
      <c r="IJ19" s="341">
        <v>63414235</v>
      </c>
      <c r="IK19" s="342">
        <v>0</v>
      </c>
      <c r="IL19" s="343">
        <v>0</v>
      </c>
      <c r="IM19" s="344">
        <v>0</v>
      </c>
      <c r="IN19" s="404">
        <v>0</v>
      </c>
      <c r="IO19" s="345">
        <v>0</v>
      </c>
      <c r="IP19" s="345">
        <v>133798</v>
      </c>
      <c r="IQ19" s="345">
        <v>168563</v>
      </c>
      <c r="IR19" s="345">
        <v>284737</v>
      </c>
      <c r="IS19" s="345">
        <v>627591</v>
      </c>
      <c r="IT19" s="346">
        <v>1214689</v>
      </c>
      <c r="IU19" s="347">
        <v>1214689</v>
      </c>
      <c r="IV19" s="348">
        <v>0</v>
      </c>
      <c r="IW19" s="345">
        <v>0</v>
      </c>
      <c r="IX19" s="349">
        <v>0</v>
      </c>
      <c r="IY19" s="413">
        <v>0</v>
      </c>
      <c r="IZ19" s="345">
        <v>0</v>
      </c>
      <c r="JA19" s="345">
        <v>0</v>
      </c>
      <c r="JB19" s="345">
        <v>0</v>
      </c>
      <c r="JC19" s="345">
        <v>0</v>
      </c>
      <c r="JD19" s="345">
        <v>0</v>
      </c>
      <c r="JE19" s="349">
        <v>0</v>
      </c>
      <c r="JF19" s="350">
        <v>0</v>
      </c>
      <c r="JG19" s="348">
        <v>0</v>
      </c>
      <c r="JH19" s="345">
        <v>0</v>
      </c>
      <c r="JI19" s="346">
        <v>0</v>
      </c>
      <c r="JJ19" s="351">
        <v>0</v>
      </c>
      <c r="JK19" s="345">
        <v>5805647</v>
      </c>
      <c r="JL19" s="345">
        <v>9843162</v>
      </c>
      <c r="JM19" s="345">
        <v>5618827</v>
      </c>
      <c r="JN19" s="345">
        <v>3021337</v>
      </c>
      <c r="JO19" s="345">
        <v>1418700</v>
      </c>
      <c r="JP19" s="349">
        <v>25707673</v>
      </c>
      <c r="JQ19" s="347">
        <v>25707673</v>
      </c>
      <c r="JR19" s="348">
        <v>0</v>
      </c>
      <c r="JS19" s="345">
        <v>0</v>
      </c>
      <c r="JT19" s="346">
        <v>0</v>
      </c>
      <c r="JU19" s="351">
        <v>0</v>
      </c>
      <c r="JV19" s="345">
        <v>57160</v>
      </c>
      <c r="JW19" s="345">
        <v>567040</v>
      </c>
      <c r="JX19" s="345">
        <v>1078346</v>
      </c>
      <c r="JY19" s="345">
        <v>712215</v>
      </c>
      <c r="JZ19" s="345">
        <v>1556796</v>
      </c>
      <c r="KA19" s="349">
        <v>3971557</v>
      </c>
      <c r="KB19" s="347">
        <v>3971557</v>
      </c>
      <c r="KC19" s="352">
        <v>147767</v>
      </c>
      <c r="KD19" s="353">
        <v>66888</v>
      </c>
      <c r="KE19" s="349">
        <v>214655</v>
      </c>
      <c r="KF19" s="351">
        <v>0</v>
      </c>
      <c r="KG19" s="345">
        <v>1853917</v>
      </c>
      <c r="KH19" s="345">
        <v>1675637</v>
      </c>
      <c r="KI19" s="345">
        <v>1885971</v>
      </c>
      <c r="KJ19" s="345">
        <v>0</v>
      </c>
      <c r="KK19" s="345">
        <v>861752</v>
      </c>
      <c r="KL19" s="349">
        <v>6277277</v>
      </c>
      <c r="KM19" s="354">
        <v>6491932</v>
      </c>
      <c r="KN19" s="342">
        <v>0</v>
      </c>
      <c r="KO19" s="343">
        <v>0</v>
      </c>
      <c r="KP19" s="344">
        <v>0</v>
      </c>
      <c r="KQ19" s="413">
        <v>0</v>
      </c>
      <c r="KR19" s="345">
        <v>3984369</v>
      </c>
      <c r="KS19" s="345">
        <v>3505759</v>
      </c>
      <c r="KT19" s="345">
        <v>4350017</v>
      </c>
      <c r="KU19" s="345">
        <v>6076543</v>
      </c>
      <c r="KV19" s="345">
        <v>4623747</v>
      </c>
      <c r="KW19" s="349">
        <v>22540435</v>
      </c>
      <c r="KX19" s="347">
        <v>22540435</v>
      </c>
      <c r="KY19" s="348">
        <v>0</v>
      </c>
      <c r="KZ19" s="345">
        <v>0</v>
      </c>
      <c r="LA19" s="349">
        <v>0</v>
      </c>
      <c r="LB19" s="413">
        <v>0</v>
      </c>
      <c r="LC19" s="345">
        <v>550954</v>
      </c>
      <c r="LD19" s="345">
        <v>319526</v>
      </c>
      <c r="LE19" s="345">
        <v>895320</v>
      </c>
      <c r="LF19" s="345">
        <v>1722149</v>
      </c>
      <c r="LG19" s="345">
        <v>0</v>
      </c>
      <c r="LH19" s="349">
        <v>3487949</v>
      </c>
      <c r="LI19" s="350">
        <v>3487949</v>
      </c>
      <c r="LJ19" s="348">
        <v>0</v>
      </c>
      <c r="LK19" s="345">
        <v>0</v>
      </c>
      <c r="LL19" s="349">
        <v>0</v>
      </c>
      <c r="LM19" s="413">
        <v>0</v>
      </c>
      <c r="LN19" s="345">
        <v>0</v>
      </c>
      <c r="LO19" s="345">
        <v>0</v>
      </c>
      <c r="LP19" s="345">
        <v>0</v>
      </c>
      <c r="LQ19" s="345">
        <v>0</v>
      </c>
      <c r="LR19" s="345">
        <v>0</v>
      </c>
      <c r="LS19" s="349">
        <v>0</v>
      </c>
      <c r="LT19" s="347">
        <v>0</v>
      </c>
      <c r="LU19" s="348">
        <v>0</v>
      </c>
      <c r="LV19" s="345">
        <v>0</v>
      </c>
      <c r="LW19" s="349">
        <v>0</v>
      </c>
      <c r="LX19" s="413">
        <v>0</v>
      </c>
      <c r="LY19" s="345">
        <v>0</v>
      </c>
      <c r="LZ19" s="345">
        <v>0</v>
      </c>
      <c r="MA19" s="345">
        <v>0</v>
      </c>
      <c r="MB19" s="345">
        <v>0</v>
      </c>
      <c r="MC19" s="345">
        <v>0</v>
      </c>
      <c r="MD19" s="349">
        <v>0</v>
      </c>
      <c r="ME19" s="350">
        <v>0</v>
      </c>
      <c r="MF19" s="348">
        <v>0</v>
      </c>
      <c r="MG19" s="345">
        <v>0</v>
      </c>
      <c r="MH19" s="349">
        <v>0</v>
      </c>
      <c r="MI19" s="413">
        <v>0</v>
      </c>
      <c r="MJ19" s="345">
        <v>2785302</v>
      </c>
      <c r="MK19" s="345">
        <v>4886446</v>
      </c>
      <c r="ML19" s="345">
        <v>27552085</v>
      </c>
      <c r="MM19" s="345">
        <v>52662205</v>
      </c>
      <c r="MN19" s="345">
        <v>45805158</v>
      </c>
      <c r="MO19" s="349">
        <v>133691196</v>
      </c>
      <c r="MP19" s="354">
        <v>133691196</v>
      </c>
      <c r="MQ19" s="348">
        <v>0</v>
      </c>
      <c r="MR19" s="345">
        <v>0</v>
      </c>
      <c r="MS19" s="349">
        <v>0</v>
      </c>
      <c r="MT19" s="413">
        <v>0</v>
      </c>
      <c r="MU19" s="345">
        <v>245934</v>
      </c>
      <c r="MV19" s="345">
        <v>1281177</v>
      </c>
      <c r="MW19" s="345">
        <v>17800668</v>
      </c>
      <c r="MX19" s="345">
        <v>38386218</v>
      </c>
      <c r="MY19" s="345">
        <v>38190941</v>
      </c>
      <c r="MZ19" s="349">
        <v>95904938</v>
      </c>
      <c r="NA19" s="354">
        <v>95904938</v>
      </c>
      <c r="NB19" s="348">
        <v>0</v>
      </c>
      <c r="NC19" s="345">
        <v>0</v>
      </c>
      <c r="ND19" s="349">
        <v>0</v>
      </c>
      <c r="NE19" s="413">
        <v>0</v>
      </c>
      <c r="NF19" s="345">
        <v>2539368</v>
      </c>
      <c r="NG19" s="345">
        <v>3605269</v>
      </c>
      <c r="NH19" s="345">
        <v>9751417</v>
      </c>
      <c r="NI19" s="345">
        <v>14275987</v>
      </c>
      <c r="NJ19" s="345">
        <v>7183915</v>
      </c>
      <c r="NK19" s="349">
        <v>37355956</v>
      </c>
      <c r="NL19" s="347">
        <v>37355956</v>
      </c>
      <c r="NM19" s="348">
        <v>0</v>
      </c>
      <c r="NN19" s="345">
        <v>0</v>
      </c>
      <c r="NO19" s="349">
        <v>0</v>
      </c>
      <c r="NP19" s="413">
        <v>0</v>
      </c>
      <c r="NQ19" s="345">
        <v>0</v>
      </c>
      <c r="NR19" s="345">
        <v>0</v>
      </c>
      <c r="NS19" s="345">
        <v>0</v>
      </c>
      <c r="NT19" s="345">
        <v>0</v>
      </c>
      <c r="NU19" s="345">
        <v>0</v>
      </c>
      <c r="NV19" s="349">
        <v>0</v>
      </c>
      <c r="NW19" s="350">
        <v>0</v>
      </c>
      <c r="NX19" s="348">
        <v>0</v>
      </c>
      <c r="NY19" s="345">
        <v>0</v>
      </c>
      <c r="NZ19" s="349">
        <v>0</v>
      </c>
      <c r="OA19" s="413">
        <v>0</v>
      </c>
      <c r="OB19" s="345">
        <v>0</v>
      </c>
      <c r="OC19" s="345">
        <v>0</v>
      </c>
      <c r="OD19" s="345">
        <v>0</v>
      </c>
      <c r="OE19" s="345">
        <v>0</v>
      </c>
      <c r="OF19" s="345">
        <v>430302</v>
      </c>
      <c r="OG19" s="349">
        <v>430302</v>
      </c>
      <c r="OH19" s="350">
        <v>430302</v>
      </c>
      <c r="OI19" s="348">
        <v>3571679</v>
      </c>
      <c r="OJ19" s="345">
        <v>5217713</v>
      </c>
      <c r="OK19" s="346">
        <v>8789392</v>
      </c>
      <c r="OL19" s="351">
        <v>0</v>
      </c>
      <c r="OM19" s="345">
        <v>68303963</v>
      </c>
      <c r="ON19" s="345">
        <v>95669376</v>
      </c>
      <c r="OO19" s="345">
        <v>100178223</v>
      </c>
      <c r="OP19" s="345">
        <v>124893586</v>
      </c>
      <c r="OQ19" s="345">
        <v>113284978</v>
      </c>
      <c r="OR19" s="349">
        <v>502330126</v>
      </c>
      <c r="OS19" s="354">
        <v>511119518</v>
      </c>
    </row>
    <row r="20" spans="2:409" s="70" customFormat="1" ht="21" customHeight="1" x14ac:dyDescent="0.2">
      <c r="B20" s="410" t="s">
        <v>15</v>
      </c>
      <c r="C20" s="326">
        <v>2565906</v>
      </c>
      <c r="D20" s="327">
        <v>4444195</v>
      </c>
      <c r="E20" s="328">
        <v>7010101</v>
      </c>
      <c r="F20" s="329">
        <v>0</v>
      </c>
      <c r="G20" s="327">
        <v>36724806</v>
      </c>
      <c r="H20" s="327">
        <v>43735403</v>
      </c>
      <c r="I20" s="327">
        <v>40122218</v>
      </c>
      <c r="J20" s="327">
        <v>44391866</v>
      </c>
      <c r="K20" s="327">
        <v>24457200</v>
      </c>
      <c r="L20" s="329">
        <v>189431493</v>
      </c>
      <c r="M20" s="330">
        <v>196441594</v>
      </c>
      <c r="N20" s="326">
        <v>259021</v>
      </c>
      <c r="O20" s="327">
        <v>564618</v>
      </c>
      <c r="P20" s="328">
        <v>823639</v>
      </c>
      <c r="Q20" s="326">
        <v>0</v>
      </c>
      <c r="R20" s="327">
        <v>8073767</v>
      </c>
      <c r="S20" s="327">
        <v>13474013</v>
      </c>
      <c r="T20" s="327">
        <v>11274951</v>
      </c>
      <c r="U20" s="327">
        <v>15357186</v>
      </c>
      <c r="V20" s="327">
        <v>11427727</v>
      </c>
      <c r="W20" s="328">
        <v>59607644</v>
      </c>
      <c r="X20" s="330">
        <v>60431283</v>
      </c>
      <c r="Y20" s="326">
        <v>0</v>
      </c>
      <c r="Z20" s="327">
        <v>0</v>
      </c>
      <c r="AA20" s="328">
        <v>0</v>
      </c>
      <c r="AB20" s="326">
        <v>0</v>
      </c>
      <c r="AC20" s="327">
        <v>3067530</v>
      </c>
      <c r="AD20" s="327">
        <v>7376917</v>
      </c>
      <c r="AE20" s="327">
        <v>6654662</v>
      </c>
      <c r="AF20" s="327">
        <v>9310235</v>
      </c>
      <c r="AG20" s="327">
        <v>6351577</v>
      </c>
      <c r="AH20" s="328">
        <v>32760921</v>
      </c>
      <c r="AI20" s="330">
        <v>32760921</v>
      </c>
      <c r="AJ20" s="326">
        <v>0</v>
      </c>
      <c r="AK20" s="327">
        <v>0</v>
      </c>
      <c r="AL20" s="328">
        <v>0</v>
      </c>
      <c r="AM20" s="326">
        <v>0</v>
      </c>
      <c r="AN20" s="327">
        <v>94583</v>
      </c>
      <c r="AO20" s="327">
        <v>224493</v>
      </c>
      <c r="AP20" s="327">
        <v>320610</v>
      </c>
      <c r="AQ20" s="327">
        <v>1434711</v>
      </c>
      <c r="AR20" s="327">
        <v>1299426</v>
      </c>
      <c r="AS20" s="328">
        <v>3373823</v>
      </c>
      <c r="AT20" s="330">
        <v>3373823</v>
      </c>
      <c r="AU20" s="326">
        <v>102286</v>
      </c>
      <c r="AV20" s="327">
        <v>448116</v>
      </c>
      <c r="AW20" s="328">
        <v>550402</v>
      </c>
      <c r="AX20" s="326">
        <v>0</v>
      </c>
      <c r="AY20" s="327">
        <v>2495905</v>
      </c>
      <c r="AZ20" s="327">
        <v>3642174</v>
      </c>
      <c r="BA20" s="327">
        <v>2533357</v>
      </c>
      <c r="BB20" s="327">
        <v>2557061</v>
      </c>
      <c r="BC20" s="327">
        <v>2389279</v>
      </c>
      <c r="BD20" s="328">
        <v>13617776</v>
      </c>
      <c r="BE20" s="330">
        <v>14168178</v>
      </c>
      <c r="BF20" s="326">
        <v>0</v>
      </c>
      <c r="BG20" s="327">
        <v>19494</v>
      </c>
      <c r="BH20" s="331">
        <v>19494</v>
      </c>
      <c r="BI20" s="332">
        <v>0</v>
      </c>
      <c r="BJ20" s="327">
        <v>434928</v>
      </c>
      <c r="BK20" s="327">
        <v>537354</v>
      </c>
      <c r="BL20" s="327">
        <v>181908</v>
      </c>
      <c r="BM20" s="327">
        <v>170591</v>
      </c>
      <c r="BN20" s="327">
        <v>221914</v>
      </c>
      <c r="BO20" s="328">
        <v>1546695</v>
      </c>
      <c r="BP20" s="330">
        <v>1566189</v>
      </c>
      <c r="BQ20" s="326">
        <v>156735</v>
      </c>
      <c r="BR20" s="327">
        <v>97008</v>
      </c>
      <c r="BS20" s="328">
        <v>253743</v>
      </c>
      <c r="BT20" s="326">
        <v>0</v>
      </c>
      <c r="BU20" s="327">
        <v>1980821</v>
      </c>
      <c r="BV20" s="327">
        <v>1693075</v>
      </c>
      <c r="BW20" s="327">
        <v>1584414</v>
      </c>
      <c r="BX20" s="327">
        <v>1884588</v>
      </c>
      <c r="BY20" s="327">
        <v>1165531</v>
      </c>
      <c r="BZ20" s="328">
        <v>8308429</v>
      </c>
      <c r="CA20" s="330">
        <v>8562172</v>
      </c>
      <c r="CB20" s="326">
        <v>68685</v>
      </c>
      <c r="CC20" s="327">
        <v>278011</v>
      </c>
      <c r="CD20" s="328">
        <v>346696</v>
      </c>
      <c r="CE20" s="326">
        <v>0</v>
      </c>
      <c r="CF20" s="327">
        <v>7687888</v>
      </c>
      <c r="CG20" s="327">
        <v>11273638</v>
      </c>
      <c r="CH20" s="327">
        <v>9237395</v>
      </c>
      <c r="CI20" s="327">
        <v>4976684</v>
      </c>
      <c r="CJ20" s="327">
        <v>1938435</v>
      </c>
      <c r="CK20" s="328">
        <v>35114040</v>
      </c>
      <c r="CL20" s="330">
        <v>35460736</v>
      </c>
      <c r="CM20" s="326">
        <v>0</v>
      </c>
      <c r="CN20" s="327">
        <v>0</v>
      </c>
      <c r="CO20" s="328">
        <v>0</v>
      </c>
      <c r="CP20" s="332">
        <v>0</v>
      </c>
      <c r="CQ20" s="327">
        <v>5639054</v>
      </c>
      <c r="CR20" s="327">
        <v>8235498</v>
      </c>
      <c r="CS20" s="327">
        <v>6134432</v>
      </c>
      <c r="CT20" s="327">
        <v>3944774</v>
      </c>
      <c r="CU20" s="327">
        <v>1108335</v>
      </c>
      <c r="CV20" s="328">
        <v>25062093</v>
      </c>
      <c r="CW20" s="330">
        <v>25062093</v>
      </c>
      <c r="CX20" s="326">
        <v>68685</v>
      </c>
      <c r="CY20" s="327">
        <v>278011</v>
      </c>
      <c r="CZ20" s="328">
        <v>346696</v>
      </c>
      <c r="DA20" s="326">
        <v>0</v>
      </c>
      <c r="DB20" s="327">
        <v>2048834</v>
      </c>
      <c r="DC20" s="327">
        <v>3038140</v>
      </c>
      <c r="DD20" s="327">
        <v>3102963</v>
      </c>
      <c r="DE20" s="327">
        <v>1031910</v>
      </c>
      <c r="DF20" s="327">
        <v>830100</v>
      </c>
      <c r="DG20" s="328">
        <v>10051947</v>
      </c>
      <c r="DH20" s="330">
        <v>10398643</v>
      </c>
      <c r="DI20" s="326">
        <v>0</v>
      </c>
      <c r="DJ20" s="327">
        <v>68029</v>
      </c>
      <c r="DK20" s="331">
        <v>68029</v>
      </c>
      <c r="DL20" s="332">
        <v>0</v>
      </c>
      <c r="DM20" s="327">
        <v>1380775</v>
      </c>
      <c r="DN20" s="327">
        <v>2863069</v>
      </c>
      <c r="DO20" s="327">
        <v>6571015</v>
      </c>
      <c r="DP20" s="327">
        <v>9196563</v>
      </c>
      <c r="DQ20" s="327">
        <v>3301458</v>
      </c>
      <c r="DR20" s="328">
        <v>23312880</v>
      </c>
      <c r="DS20" s="330">
        <v>23380909</v>
      </c>
      <c r="DT20" s="326">
        <v>0</v>
      </c>
      <c r="DU20" s="327">
        <v>68029</v>
      </c>
      <c r="DV20" s="328">
        <v>68029</v>
      </c>
      <c r="DW20" s="326">
        <v>0</v>
      </c>
      <c r="DX20" s="327">
        <v>1008881</v>
      </c>
      <c r="DY20" s="327">
        <v>2255061</v>
      </c>
      <c r="DZ20" s="327">
        <v>6187674</v>
      </c>
      <c r="EA20" s="327">
        <v>8782359</v>
      </c>
      <c r="EB20" s="327">
        <v>3237419</v>
      </c>
      <c r="EC20" s="328">
        <v>21471394</v>
      </c>
      <c r="ED20" s="330">
        <v>21539423</v>
      </c>
      <c r="EE20" s="326">
        <v>0</v>
      </c>
      <c r="EF20" s="331">
        <v>0</v>
      </c>
      <c r="EG20" s="328">
        <v>0</v>
      </c>
      <c r="EH20" s="326">
        <v>0</v>
      </c>
      <c r="EI20" s="327">
        <v>371894</v>
      </c>
      <c r="EJ20" s="327">
        <v>608008</v>
      </c>
      <c r="EK20" s="327">
        <v>383341</v>
      </c>
      <c r="EL20" s="327">
        <v>414204</v>
      </c>
      <c r="EM20" s="327">
        <v>64039</v>
      </c>
      <c r="EN20" s="331">
        <v>1841486</v>
      </c>
      <c r="EO20" s="330">
        <v>1841486</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852964</v>
      </c>
      <c r="FM20" s="327">
        <v>1465781</v>
      </c>
      <c r="FN20" s="328">
        <v>2318745</v>
      </c>
      <c r="FO20" s="326">
        <v>0</v>
      </c>
      <c r="FP20" s="327">
        <v>2181147</v>
      </c>
      <c r="FQ20" s="327">
        <v>4613282</v>
      </c>
      <c r="FR20" s="327">
        <v>3018588</v>
      </c>
      <c r="FS20" s="327">
        <v>2616458</v>
      </c>
      <c r="FT20" s="327">
        <v>1778124</v>
      </c>
      <c r="FU20" s="328">
        <v>14207599</v>
      </c>
      <c r="FV20" s="330">
        <v>16526344</v>
      </c>
      <c r="FW20" s="333">
        <v>405792</v>
      </c>
      <c r="FX20" s="327">
        <v>946337</v>
      </c>
      <c r="FY20" s="331">
        <v>1352129</v>
      </c>
      <c r="FZ20" s="332">
        <v>0</v>
      </c>
      <c r="GA20" s="327">
        <v>1521083</v>
      </c>
      <c r="GB20" s="327">
        <v>4109849</v>
      </c>
      <c r="GC20" s="327">
        <v>2743991</v>
      </c>
      <c r="GD20" s="327">
        <v>2351075</v>
      </c>
      <c r="GE20" s="327">
        <v>1778124</v>
      </c>
      <c r="GF20" s="328">
        <v>12504122</v>
      </c>
      <c r="GG20" s="334">
        <v>13856251</v>
      </c>
      <c r="GH20" s="333">
        <v>62172</v>
      </c>
      <c r="GI20" s="327">
        <v>27324</v>
      </c>
      <c r="GJ20" s="331">
        <v>89496</v>
      </c>
      <c r="GK20" s="332">
        <v>0</v>
      </c>
      <c r="GL20" s="327">
        <v>202801</v>
      </c>
      <c r="GM20" s="327">
        <v>129033</v>
      </c>
      <c r="GN20" s="327">
        <v>98197</v>
      </c>
      <c r="GO20" s="327">
        <v>265383</v>
      </c>
      <c r="GP20" s="327">
        <v>0</v>
      </c>
      <c r="GQ20" s="328">
        <v>695414</v>
      </c>
      <c r="GR20" s="330">
        <v>784910</v>
      </c>
      <c r="GS20" s="326">
        <v>385000</v>
      </c>
      <c r="GT20" s="327">
        <v>492120</v>
      </c>
      <c r="GU20" s="328">
        <v>877120</v>
      </c>
      <c r="GV20" s="326">
        <v>0</v>
      </c>
      <c r="GW20" s="327">
        <v>457263</v>
      </c>
      <c r="GX20" s="327">
        <v>374400</v>
      </c>
      <c r="GY20" s="327">
        <v>176400</v>
      </c>
      <c r="GZ20" s="327">
        <v>0</v>
      </c>
      <c r="HA20" s="327">
        <v>0</v>
      </c>
      <c r="HB20" s="331">
        <v>1008063</v>
      </c>
      <c r="HC20" s="330">
        <v>1885183</v>
      </c>
      <c r="HD20" s="326">
        <v>977330</v>
      </c>
      <c r="HE20" s="327">
        <v>1129743</v>
      </c>
      <c r="HF20" s="331">
        <v>2107073</v>
      </c>
      <c r="HG20" s="332">
        <v>0</v>
      </c>
      <c r="HH20" s="327">
        <v>10142147</v>
      </c>
      <c r="HI20" s="327">
        <v>3881448</v>
      </c>
      <c r="HJ20" s="327">
        <v>5800040</v>
      </c>
      <c r="HK20" s="327">
        <v>8773316</v>
      </c>
      <c r="HL20" s="327">
        <v>4226128</v>
      </c>
      <c r="HM20" s="328">
        <v>32823079</v>
      </c>
      <c r="HN20" s="329">
        <v>34930152</v>
      </c>
      <c r="HO20" s="333">
        <v>407906</v>
      </c>
      <c r="HP20" s="327">
        <v>938013</v>
      </c>
      <c r="HQ20" s="328">
        <v>1345919</v>
      </c>
      <c r="HR20" s="326">
        <v>0</v>
      </c>
      <c r="HS20" s="327">
        <v>7259082</v>
      </c>
      <c r="HT20" s="327">
        <v>7629953</v>
      </c>
      <c r="HU20" s="327">
        <v>4220229</v>
      </c>
      <c r="HV20" s="327">
        <v>3471659</v>
      </c>
      <c r="HW20" s="327">
        <v>1785328</v>
      </c>
      <c r="HX20" s="331">
        <v>24366251</v>
      </c>
      <c r="HY20" s="330">
        <v>25712170</v>
      </c>
      <c r="HZ20" s="358">
        <v>51126</v>
      </c>
      <c r="IA20" s="356">
        <v>1161541</v>
      </c>
      <c r="IB20" s="358">
        <v>1212667</v>
      </c>
      <c r="IC20" s="355">
        <v>0</v>
      </c>
      <c r="ID20" s="356">
        <v>25377054</v>
      </c>
      <c r="IE20" s="357">
        <v>29093008</v>
      </c>
      <c r="IF20" s="358">
        <v>23972913</v>
      </c>
      <c r="IG20" s="356">
        <v>16801975</v>
      </c>
      <c r="IH20" s="358">
        <v>14752028</v>
      </c>
      <c r="II20" s="359">
        <v>109996978</v>
      </c>
      <c r="IJ20" s="358">
        <v>111209645</v>
      </c>
      <c r="IK20" s="342">
        <v>0</v>
      </c>
      <c r="IL20" s="343">
        <v>0</v>
      </c>
      <c r="IM20" s="344">
        <v>0</v>
      </c>
      <c r="IN20" s="404">
        <v>0</v>
      </c>
      <c r="IO20" s="345">
        <v>234318</v>
      </c>
      <c r="IP20" s="345">
        <v>249244</v>
      </c>
      <c r="IQ20" s="345">
        <v>751192</v>
      </c>
      <c r="IR20" s="345">
        <v>-54758</v>
      </c>
      <c r="IS20" s="345">
        <v>2070831</v>
      </c>
      <c r="IT20" s="346">
        <v>3250827</v>
      </c>
      <c r="IU20" s="347">
        <v>3250827</v>
      </c>
      <c r="IV20" s="348">
        <v>0</v>
      </c>
      <c r="IW20" s="345">
        <v>0</v>
      </c>
      <c r="IX20" s="349">
        <v>0</v>
      </c>
      <c r="IY20" s="413">
        <v>0</v>
      </c>
      <c r="IZ20" s="345">
        <v>0</v>
      </c>
      <c r="JA20" s="345">
        <v>0</v>
      </c>
      <c r="JB20" s="345">
        <v>0</v>
      </c>
      <c r="JC20" s="345">
        <v>0</v>
      </c>
      <c r="JD20" s="345">
        <v>0</v>
      </c>
      <c r="JE20" s="349">
        <v>0</v>
      </c>
      <c r="JF20" s="350">
        <v>0</v>
      </c>
      <c r="JG20" s="348">
        <v>0</v>
      </c>
      <c r="JH20" s="345">
        <v>0</v>
      </c>
      <c r="JI20" s="346">
        <v>0</v>
      </c>
      <c r="JJ20" s="351">
        <v>0</v>
      </c>
      <c r="JK20" s="345">
        <v>9772515</v>
      </c>
      <c r="JL20" s="345">
        <v>12269939</v>
      </c>
      <c r="JM20" s="345">
        <v>7783941</v>
      </c>
      <c r="JN20" s="345">
        <v>4402589</v>
      </c>
      <c r="JO20" s="345">
        <v>1994458</v>
      </c>
      <c r="JP20" s="349">
        <v>36223442</v>
      </c>
      <c r="JQ20" s="347">
        <v>36223442</v>
      </c>
      <c r="JR20" s="348">
        <v>0</v>
      </c>
      <c r="JS20" s="345">
        <v>86431</v>
      </c>
      <c r="JT20" s="346">
        <v>86431</v>
      </c>
      <c r="JU20" s="351">
        <v>0</v>
      </c>
      <c r="JV20" s="345">
        <v>393186</v>
      </c>
      <c r="JW20" s="345">
        <v>401447</v>
      </c>
      <c r="JX20" s="345">
        <v>701118</v>
      </c>
      <c r="JY20" s="345">
        <v>49896</v>
      </c>
      <c r="JZ20" s="345">
        <v>233161</v>
      </c>
      <c r="KA20" s="349">
        <v>1778808</v>
      </c>
      <c r="KB20" s="347">
        <v>1865239</v>
      </c>
      <c r="KC20" s="352">
        <v>51126</v>
      </c>
      <c r="KD20" s="353">
        <v>1075110</v>
      </c>
      <c r="KE20" s="349">
        <v>1126236</v>
      </c>
      <c r="KF20" s="351">
        <v>0</v>
      </c>
      <c r="KG20" s="345">
        <v>2546516</v>
      </c>
      <c r="KH20" s="345">
        <v>2079639</v>
      </c>
      <c r="KI20" s="345">
        <v>0</v>
      </c>
      <c r="KJ20" s="345">
        <v>848443</v>
      </c>
      <c r="KK20" s="345">
        <v>906935</v>
      </c>
      <c r="KL20" s="349">
        <v>6381533</v>
      </c>
      <c r="KM20" s="354">
        <v>7507769</v>
      </c>
      <c r="KN20" s="342">
        <v>0</v>
      </c>
      <c r="KO20" s="343">
        <v>0</v>
      </c>
      <c r="KP20" s="344">
        <v>0</v>
      </c>
      <c r="KQ20" s="413">
        <v>0</v>
      </c>
      <c r="KR20" s="345">
        <v>11635594</v>
      </c>
      <c r="KS20" s="345">
        <v>12094885</v>
      </c>
      <c r="KT20" s="345">
        <v>10443123</v>
      </c>
      <c r="KU20" s="345">
        <v>7238458</v>
      </c>
      <c r="KV20" s="345">
        <v>4723880</v>
      </c>
      <c r="KW20" s="349">
        <v>46135940</v>
      </c>
      <c r="KX20" s="347">
        <v>46135940</v>
      </c>
      <c r="KY20" s="348">
        <v>0</v>
      </c>
      <c r="KZ20" s="345">
        <v>0</v>
      </c>
      <c r="LA20" s="349">
        <v>0</v>
      </c>
      <c r="LB20" s="413">
        <v>0</v>
      </c>
      <c r="LC20" s="345">
        <v>0</v>
      </c>
      <c r="LD20" s="345">
        <v>0</v>
      </c>
      <c r="LE20" s="345">
        <v>0</v>
      </c>
      <c r="LF20" s="345">
        <v>0</v>
      </c>
      <c r="LG20" s="345">
        <v>0</v>
      </c>
      <c r="LH20" s="349">
        <v>0</v>
      </c>
      <c r="LI20" s="350">
        <v>0</v>
      </c>
      <c r="LJ20" s="348">
        <v>0</v>
      </c>
      <c r="LK20" s="345">
        <v>0</v>
      </c>
      <c r="LL20" s="349">
        <v>0</v>
      </c>
      <c r="LM20" s="413">
        <v>0</v>
      </c>
      <c r="LN20" s="345">
        <v>0</v>
      </c>
      <c r="LO20" s="345">
        <v>0</v>
      </c>
      <c r="LP20" s="345">
        <v>2899800</v>
      </c>
      <c r="LQ20" s="345">
        <v>3381353</v>
      </c>
      <c r="LR20" s="345">
        <v>4472582</v>
      </c>
      <c r="LS20" s="349">
        <v>10753735</v>
      </c>
      <c r="LT20" s="347">
        <v>10753735</v>
      </c>
      <c r="LU20" s="348">
        <v>0</v>
      </c>
      <c r="LV20" s="345">
        <v>0</v>
      </c>
      <c r="LW20" s="349">
        <v>0</v>
      </c>
      <c r="LX20" s="413">
        <v>0</v>
      </c>
      <c r="LY20" s="345">
        <v>794925</v>
      </c>
      <c r="LZ20" s="345">
        <v>1997854</v>
      </c>
      <c r="MA20" s="345">
        <v>1393739</v>
      </c>
      <c r="MB20" s="345">
        <v>935994</v>
      </c>
      <c r="MC20" s="345">
        <v>350181</v>
      </c>
      <c r="MD20" s="349">
        <v>5472693</v>
      </c>
      <c r="ME20" s="350">
        <v>5472693</v>
      </c>
      <c r="MF20" s="348">
        <v>0</v>
      </c>
      <c r="MG20" s="345">
        <v>0</v>
      </c>
      <c r="MH20" s="349">
        <v>0</v>
      </c>
      <c r="MI20" s="413">
        <v>0</v>
      </c>
      <c r="MJ20" s="345">
        <v>5205219</v>
      </c>
      <c r="MK20" s="345">
        <v>10357694</v>
      </c>
      <c r="ML20" s="345">
        <v>33872689</v>
      </c>
      <c r="MM20" s="345">
        <v>70217816</v>
      </c>
      <c r="MN20" s="345">
        <v>31058659</v>
      </c>
      <c r="MO20" s="349">
        <v>150712077</v>
      </c>
      <c r="MP20" s="354">
        <v>150712077</v>
      </c>
      <c r="MQ20" s="348">
        <v>0</v>
      </c>
      <c r="MR20" s="345">
        <v>0</v>
      </c>
      <c r="MS20" s="349">
        <v>0</v>
      </c>
      <c r="MT20" s="413">
        <v>0</v>
      </c>
      <c r="MU20" s="345">
        <v>237349</v>
      </c>
      <c r="MV20" s="345">
        <v>243922</v>
      </c>
      <c r="MW20" s="345">
        <v>21518130</v>
      </c>
      <c r="MX20" s="345">
        <v>49765817</v>
      </c>
      <c r="MY20" s="345">
        <v>22681814</v>
      </c>
      <c r="MZ20" s="349">
        <v>94447032</v>
      </c>
      <c r="NA20" s="354">
        <v>94447032</v>
      </c>
      <c r="NB20" s="348">
        <v>0</v>
      </c>
      <c r="NC20" s="345">
        <v>0</v>
      </c>
      <c r="ND20" s="349">
        <v>0</v>
      </c>
      <c r="NE20" s="413">
        <v>0</v>
      </c>
      <c r="NF20" s="345">
        <v>4967870</v>
      </c>
      <c r="NG20" s="345">
        <v>10113772</v>
      </c>
      <c r="NH20" s="345">
        <v>12354559</v>
      </c>
      <c r="NI20" s="345">
        <v>20451999</v>
      </c>
      <c r="NJ20" s="345">
        <v>8376845</v>
      </c>
      <c r="NK20" s="349">
        <v>56265045</v>
      </c>
      <c r="NL20" s="347">
        <v>56265045</v>
      </c>
      <c r="NM20" s="348">
        <v>0</v>
      </c>
      <c r="NN20" s="345">
        <v>0</v>
      </c>
      <c r="NO20" s="349">
        <v>0</v>
      </c>
      <c r="NP20" s="413">
        <v>0</v>
      </c>
      <c r="NQ20" s="345">
        <v>0</v>
      </c>
      <c r="NR20" s="345">
        <v>0</v>
      </c>
      <c r="NS20" s="345">
        <v>0</v>
      </c>
      <c r="NT20" s="345">
        <v>0</v>
      </c>
      <c r="NU20" s="345">
        <v>0</v>
      </c>
      <c r="NV20" s="349">
        <v>0</v>
      </c>
      <c r="NW20" s="350">
        <v>0</v>
      </c>
      <c r="NX20" s="348">
        <v>0</v>
      </c>
      <c r="NY20" s="345">
        <v>0</v>
      </c>
      <c r="NZ20" s="349">
        <v>0</v>
      </c>
      <c r="OA20" s="413">
        <v>0</v>
      </c>
      <c r="OB20" s="345">
        <v>0</v>
      </c>
      <c r="OC20" s="345">
        <v>0</v>
      </c>
      <c r="OD20" s="345">
        <v>0</v>
      </c>
      <c r="OE20" s="345">
        <v>0</v>
      </c>
      <c r="OF20" s="345">
        <v>0</v>
      </c>
      <c r="OG20" s="349">
        <v>0</v>
      </c>
      <c r="OH20" s="350">
        <v>0</v>
      </c>
      <c r="OI20" s="348">
        <v>2617032</v>
      </c>
      <c r="OJ20" s="345">
        <v>5605736</v>
      </c>
      <c r="OK20" s="346">
        <v>8222768</v>
      </c>
      <c r="OL20" s="351">
        <v>0</v>
      </c>
      <c r="OM20" s="345">
        <v>67307079</v>
      </c>
      <c r="ON20" s="345">
        <v>83186105</v>
      </c>
      <c r="OO20" s="345">
        <v>97967820</v>
      </c>
      <c r="OP20" s="345">
        <v>131411657</v>
      </c>
      <c r="OQ20" s="345">
        <v>70267887</v>
      </c>
      <c r="OR20" s="349">
        <v>450140548</v>
      </c>
      <c r="OS20" s="354">
        <v>458363316</v>
      </c>
    </row>
    <row r="21" spans="2:409" s="70" customFormat="1" ht="21" customHeight="1" x14ac:dyDescent="0.2">
      <c r="B21" s="410" t="s">
        <v>16</v>
      </c>
      <c r="C21" s="326">
        <v>6669674</v>
      </c>
      <c r="D21" s="327">
        <v>15064725</v>
      </c>
      <c r="E21" s="328">
        <v>21734399</v>
      </c>
      <c r="F21" s="329">
        <v>0</v>
      </c>
      <c r="G21" s="327">
        <v>87206668</v>
      </c>
      <c r="H21" s="327">
        <v>144104380</v>
      </c>
      <c r="I21" s="327">
        <v>110998889</v>
      </c>
      <c r="J21" s="327">
        <v>110168367</v>
      </c>
      <c r="K21" s="327">
        <v>70714506</v>
      </c>
      <c r="L21" s="329">
        <v>523192810</v>
      </c>
      <c r="M21" s="330">
        <v>544927209</v>
      </c>
      <c r="N21" s="326">
        <v>1269480</v>
      </c>
      <c r="O21" s="327">
        <v>2925224</v>
      </c>
      <c r="P21" s="328">
        <v>4194704</v>
      </c>
      <c r="Q21" s="326">
        <v>0</v>
      </c>
      <c r="R21" s="327">
        <v>17545215</v>
      </c>
      <c r="S21" s="327">
        <v>34730185</v>
      </c>
      <c r="T21" s="327">
        <v>29546581</v>
      </c>
      <c r="U21" s="327">
        <v>34730764</v>
      </c>
      <c r="V21" s="327">
        <v>28167584</v>
      </c>
      <c r="W21" s="328">
        <v>144720329</v>
      </c>
      <c r="X21" s="330">
        <v>148915033</v>
      </c>
      <c r="Y21" s="326">
        <v>0</v>
      </c>
      <c r="Z21" s="327">
        <v>0</v>
      </c>
      <c r="AA21" s="328">
        <v>0</v>
      </c>
      <c r="AB21" s="326">
        <v>0</v>
      </c>
      <c r="AC21" s="327">
        <v>7138408</v>
      </c>
      <c r="AD21" s="327">
        <v>12715159</v>
      </c>
      <c r="AE21" s="327">
        <v>15350432</v>
      </c>
      <c r="AF21" s="327">
        <v>19653903</v>
      </c>
      <c r="AG21" s="327">
        <v>15343754</v>
      </c>
      <c r="AH21" s="328">
        <v>70201656</v>
      </c>
      <c r="AI21" s="330">
        <v>70201656</v>
      </c>
      <c r="AJ21" s="326">
        <v>0</v>
      </c>
      <c r="AK21" s="327">
        <v>0</v>
      </c>
      <c r="AL21" s="328">
        <v>0</v>
      </c>
      <c r="AM21" s="326">
        <v>0</v>
      </c>
      <c r="AN21" s="327">
        <v>51240</v>
      </c>
      <c r="AO21" s="327">
        <v>219499</v>
      </c>
      <c r="AP21" s="327">
        <v>383774</v>
      </c>
      <c r="AQ21" s="327">
        <v>1176635</v>
      </c>
      <c r="AR21" s="327">
        <v>1873063</v>
      </c>
      <c r="AS21" s="328">
        <v>3704211</v>
      </c>
      <c r="AT21" s="330">
        <v>3704211</v>
      </c>
      <c r="AU21" s="326">
        <v>669552</v>
      </c>
      <c r="AV21" s="327">
        <v>1999275</v>
      </c>
      <c r="AW21" s="328">
        <v>2668827</v>
      </c>
      <c r="AX21" s="326">
        <v>0</v>
      </c>
      <c r="AY21" s="327">
        <v>6288567</v>
      </c>
      <c r="AZ21" s="327">
        <v>15035613</v>
      </c>
      <c r="BA21" s="327">
        <v>9083814</v>
      </c>
      <c r="BB21" s="327">
        <v>8529777</v>
      </c>
      <c r="BC21" s="327">
        <v>7341705</v>
      </c>
      <c r="BD21" s="328">
        <v>46279476</v>
      </c>
      <c r="BE21" s="330">
        <v>48948303</v>
      </c>
      <c r="BF21" s="326">
        <v>184984</v>
      </c>
      <c r="BG21" s="327">
        <v>448728</v>
      </c>
      <c r="BH21" s="331">
        <v>633712</v>
      </c>
      <c r="BI21" s="332">
        <v>0</v>
      </c>
      <c r="BJ21" s="327">
        <v>339217</v>
      </c>
      <c r="BK21" s="327">
        <v>1378722</v>
      </c>
      <c r="BL21" s="327">
        <v>878089</v>
      </c>
      <c r="BM21" s="327">
        <v>398717</v>
      </c>
      <c r="BN21" s="327">
        <v>631775</v>
      </c>
      <c r="BO21" s="328">
        <v>3626520</v>
      </c>
      <c r="BP21" s="330">
        <v>4260232</v>
      </c>
      <c r="BQ21" s="326">
        <v>414944</v>
      </c>
      <c r="BR21" s="327">
        <v>477221</v>
      </c>
      <c r="BS21" s="328">
        <v>892165</v>
      </c>
      <c r="BT21" s="326">
        <v>0</v>
      </c>
      <c r="BU21" s="327">
        <v>3727783</v>
      </c>
      <c r="BV21" s="327">
        <v>5381192</v>
      </c>
      <c r="BW21" s="327">
        <v>3850472</v>
      </c>
      <c r="BX21" s="327">
        <v>4971732</v>
      </c>
      <c r="BY21" s="327">
        <v>2977287</v>
      </c>
      <c r="BZ21" s="328">
        <v>20908466</v>
      </c>
      <c r="CA21" s="330">
        <v>21800631</v>
      </c>
      <c r="CB21" s="326">
        <v>1334680</v>
      </c>
      <c r="CC21" s="327">
        <v>4666524</v>
      </c>
      <c r="CD21" s="328">
        <v>6001204</v>
      </c>
      <c r="CE21" s="326">
        <v>0</v>
      </c>
      <c r="CF21" s="327">
        <v>30833439</v>
      </c>
      <c r="CG21" s="327">
        <v>51153491</v>
      </c>
      <c r="CH21" s="327">
        <v>35500151</v>
      </c>
      <c r="CI21" s="327">
        <v>26430615</v>
      </c>
      <c r="CJ21" s="327">
        <v>13308350</v>
      </c>
      <c r="CK21" s="328">
        <v>157226046</v>
      </c>
      <c r="CL21" s="330">
        <v>163227250</v>
      </c>
      <c r="CM21" s="326">
        <v>0</v>
      </c>
      <c r="CN21" s="327">
        <v>0</v>
      </c>
      <c r="CO21" s="328">
        <v>0</v>
      </c>
      <c r="CP21" s="332">
        <v>0</v>
      </c>
      <c r="CQ21" s="327">
        <v>20959546</v>
      </c>
      <c r="CR21" s="327">
        <v>32842788</v>
      </c>
      <c r="CS21" s="327">
        <v>26086078</v>
      </c>
      <c r="CT21" s="327">
        <v>19115359</v>
      </c>
      <c r="CU21" s="327">
        <v>9838495</v>
      </c>
      <c r="CV21" s="328">
        <v>108842266</v>
      </c>
      <c r="CW21" s="330">
        <v>108842266</v>
      </c>
      <c r="CX21" s="326">
        <v>1334680</v>
      </c>
      <c r="CY21" s="327">
        <v>4666524</v>
      </c>
      <c r="CZ21" s="328">
        <v>6001204</v>
      </c>
      <c r="DA21" s="326">
        <v>0</v>
      </c>
      <c r="DB21" s="327">
        <v>9873893</v>
      </c>
      <c r="DC21" s="327">
        <v>18310703</v>
      </c>
      <c r="DD21" s="327">
        <v>9414073</v>
      </c>
      <c r="DE21" s="327">
        <v>7315256</v>
      </c>
      <c r="DF21" s="327">
        <v>3469855</v>
      </c>
      <c r="DG21" s="328">
        <v>48383780</v>
      </c>
      <c r="DH21" s="330">
        <v>54384984</v>
      </c>
      <c r="DI21" s="326">
        <v>0</v>
      </c>
      <c r="DJ21" s="327">
        <v>123108</v>
      </c>
      <c r="DK21" s="331">
        <v>123108</v>
      </c>
      <c r="DL21" s="332">
        <v>0</v>
      </c>
      <c r="DM21" s="327">
        <v>1747326</v>
      </c>
      <c r="DN21" s="327">
        <v>5042697</v>
      </c>
      <c r="DO21" s="327">
        <v>7658818</v>
      </c>
      <c r="DP21" s="327">
        <v>5025832</v>
      </c>
      <c r="DQ21" s="327">
        <v>3299520</v>
      </c>
      <c r="DR21" s="328">
        <v>22774193</v>
      </c>
      <c r="DS21" s="330">
        <v>22897301</v>
      </c>
      <c r="DT21" s="326">
        <v>0</v>
      </c>
      <c r="DU21" s="327">
        <v>123108</v>
      </c>
      <c r="DV21" s="328">
        <v>123108</v>
      </c>
      <c r="DW21" s="326">
        <v>0</v>
      </c>
      <c r="DX21" s="327">
        <v>1655053</v>
      </c>
      <c r="DY21" s="327">
        <v>4701729</v>
      </c>
      <c r="DZ21" s="327">
        <v>7155563</v>
      </c>
      <c r="EA21" s="327">
        <v>3991299</v>
      </c>
      <c r="EB21" s="327">
        <v>2847554</v>
      </c>
      <c r="EC21" s="328">
        <v>20351198</v>
      </c>
      <c r="ED21" s="330">
        <v>20474306</v>
      </c>
      <c r="EE21" s="326">
        <v>0</v>
      </c>
      <c r="EF21" s="331">
        <v>0</v>
      </c>
      <c r="EG21" s="328">
        <v>0</v>
      </c>
      <c r="EH21" s="326">
        <v>0</v>
      </c>
      <c r="EI21" s="327">
        <v>92273</v>
      </c>
      <c r="EJ21" s="327">
        <v>340968</v>
      </c>
      <c r="EK21" s="327">
        <v>503255</v>
      </c>
      <c r="EL21" s="327">
        <v>1034533</v>
      </c>
      <c r="EM21" s="327">
        <v>451966</v>
      </c>
      <c r="EN21" s="331">
        <v>2422995</v>
      </c>
      <c r="EO21" s="330">
        <v>2422995</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1499686</v>
      </c>
      <c r="FM21" s="327">
        <v>3423861</v>
      </c>
      <c r="FN21" s="328">
        <v>4923547</v>
      </c>
      <c r="FO21" s="326">
        <v>0</v>
      </c>
      <c r="FP21" s="327">
        <v>4261909</v>
      </c>
      <c r="FQ21" s="327">
        <v>13797527</v>
      </c>
      <c r="FR21" s="327">
        <v>7805338</v>
      </c>
      <c r="FS21" s="327">
        <v>7855236</v>
      </c>
      <c r="FT21" s="327">
        <v>5625316</v>
      </c>
      <c r="FU21" s="328">
        <v>39345326</v>
      </c>
      <c r="FV21" s="330">
        <v>44268873</v>
      </c>
      <c r="FW21" s="333">
        <v>965842</v>
      </c>
      <c r="FX21" s="327">
        <v>2525955</v>
      </c>
      <c r="FY21" s="331">
        <v>3491797</v>
      </c>
      <c r="FZ21" s="332">
        <v>0</v>
      </c>
      <c r="GA21" s="327">
        <v>3120553</v>
      </c>
      <c r="GB21" s="327">
        <v>11638393</v>
      </c>
      <c r="GC21" s="327">
        <v>7457904</v>
      </c>
      <c r="GD21" s="327">
        <v>6755428</v>
      </c>
      <c r="GE21" s="327">
        <v>5157808</v>
      </c>
      <c r="GF21" s="328">
        <v>34130086</v>
      </c>
      <c r="GG21" s="334">
        <v>37621883</v>
      </c>
      <c r="GH21" s="333">
        <v>259533</v>
      </c>
      <c r="GI21" s="327">
        <v>318114</v>
      </c>
      <c r="GJ21" s="331">
        <v>577647</v>
      </c>
      <c r="GK21" s="332">
        <v>0</v>
      </c>
      <c r="GL21" s="327">
        <v>342183</v>
      </c>
      <c r="GM21" s="327">
        <v>621967</v>
      </c>
      <c r="GN21" s="327">
        <v>200644</v>
      </c>
      <c r="GO21" s="327">
        <v>337736</v>
      </c>
      <c r="GP21" s="327">
        <v>205908</v>
      </c>
      <c r="GQ21" s="328">
        <v>1708438</v>
      </c>
      <c r="GR21" s="330">
        <v>2286085</v>
      </c>
      <c r="GS21" s="326">
        <v>274311</v>
      </c>
      <c r="GT21" s="327">
        <v>579792</v>
      </c>
      <c r="GU21" s="328">
        <v>854103</v>
      </c>
      <c r="GV21" s="326">
        <v>0</v>
      </c>
      <c r="GW21" s="327">
        <v>799173</v>
      </c>
      <c r="GX21" s="327">
        <v>1537167</v>
      </c>
      <c r="GY21" s="327">
        <v>146790</v>
      </c>
      <c r="GZ21" s="327">
        <v>762072</v>
      </c>
      <c r="HA21" s="327">
        <v>261600</v>
      </c>
      <c r="HB21" s="331">
        <v>3506802</v>
      </c>
      <c r="HC21" s="330">
        <v>4360905</v>
      </c>
      <c r="HD21" s="326">
        <v>1452225</v>
      </c>
      <c r="HE21" s="327">
        <v>1532203</v>
      </c>
      <c r="HF21" s="331">
        <v>2984428</v>
      </c>
      <c r="HG21" s="332">
        <v>0</v>
      </c>
      <c r="HH21" s="327">
        <v>19929852</v>
      </c>
      <c r="HI21" s="327">
        <v>22334382</v>
      </c>
      <c r="HJ21" s="327">
        <v>19891615</v>
      </c>
      <c r="HK21" s="327">
        <v>28884716</v>
      </c>
      <c r="HL21" s="327">
        <v>16157976</v>
      </c>
      <c r="HM21" s="328">
        <v>107198541</v>
      </c>
      <c r="HN21" s="329">
        <v>110182969</v>
      </c>
      <c r="HO21" s="333">
        <v>1113603</v>
      </c>
      <c r="HP21" s="327">
        <v>2393805</v>
      </c>
      <c r="HQ21" s="328">
        <v>3507408</v>
      </c>
      <c r="HR21" s="326">
        <v>0</v>
      </c>
      <c r="HS21" s="327">
        <v>12888927</v>
      </c>
      <c r="HT21" s="327">
        <v>17046098</v>
      </c>
      <c r="HU21" s="327">
        <v>10596386</v>
      </c>
      <c r="HV21" s="327">
        <v>7241204</v>
      </c>
      <c r="HW21" s="327">
        <v>4155760</v>
      </c>
      <c r="HX21" s="331">
        <v>51928375</v>
      </c>
      <c r="HY21" s="330">
        <v>55435783</v>
      </c>
      <c r="HZ21" s="335">
        <v>205135</v>
      </c>
      <c r="IA21" s="336">
        <v>507256</v>
      </c>
      <c r="IB21" s="337">
        <v>712391</v>
      </c>
      <c r="IC21" s="338">
        <v>0</v>
      </c>
      <c r="ID21" s="336">
        <v>20279067</v>
      </c>
      <c r="IE21" s="339">
        <v>32957919</v>
      </c>
      <c r="IF21" s="337">
        <v>30526656</v>
      </c>
      <c r="IG21" s="336">
        <v>26600038</v>
      </c>
      <c r="IH21" s="337">
        <v>21364830</v>
      </c>
      <c r="II21" s="340">
        <v>131728510</v>
      </c>
      <c r="IJ21" s="341">
        <v>132440901</v>
      </c>
      <c r="IK21" s="342">
        <v>0</v>
      </c>
      <c r="IL21" s="343">
        <v>0</v>
      </c>
      <c r="IM21" s="344">
        <v>0</v>
      </c>
      <c r="IN21" s="404">
        <v>0</v>
      </c>
      <c r="IO21" s="345">
        <v>573134</v>
      </c>
      <c r="IP21" s="345">
        <v>2156206</v>
      </c>
      <c r="IQ21" s="345">
        <v>3264895</v>
      </c>
      <c r="IR21" s="345">
        <v>2196141</v>
      </c>
      <c r="IS21" s="345">
        <v>3005644</v>
      </c>
      <c r="IT21" s="346">
        <v>11196020</v>
      </c>
      <c r="IU21" s="347">
        <v>11196020</v>
      </c>
      <c r="IV21" s="348">
        <v>0</v>
      </c>
      <c r="IW21" s="345">
        <v>0</v>
      </c>
      <c r="IX21" s="349">
        <v>0</v>
      </c>
      <c r="IY21" s="413">
        <v>0</v>
      </c>
      <c r="IZ21" s="345">
        <v>0</v>
      </c>
      <c r="JA21" s="345">
        <v>55053</v>
      </c>
      <c r="JB21" s="345">
        <v>37022</v>
      </c>
      <c r="JC21" s="345">
        <v>16312</v>
      </c>
      <c r="JD21" s="345">
        <v>87440</v>
      </c>
      <c r="JE21" s="349">
        <v>195827</v>
      </c>
      <c r="JF21" s="350">
        <v>195827</v>
      </c>
      <c r="JG21" s="348">
        <v>0</v>
      </c>
      <c r="JH21" s="345">
        <v>0</v>
      </c>
      <c r="JI21" s="346">
        <v>0</v>
      </c>
      <c r="JJ21" s="351">
        <v>0</v>
      </c>
      <c r="JK21" s="345">
        <v>7814300</v>
      </c>
      <c r="JL21" s="345">
        <v>10801805</v>
      </c>
      <c r="JM21" s="345">
        <v>8515701</v>
      </c>
      <c r="JN21" s="345">
        <v>3366570</v>
      </c>
      <c r="JO21" s="345">
        <v>1814951</v>
      </c>
      <c r="JP21" s="349">
        <v>32313327</v>
      </c>
      <c r="JQ21" s="347">
        <v>32313327</v>
      </c>
      <c r="JR21" s="348">
        <v>0</v>
      </c>
      <c r="JS21" s="345">
        <v>0</v>
      </c>
      <c r="JT21" s="346">
        <v>0</v>
      </c>
      <c r="JU21" s="351">
        <v>0</v>
      </c>
      <c r="JV21" s="345">
        <v>616742</v>
      </c>
      <c r="JW21" s="345">
        <v>809596</v>
      </c>
      <c r="JX21" s="345">
        <v>690706</v>
      </c>
      <c r="JY21" s="345">
        <v>357970</v>
      </c>
      <c r="JZ21" s="345">
        <v>612112</v>
      </c>
      <c r="KA21" s="349">
        <v>3087126</v>
      </c>
      <c r="KB21" s="347">
        <v>3087126</v>
      </c>
      <c r="KC21" s="352">
        <v>205135</v>
      </c>
      <c r="KD21" s="353">
        <v>249045</v>
      </c>
      <c r="KE21" s="349">
        <v>454180</v>
      </c>
      <c r="KF21" s="351">
        <v>0</v>
      </c>
      <c r="KG21" s="345">
        <v>3221652</v>
      </c>
      <c r="KH21" s="345">
        <v>4445455</v>
      </c>
      <c r="KI21" s="345">
        <v>3603832</v>
      </c>
      <c r="KJ21" s="345">
        <v>4808636</v>
      </c>
      <c r="KK21" s="345">
        <v>3217883</v>
      </c>
      <c r="KL21" s="349">
        <v>19297458</v>
      </c>
      <c r="KM21" s="354">
        <v>19751638</v>
      </c>
      <c r="KN21" s="342">
        <v>0</v>
      </c>
      <c r="KO21" s="343">
        <v>258211</v>
      </c>
      <c r="KP21" s="344">
        <v>258211</v>
      </c>
      <c r="KQ21" s="413">
        <v>0</v>
      </c>
      <c r="KR21" s="345">
        <v>7540044</v>
      </c>
      <c r="KS21" s="345">
        <v>13646961</v>
      </c>
      <c r="KT21" s="345">
        <v>10431250</v>
      </c>
      <c r="KU21" s="345">
        <v>11746653</v>
      </c>
      <c r="KV21" s="345">
        <v>7431115</v>
      </c>
      <c r="KW21" s="349">
        <v>50796023</v>
      </c>
      <c r="KX21" s="347">
        <v>51054234</v>
      </c>
      <c r="KY21" s="348">
        <v>0</v>
      </c>
      <c r="KZ21" s="345">
        <v>0</v>
      </c>
      <c r="LA21" s="349">
        <v>0</v>
      </c>
      <c r="LB21" s="413">
        <v>0</v>
      </c>
      <c r="LC21" s="345">
        <v>0</v>
      </c>
      <c r="LD21" s="345">
        <v>0</v>
      </c>
      <c r="LE21" s="345">
        <v>0</v>
      </c>
      <c r="LF21" s="345">
        <v>0</v>
      </c>
      <c r="LG21" s="345">
        <v>0</v>
      </c>
      <c r="LH21" s="349">
        <v>0</v>
      </c>
      <c r="LI21" s="350">
        <v>0</v>
      </c>
      <c r="LJ21" s="348">
        <v>0</v>
      </c>
      <c r="LK21" s="345">
        <v>0</v>
      </c>
      <c r="LL21" s="349">
        <v>0</v>
      </c>
      <c r="LM21" s="413">
        <v>0</v>
      </c>
      <c r="LN21" s="345">
        <v>0</v>
      </c>
      <c r="LO21" s="345">
        <v>0</v>
      </c>
      <c r="LP21" s="345">
        <v>2344156</v>
      </c>
      <c r="LQ21" s="345">
        <v>4063512</v>
      </c>
      <c r="LR21" s="345">
        <v>2734573</v>
      </c>
      <c r="LS21" s="349">
        <v>9142241</v>
      </c>
      <c r="LT21" s="347">
        <v>9142241</v>
      </c>
      <c r="LU21" s="348">
        <v>0</v>
      </c>
      <c r="LV21" s="345">
        <v>0</v>
      </c>
      <c r="LW21" s="349">
        <v>0</v>
      </c>
      <c r="LX21" s="413">
        <v>0</v>
      </c>
      <c r="LY21" s="345">
        <v>513195</v>
      </c>
      <c r="LZ21" s="345">
        <v>1042843</v>
      </c>
      <c r="MA21" s="345">
        <v>1639094</v>
      </c>
      <c r="MB21" s="345">
        <v>44244</v>
      </c>
      <c r="MC21" s="345">
        <v>2461112</v>
      </c>
      <c r="MD21" s="349">
        <v>5700488</v>
      </c>
      <c r="ME21" s="350">
        <v>5700488</v>
      </c>
      <c r="MF21" s="348">
        <v>0</v>
      </c>
      <c r="MG21" s="345">
        <v>0</v>
      </c>
      <c r="MH21" s="349">
        <v>0</v>
      </c>
      <c r="MI21" s="413">
        <v>0</v>
      </c>
      <c r="MJ21" s="345">
        <v>15412184</v>
      </c>
      <c r="MK21" s="345">
        <v>31608498</v>
      </c>
      <c r="ML21" s="345">
        <v>102461134</v>
      </c>
      <c r="MM21" s="345">
        <v>147600964</v>
      </c>
      <c r="MN21" s="345">
        <v>79965654</v>
      </c>
      <c r="MO21" s="349">
        <v>377048434</v>
      </c>
      <c r="MP21" s="354">
        <v>377048434</v>
      </c>
      <c r="MQ21" s="348">
        <v>0</v>
      </c>
      <c r="MR21" s="345">
        <v>0</v>
      </c>
      <c r="MS21" s="349">
        <v>0</v>
      </c>
      <c r="MT21" s="413">
        <v>0</v>
      </c>
      <c r="MU21" s="345">
        <v>1346460</v>
      </c>
      <c r="MV21" s="345">
        <v>3414911</v>
      </c>
      <c r="MW21" s="345">
        <v>61298818</v>
      </c>
      <c r="MX21" s="345">
        <v>89700735</v>
      </c>
      <c r="MY21" s="345">
        <v>54259721</v>
      </c>
      <c r="MZ21" s="349">
        <v>210020645</v>
      </c>
      <c r="NA21" s="354">
        <v>210020645</v>
      </c>
      <c r="NB21" s="348">
        <v>0</v>
      </c>
      <c r="NC21" s="345">
        <v>0</v>
      </c>
      <c r="ND21" s="349">
        <v>0</v>
      </c>
      <c r="NE21" s="413">
        <v>0</v>
      </c>
      <c r="NF21" s="345">
        <v>14065724</v>
      </c>
      <c r="NG21" s="345">
        <v>28193587</v>
      </c>
      <c r="NH21" s="345">
        <v>40434006</v>
      </c>
      <c r="NI21" s="345">
        <v>52518978</v>
      </c>
      <c r="NJ21" s="345">
        <v>21957976</v>
      </c>
      <c r="NK21" s="349">
        <v>157170271</v>
      </c>
      <c r="NL21" s="347">
        <v>157170271</v>
      </c>
      <c r="NM21" s="348">
        <v>0</v>
      </c>
      <c r="NN21" s="345">
        <v>0</v>
      </c>
      <c r="NO21" s="349">
        <v>0</v>
      </c>
      <c r="NP21" s="413">
        <v>0</v>
      </c>
      <c r="NQ21" s="345">
        <v>0</v>
      </c>
      <c r="NR21" s="345">
        <v>0</v>
      </c>
      <c r="NS21" s="345">
        <v>0</v>
      </c>
      <c r="NT21" s="345">
        <v>0</v>
      </c>
      <c r="NU21" s="345">
        <v>0</v>
      </c>
      <c r="NV21" s="349">
        <v>0</v>
      </c>
      <c r="NW21" s="350">
        <v>0</v>
      </c>
      <c r="NX21" s="348">
        <v>0</v>
      </c>
      <c r="NY21" s="345">
        <v>0</v>
      </c>
      <c r="NZ21" s="349">
        <v>0</v>
      </c>
      <c r="OA21" s="413">
        <v>0</v>
      </c>
      <c r="OB21" s="345">
        <v>0</v>
      </c>
      <c r="OC21" s="345">
        <v>0</v>
      </c>
      <c r="OD21" s="345">
        <v>728310</v>
      </c>
      <c r="OE21" s="345">
        <v>5381251</v>
      </c>
      <c r="OF21" s="345">
        <v>3747957</v>
      </c>
      <c r="OG21" s="349">
        <v>9857518</v>
      </c>
      <c r="OH21" s="350">
        <v>9857518</v>
      </c>
      <c r="OI21" s="348">
        <v>6874809</v>
      </c>
      <c r="OJ21" s="345">
        <v>15571981</v>
      </c>
      <c r="OK21" s="346">
        <v>22446790</v>
      </c>
      <c r="OL21" s="351">
        <v>0</v>
      </c>
      <c r="OM21" s="345">
        <v>122897919</v>
      </c>
      <c r="ON21" s="345">
        <v>208670797</v>
      </c>
      <c r="OO21" s="345">
        <v>243986679</v>
      </c>
      <c r="OP21" s="345">
        <v>284369369</v>
      </c>
      <c r="OQ21" s="345">
        <v>172044990</v>
      </c>
      <c r="OR21" s="349">
        <v>1031969754</v>
      </c>
      <c r="OS21" s="354">
        <v>1054416544</v>
      </c>
    </row>
    <row r="22" spans="2:409" s="70" customFormat="1" ht="21" customHeight="1" x14ac:dyDescent="0.2">
      <c r="B22" s="410" t="s">
        <v>17</v>
      </c>
      <c r="C22" s="326">
        <v>8273749</v>
      </c>
      <c r="D22" s="327">
        <v>20156101</v>
      </c>
      <c r="E22" s="328">
        <v>28429850</v>
      </c>
      <c r="F22" s="329">
        <v>0</v>
      </c>
      <c r="G22" s="327">
        <v>84238897</v>
      </c>
      <c r="H22" s="327">
        <v>192558820</v>
      </c>
      <c r="I22" s="327">
        <v>167842829</v>
      </c>
      <c r="J22" s="327">
        <v>158263734</v>
      </c>
      <c r="K22" s="327">
        <v>98360440</v>
      </c>
      <c r="L22" s="329">
        <v>701264720</v>
      </c>
      <c r="M22" s="330">
        <v>729694570</v>
      </c>
      <c r="N22" s="326">
        <v>1844136</v>
      </c>
      <c r="O22" s="327">
        <v>5171821</v>
      </c>
      <c r="P22" s="328">
        <v>7015957</v>
      </c>
      <c r="Q22" s="326">
        <v>0</v>
      </c>
      <c r="R22" s="327">
        <v>20500204</v>
      </c>
      <c r="S22" s="327">
        <v>54659677</v>
      </c>
      <c r="T22" s="327">
        <v>55128698</v>
      </c>
      <c r="U22" s="327">
        <v>68712236</v>
      </c>
      <c r="V22" s="327">
        <v>49638364</v>
      </c>
      <c r="W22" s="328">
        <v>248639179</v>
      </c>
      <c r="X22" s="330">
        <v>255655136</v>
      </c>
      <c r="Y22" s="326">
        <v>0</v>
      </c>
      <c r="Z22" s="327">
        <v>0</v>
      </c>
      <c r="AA22" s="328">
        <v>0</v>
      </c>
      <c r="AB22" s="326">
        <v>0</v>
      </c>
      <c r="AC22" s="327">
        <v>8556977</v>
      </c>
      <c r="AD22" s="327">
        <v>25889514</v>
      </c>
      <c r="AE22" s="327">
        <v>32003665</v>
      </c>
      <c r="AF22" s="327">
        <v>45039668</v>
      </c>
      <c r="AG22" s="327">
        <v>30289948</v>
      </c>
      <c r="AH22" s="328">
        <v>141779772</v>
      </c>
      <c r="AI22" s="330">
        <v>141779772</v>
      </c>
      <c r="AJ22" s="326">
        <v>0</v>
      </c>
      <c r="AK22" s="327">
        <v>46562</v>
      </c>
      <c r="AL22" s="328">
        <v>46562</v>
      </c>
      <c r="AM22" s="326">
        <v>0</v>
      </c>
      <c r="AN22" s="327">
        <v>0</v>
      </c>
      <c r="AO22" s="327">
        <v>452908</v>
      </c>
      <c r="AP22" s="327">
        <v>1204922</v>
      </c>
      <c r="AQ22" s="327">
        <v>3060253</v>
      </c>
      <c r="AR22" s="327">
        <v>4687731</v>
      </c>
      <c r="AS22" s="328">
        <v>9405814</v>
      </c>
      <c r="AT22" s="330">
        <v>9452376</v>
      </c>
      <c r="AU22" s="326">
        <v>966761</v>
      </c>
      <c r="AV22" s="327">
        <v>3840781</v>
      </c>
      <c r="AW22" s="328">
        <v>4807542</v>
      </c>
      <c r="AX22" s="326">
        <v>0</v>
      </c>
      <c r="AY22" s="327">
        <v>7710229</v>
      </c>
      <c r="AZ22" s="327">
        <v>18245227</v>
      </c>
      <c r="BA22" s="327">
        <v>12577864</v>
      </c>
      <c r="BB22" s="327">
        <v>11765177</v>
      </c>
      <c r="BC22" s="327">
        <v>8646458</v>
      </c>
      <c r="BD22" s="328">
        <v>58944955</v>
      </c>
      <c r="BE22" s="330">
        <v>63752497</v>
      </c>
      <c r="BF22" s="326">
        <v>209169</v>
      </c>
      <c r="BG22" s="327">
        <v>396152</v>
      </c>
      <c r="BH22" s="331">
        <v>605321</v>
      </c>
      <c r="BI22" s="332">
        <v>0</v>
      </c>
      <c r="BJ22" s="327">
        <v>345683</v>
      </c>
      <c r="BK22" s="327">
        <v>1875521</v>
      </c>
      <c r="BL22" s="327">
        <v>1238171</v>
      </c>
      <c r="BM22" s="327">
        <v>892904</v>
      </c>
      <c r="BN22" s="327">
        <v>1070888</v>
      </c>
      <c r="BO22" s="328">
        <v>5423167</v>
      </c>
      <c r="BP22" s="330">
        <v>6028488</v>
      </c>
      <c r="BQ22" s="326">
        <v>668206</v>
      </c>
      <c r="BR22" s="327">
        <v>888326</v>
      </c>
      <c r="BS22" s="328">
        <v>1556532</v>
      </c>
      <c r="BT22" s="326">
        <v>0</v>
      </c>
      <c r="BU22" s="327">
        <v>3887315</v>
      </c>
      <c r="BV22" s="327">
        <v>8196507</v>
      </c>
      <c r="BW22" s="327">
        <v>8104076</v>
      </c>
      <c r="BX22" s="327">
        <v>7954234</v>
      </c>
      <c r="BY22" s="327">
        <v>4943339</v>
      </c>
      <c r="BZ22" s="328">
        <v>33085471</v>
      </c>
      <c r="CA22" s="330">
        <v>34642003</v>
      </c>
      <c r="CB22" s="326">
        <v>910708</v>
      </c>
      <c r="CC22" s="327">
        <v>3597774</v>
      </c>
      <c r="CD22" s="328">
        <v>4508482</v>
      </c>
      <c r="CE22" s="326">
        <v>0</v>
      </c>
      <c r="CF22" s="327">
        <v>25532074</v>
      </c>
      <c r="CG22" s="327">
        <v>58077757</v>
      </c>
      <c r="CH22" s="327">
        <v>45260743</v>
      </c>
      <c r="CI22" s="327">
        <v>29121340</v>
      </c>
      <c r="CJ22" s="327">
        <v>15043807</v>
      </c>
      <c r="CK22" s="328">
        <v>173035721</v>
      </c>
      <c r="CL22" s="330">
        <v>177544203</v>
      </c>
      <c r="CM22" s="326">
        <v>0</v>
      </c>
      <c r="CN22" s="327">
        <v>0</v>
      </c>
      <c r="CO22" s="328">
        <v>0</v>
      </c>
      <c r="CP22" s="332">
        <v>0</v>
      </c>
      <c r="CQ22" s="327">
        <v>21524782</v>
      </c>
      <c r="CR22" s="327">
        <v>42039114</v>
      </c>
      <c r="CS22" s="327">
        <v>34403727</v>
      </c>
      <c r="CT22" s="327">
        <v>23895521</v>
      </c>
      <c r="CU22" s="327">
        <v>13057029</v>
      </c>
      <c r="CV22" s="328">
        <v>134920173</v>
      </c>
      <c r="CW22" s="330">
        <v>134920173</v>
      </c>
      <c r="CX22" s="326">
        <v>910708</v>
      </c>
      <c r="CY22" s="327">
        <v>3597774</v>
      </c>
      <c r="CZ22" s="328">
        <v>4508482</v>
      </c>
      <c r="DA22" s="326">
        <v>0</v>
      </c>
      <c r="DB22" s="327">
        <v>4007292</v>
      </c>
      <c r="DC22" s="327">
        <v>16038643</v>
      </c>
      <c r="DD22" s="327">
        <v>10857016</v>
      </c>
      <c r="DE22" s="327">
        <v>5225819</v>
      </c>
      <c r="DF22" s="327">
        <v>1986778</v>
      </c>
      <c r="DG22" s="328">
        <v>38115548</v>
      </c>
      <c r="DH22" s="330">
        <v>42624030</v>
      </c>
      <c r="DI22" s="326">
        <v>0</v>
      </c>
      <c r="DJ22" s="327">
        <v>192578</v>
      </c>
      <c r="DK22" s="331">
        <v>192578</v>
      </c>
      <c r="DL22" s="332">
        <v>0</v>
      </c>
      <c r="DM22" s="327">
        <v>2063344</v>
      </c>
      <c r="DN22" s="327">
        <v>7706927</v>
      </c>
      <c r="DO22" s="327">
        <v>14761705</v>
      </c>
      <c r="DP22" s="327">
        <v>13696485</v>
      </c>
      <c r="DQ22" s="327">
        <v>5202165</v>
      </c>
      <c r="DR22" s="328">
        <v>43430626</v>
      </c>
      <c r="DS22" s="330">
        <v>43623204</v>
      </c>
      <c r="DT22" s="326">
        <v>0</v>
      </c>
      <c r="DU22" s="327">
        <v>192578</v>
      </c>
      <c r="DV22" s="328">
        <v>192578</v>
      </c>
      <c r="DW22" s="326">
        <v>0</v>
      </c>
      <c r="DX22" s="327">
        <v>1603114</v>
      </c>
      <c r="DY22" s="327">
        <v>6689754</v>
      </c>
      <c r="DZ22" s="327">
        <v>14100151</v>
      </c>
      <c r="EA22" s="327">
        <v>11445780</v>
      </c>
      <c r="EB22" s="327">
        <v>4535086</v>
      </c>
      <c r="EC22" s="328">
        <v>38373885</v>
      </c>
      <c r="ED22" s="330">
        <v>38566463</v>
      </c>
      <c r="EE22" s="326">
        <v>0</v>
      </c>
      <c r="EF22" s="331">
        <v>0</v>
      </c>
      <c r="EG22" s="328">
        <v>0</v>
      </c>
      <c r="EH22" s="326">
        <v>0</v>
      </c>
      <c r="EI22" s="327">
        <v>460230</v>
      </c>
      <c r="EJ22" s="327">
        <v>1017173</v>
      </c>
      <c r="EK22" s="327">
        <v>661554</v>
      </c>
      <c r="EL22" s="327">
        <v>2250705</v>
      </c>
      <c r="EM22" s="327">
        <v>667079</v>
      </c>
      <c r="EN22" s="331">
        <v>5056741</v>
      </c>
      <c r="EO22" s="330">
        <v>5056741</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2364908</v>
      </c>
      <c r="FM22" s="327">
        <v>4541871</v>
      </c>
      <c r="FN22" s="328">
        <v>6906779</v>
      </c>
      <c r="FO22" s="326">
        <v>0</v>
      </c>
      <c r="FP22" s="327">
        <v>4195017</v>
      </c>
      <c r="FQ22" s="327">
        <v>18947202</v>
      </c>
      <c r="FR22" s="327">
        <v>13040774</v>
      </c>
      <c r="FS22" s="327">
        <v>11528315</v>
      </c>
      <c r="FT22" s="327">
        <v>7398607</v>
      </c>
      <c r="FU22" s="328">
        <v>55109915</v>
      </c>
      <c r="FV22" s="330">
        <v>62016694</v>
      </c>
      <c r="FW22" s="333">
        <v>1158951</v>
      </c>
      <c r="FX22" s="327">
        <v>3537441</v>
      </c>
      <c r="FY22" s="331">
        <v>4696392</v>
      </c>
      <c r="FZ22" s="332">
        <v>0</v>
      </c>
      <c r="GA22" s="327">
        <v>3056448</v>
      </c>
      <c r="GB22" s="327">
        <v>16889193</v>
      </c>
      <c r="GC22" s="327">
        <v>12245300</v>
      </c>
      <c r="GD22" s="327">
        <v>10814615</v>
      </c>
      <c r="GE22" s="327">
        <v>7179853</v>
      </c>
      <c r="GF22" s="328">
        <v>50185409</v>
      </c>
      <c r="GG22" s="334">
        <v>54881801</v>
      </c>
      <c r="GH22" s="333">
        <v>135084</v>
      </c>
      <c r="GI22" s="327">
        <v>151113</v>
      </c>
      <c r="GJ22" s="331">
        <v>286197</v>
      </c>
      <c r="GK22" s="332">
        <v>0</v>
      </c>
      <c r="GL22" s="327">
        <v>356733</v>
      </c>
      <c r="GM22" s="327">
        <v>461609</v>
      </c>
      <c r="GN22" s="327">
        <v>248964</v>
      </c>
      <c r="GO22" s="327">
        <v>175500</v>
      </c>
      <c r="GP22" s="327">
        <v>160254</v>
      </c>
      <c r="GQ22" s="328">
        <v>1403060</v>
      </c>
      <c r="GR22" s="330">
        <v>1689257</v>
      </c>
      <c r="GS22" s="326">
        <v>1070873</v>
      </c>
      <c r="GT22" s="327">
        <v>853317</v>
      </c>
      <c r="GU22" s="328">
        <v>1924190</v>
      </c>
      <c r="GV22" s="326">
        <v>0</v>
      </c>
      <c r="GW22" s="327">
        <v>781836</v>
      </c>
      <c r="GX22" s="327">
        <v>1596400</v>
      </c>
      <c r="GY22" s="327">
        <v>546510</v>
      </c>
      <c r="GZ22" s="327">
        <v>538200</v>
      </c>
      <c r="HA22" s="327">
        <v>58500</v>
      </c>
      <c r="HB22" s="331">
        <v>3521446</v>
      </c>
      <c r="HC22" s="330">
        <v>5445636</v>
      </c>
      <c r="HD22" s="326">
        <v>1621411</v>
      </c>
      <c r="HE22" s="327">
        <v>3367003</v>
      </c>
      <c r="HF22" s="331">
        <v>4988414</v>
      </c>
      <c r="HG22" s="332">
        <v>0</v>
      </c>
      <c r="HH22" s="327">
        <v>17402899</v>
      </c>
      <c r="HI22" s="327">
        <v>27770276</v>
      </c>
      <c r="HJ22" s="327">
        <v>22959882</v>
      </c>
      <c r="HK22" s="327">
        <v>22985217</v>
      </c>
      <c r="HL22" s="327">
        <v>15318493</v>
      </c>
      <c r="HM22" s="328">
        <v>106436767</v>
      </c>
      <c r="HN22" s="329">
        <v>111425181</v>
      </c>
      <c r="HO22" s="333">
        <v>1532586</v>
      </c>
      <c r="HP22" s="327">
        <v>3285054</v>
      </c>
      <c r="HQ22" s="328">
        <v>4817640</v>
      </c>
      <c r="HR22" s="326">
        <v>0</v>
      </c>
      <c r="HS22" s="327">
        <v>14545359</v>
      </c>
      <c r="HT22" s="327">
        <v>25396981</v>
      </c>
      <c r="HU22" s="327">
        <v>16691027</v>
      </c>
      <c r="HV22" s="327">
        <v>12220141</v>
      </c>
      <c r="HW22" s="327">
        <v>5759004</v>
      </c>
      <c r="HX22" s="331">
        <v>74612512</v>
      </c>
      <c r="HY22" s="330">
        <v>79430152</v>
      </c>
      <c r="HZ22" s="358">
        <v>402828</v>
      </c>
      <c r="IA22" s="356">
        <v>662924</v>
      </c>
      <c r="IB22" s="358">
        <v>1065752</v>
      </c>
      <c r="IC22" s="355">
        <v>0</v>
      </c>
      <c r="ID22" s="356">
        <v>29661698</v>
      </c>
      <c r="IE22" s="357">
        <v>49414886</v>
      </c>
      <c r="IF22" s="358">
        <v>64143239</v>
      </c>
      <c r="IG22" s="356">
        <v>50614091</v>
      </c>
      <c r="IH22" s="358">
        <v>37199688</v>
      </c>
      <c r="II22" s="359">
        <v>231033602</v>
      </c>
      <c r="IJ22" s="358">
        <v>232099354</v>
      </c>
      <c r="IK22" s="342">
        <v>0</v>
      </c>
      <c r="IL22" s="343">
        <v>0</v>
      </c>
      <c r="IM22" s="344">
        <v>0</v>
      </c>
      <c r="IN22" s="404">
        <v>0</v>
      </c>
      <c r="IO22" s="345">
        <v>57616</v>
      </c>
      <c r="IP22" s="345">
        <v>211159</v>
      </c>
      <c r="IQ22" s="345">
        <v>345783</v>
      </c>
      <c r="IR22" s="345">
        <v>221431</v>
      </c>
      <c r="IS22" s="345">
        <v>0</v>
      </c>
      <c r="IT22" s="346">
        <v>835989</v>
      </c>
      <c r="IU22" s="347">
        <v>835989</v>
      </c>
      <c r="IV22" s="348">
        <v>0</v>
      </c>
      <c r="IW22" s="345">
        <v>0</v>
      </c>
      <c r="IX22" s="349">
        <v>0</v>
      </c>
      <c r="IY22" s="413">
        <v>0</v>
      </c>
      <c r="IZ22" s="345">
        <v>0</v>
      </c>
      <c r="JA22" s="345">
        <v>0</v>
      </c>
      <c r="JB22" s="345">
        <v>0</v>
      </c>
      <c r="JC22" s="345">
        <v>0</v>
      </c>
      <c r="JD22" s="345">
        <v>0</v>
      </c>
      <c r="JE22" s="349">
        <v>0</v>
      </c>
      <c r="JF22" s="350">
        <v>0</v>
      </c>
      <c r="JG22" s="348">
        <v>0</v>
      </c>
      <c r="JH22" s="345">
        <v>0</v>
      </c>
      <c r="JI22" s="346">
        <v>0</v>
      </c>
      <c r="JJ22" s="351">
        <v>0</v>
      </c>
      <c r="JK22" s="345">
        <v>14816714</v>
      </c>
      <c r="JL22" s="345">
        <v>23289536</v>
      </c>
      <c r="JM22" s="345">
        <v>16797755</v>
      </c>
      <c r="JN22" s="345">
        <v>11610146</v>
      </c>
      <c r="JO22" s="345">
        <v>7506745</v>
      </c>
      <c r="JP22" s="349">
        <v>74020896</v>
      </c>
      <c r="JQ22" s="347">
        <v>74020896</v>
      </c>
      <c r="JR22" s="348">
        <v>43480</v>
      </c>
      <c r="JS22" s="345">
        <v>204499</v>
      </c>
      <c r="JT22" s="346">
        <v>247979</v>
      </c>
      <c r="JU22" s="351">
        <v>0</v>
      </c>
      <c r="JV22" s="345">
        <v>2250968</v>
      </c>
      <c r="JW22" s="345">
        <v>2185110</v>
      </c>
      <c r="JX22" s="345">
        <v>1846817</v>
      </c>
      <c r="JY22" s="345">
        <v>1667972</v>
      </c>
      <c r="JZ22" s="345">
        <v>1022563</v>
      </c>
      <c r="KA22" s="349">
        <v>8973430</v>
      </c>
      <c r="KB22" s="347">
        <v>9221409</v>
      </c>
      <c r="KC22" s="352">
        <v>359348</v>
      </c>
      <c r="KD22" s="353">
        <v>458425</v>
      </c>
      <c r="KE22" s="349">
        <v>817773</v>
      </c>
      <c r="KF22" s="351">
        <v>0</v>
      </c>
      <c r="KG22" s="345">
        <v>1615686</v>
      </c>
      <c r="KH22" s="345">
        <v>5333572</v>
      </c>
      <c r="KI22" s="345">
        <v>11065524</v>
      </c>
      <c r="KJ22" s="345">
        <v>7400853</v>
      </c>
      <c r="KK22" s="345">
        <v>5154592</v>
      </c>
      <c r="KL22" s="349">
        <v>30570227</v>
      </c>
      <c r="KM22" s="354">
        <v>31388000</v>
      </c>
      <c r="KN22" s="342">
        <v>0</v>
      </c>
      <c r="KO22" s="343">
        <v>0</v>
      </c>
      <c r="KP22" s="344">
        <v>0</v>
      </c>
      <c r="KQ22" s="413">
        <v>0</v>
      </c>
      <c r="KR22" s="345">
        <v>10583851</v>
      </c>
      <c r="KS22" s="345">
        <v>17165057</v>
      </c>
      <c r="KT22" s="345">
        <v>23526595</v>
      </c>
      <c r="KU22" s="345">
        <v>13315235</v>
      </c>
      <c r="KV22" s="345">
        <v>7606531</v>
      </c>
      <c r="KW22" s="349">
        <v>72197269</v>
      </c>
      <c r="KX22" s="347">
        <v>72197269</v>
      </c>
      <c r="KY22" s="348">
        <v>0</v>
      </c>
      <c r="KZ22" s="345">
        <v>0</v>
      </c>
      <c r="LA22" s="349">
        <v>0</v>
      </c>
      <c r="LB22" s="413">
        <v>0</v>
      </c>
      <c r="LC22" s="345">
        <v>0</v>
      </c>
      <c r="LD22" s="345">
        <v>0</v>
      </c>
      <c r="LE22" s="345">
        <v>0</v>
      </c>
      <c r="LF22" s="345">
        <v>0</v>
      </c>
      <c r="LG22" s="345">
        <v>0</v>
      </c>
      <c r="LH22" s="349">
        <v>0</v>
      </c>
      <c r="LI22" s="350">
        <v>0</v>
      </c>
      <c r="LJ22" s="348">
        <v>0</v>
      </c>
      <c r="LK22" s="345">
        <v>0</v>
      </c>
      <c r="LL22" s="349">
        <v>0</v>
      </c>
      <c r="LM22" s="413">
        <v>0</v>
      </c>
      <c r="LN22" s="345">
        <v>0</v>
      </c>
      <c r="LO22" s="345">
        <v>288600</v>
      </c>
      <c r="LP22" s="345">
        <v>7822667</v>
      </c>
      <c r="LQ22" s="345">
        <v>14075874</v>
      </c>
      <c r="LR22" s="345">
        <v>10234779</v>
      </c>
      <c r="LS22" s="349">
        <v>32421920</v>
      </c>
      <c r="LT22" s="347">
        <v>32421920</v>
      </c>
      <c r="LU22" s="348">
        <v>0</v>
      </c>
      <c r="LV22" s="345">
        <v>0</v>
      </c>
      <c r="LW22" s="349">
        <v>0</v>
      </c>
      <c r="LX22" s="413">
        <v>0</v>
      </c>
      <c r="LY22" s="345">
        <v>336863</v>
      </c>
      <c r="LZ22" s="345">
        <v>941852</v>
      </c>
      <c r="MA22" s="345">
        <v>2738098</v>
      </c>
      <c r="MB22" s="345">
        <v>2322580</v>
      </c>
      <c r="MC22" s="345">
        <v>5674478</v>
      </c>
      <c r="MD22" s="349">
        <v>12013871</v>
      </c>
      <c r="ME22" s="350">
        <v>12013871</v>
      </c>
      <c r="MF22" s="348">
        <v>0</v>
      </c>
      <c r="MG22" s="345">
        <v>0</v>
      </c>
      <c r="MH22" s="349">
        <v>0</v>
      </c>
      <c r="MI22" s="413">
        <v>0</v>
      </c>
      <c r="MJ22" s="345">
        <v>10934701</v>
      </c>
      <c r="MK22" s="345">
        <v>39203105</v>
      </c>
      <c r="ML22" s="345">
        <v>107379058</v>
      </c>
      <c r="MM22" s="345">
        <v>142453941</v>
      </c>
      <c r="MN22" s="345">
        <v>103239553</v>
      </c>
      <c r="MO22" s="349">
        <v>403210358</v>
      </c>
      <c r="MP22" s="354">
        <v>403210358</v>
      </c>
      <c r="MQ22" s="348">
        <v>0</v>
      </c>
      <c r="MR22" s="345">
        <v>0</v>
      </c>
      <c r="MS22" s="349">
        <v>0</v>
      </c>
      <c r="MT22" s="413">
        <v>0</v>
      </c>
      <c r="MU22" s="345">
        <v>1183359</v>
      </c>
      <c r="MV22" s="345">
        <v>3658844</v>
      </c>
      <c r="MW22" s="345">
        <v>57771663</v>
      </c>
      <c r="MX22" s="345">
        <v>89685427</v>
      </c>
      <c r="MY22" s="345">
        <v>70498903</v>
      </c>
      <c r="MZ22" s="349">
        <v>222798196</v>
      </c>
      <c r="NA22" s="354">
        <v>222798196</v>
      </c>
      <c r="NB22" s="348">
        <v>0</v>
      </c>
      <c r="NC22" s="345">
        <v>0</v>
      </c>
      <c r="ND22" s="349">
        <v>0</v>
      </c>
      <c r="NE22" s="413">
        <v>0</v>
      </c>
      <c r="NF22" s="345">
        <v>9751342</v>
      </c>
      <c r="NG22" s="345">
        <v>35544261</v>
      </c>
      <c r="NH22" s="345">
        <v>49607395</v>
      </c>
      <c r="NI22" s="345">
        <v>49746055</v>
      </c>
      <c r="NJ22" s="345">
        <v>25728612</v>
      </c>
      <c r="NK22" s="349">
        <v>170377665</v>
      </c>
      <c r="NL22" s="347">
        <v>170377665</v>
      </c>
      <c r="NM22" s="348">
        <v>0</v>
      </c>
      <c r="NN22" s="345">
        <v>0</v>
      </c>
      <c r="NO22" s="349">
        <v>0</v>
      </c>
      <c r="NP22" s="413">
        <v>0</v>
      </c>
      <c r="NQ22" s="345">
        <v>0</v>
      </c>
      <c r="NR22" s="345">
        <v>0</v>
      </c>
      <c r="NS22" s="345">
        <v>0</v>
      </c>
      <c r="NT22" s="345">
        <v>0</v>
      </c>
      <c r="NU22" s="345">
        <v>0</v>
      </c>
      <c r="NV22" s="349">
        <v>0</v>
      </c>
      <c r="NW22" s="350">
        <v>0</v>
      </c>
      <c r="NX22" s="348">
        <v>0</v>
      </c>
      <c r="NY22" s="345">
        <v>0</v>
      </c>
      <c r="NZ22" s="349">
        <v>0</v>
      </c>
      <c r="OA22" s="413">
        <v>0</v>
      </c>
      <c r="OB22" s="345">
        <v>0</v>
      </c>
      <c r="OC22" s="345">
        <v>0</v>
      </c>
      <c r="OD22" s="345">
        <v>0</v>
      </c>
      <c r="OE22" s="345">
        <v>3022459</v>
      </c>
      <c r="OF22" s="345">
        <v>7012038</v>
      </c>
      <c r="OG22" s="349">
        <v>10034497</v>
      </c>
      <c r="OH22" s="350">
        <v>10034497</v>
      </c>
      <c r="OI22" s="348">
        <v>8676577</v>
      </c>
      <c r="OJ22" s="345">
        <v>20819025</v>
      </c>
      <c r="OK22" s="346">
        <v>29495602</v>
      </c>
      <c r="OL22" s="351">
        <v>0</v>
      </c>
      <c r="OM22" s="345">
        <v>124835296</v>
      </c>
      <c r="ON22" s="345">
        <v>281176811</v>
      </c>
      <c r="OO22" s="345">
        <v>339365126</v>
      </c>
      <c r="OP22" s="345">
        <v>351331766</v>
      </c>
      <c r="OQ22" s="345">
        <v>238799681</v>
      </c>
      <c r="OR22" s="349">
        <v>1335508680</v>
      </c>
      <c r="OS22" s="354">
        <v>1365004282</v>
      </c>
    </row>
    <row r="23" spans="2:409" s="70" customFormat="1" ht="21" customHeight="1" x14ac:dyDescent="0.2">
      <c r="B23" s="410" t="s">
        <v>18</v>
      </c>
      <c r="C23" s="326">
        <v>9281877</v>
      </c>
      <c r="D23" s="327">
        <v>20046814</v>
      </c>
      <c r="E23" s="328">
        <v>29328691</v>
      </c>
      <c r="F23" s="329">
        <v>0</v>
      </c>
      <c r="G23" s="327">
        <v>160033009</v>
      </c>
      <c r="H23" s="327">
        <v>195084171</v>
      </c>
      <c r="I23" s="327">
        <v>183947852</v>
      </c>
      <c r="J23" s="327">
        <v>160656325</v>
      </c>
      <c r="K23" s="327">
        <v>123508448</v>
      </c>
      <c r="L23" s="329">
        <v>823229805</v>
      </c>
      <c r="M23" s="330">
        <v>852558496</v>
      </c>
      <c r="N23" s="326">
        <v>2546778</v>
      </c>
      <c r="O23" s="327">
        <v>5485506</v>
      </c>
      <c r="P23" s="328">
        <v>8032284</v>
      </c>
      <c r="Q23" s="326">
        <v>0</v>
      </c>
      <c r="R23" s="327">
        <v>44719903</v>
      </c>
      <c r="S23" s="327">
        <v>62387659</v>
      </c>
      <c r="T23" s="327">
        <v>58266142</v>
      </c>
      <c r="U23" s="327">
        <v>62964287</v>
      </c>
      <c r="V23" s="327">
        <v>62576855</v>
      </c>
      <c r="W23" s="328">
        <v>290914846</v>
      </c>
      <c r="X23" s="330">
        <v>298947130</v>
      </c>
      <c r="Y23" s="326">
        <v>0</v>
      </c>
      <c r="Z23" s="327">
        <v>0</v>
      </c>
      <c r="AA23" s="328">
        <v>0</v>
      </c>
      <c r="AB23" s="326">
        <v>0</v>
      </c>
      <c r="AC23" s="327">
        <v>19873794</v>
      </c>
      <c r="AD23" s="327">
        <v>30061943</v>
      </c>
      <c r="AE23" s="327">
        <v>32640271</v>
      </c>
      <c r="AF23" s="327">
        <v>38797018</v>
      </c>
      <c r="AG23" s="327">
        <v>39889203</v>
      </c>
      <c r="AH23" s="328">
        <v>161262229</v>
      </c>
      <c r="AI23" s="330">
        <v>161262229</v>
      </c>
      <c r="AJ23" s="326">
        <v>0</v>
      </c>
      <c r="AK23" s="327">
        <v>0</v>
      </c>
      <c r="AL23" s="328">
        <v>0</v>
      </c>
      <c r="AM23" s="326">
        <v>0</v>
      </c>
      <c r="AN23" s="327">
        <v>174609</v>
      </c>
      <c r="AO23" s="327">
        <v>549834</v>
      </c>
      <c r="AP23" s="327">
        <v>876431</v>
      </c>
      <c r="AQ23" s="327">
        <v>3206352</v>
      </c>
      <c r="AR23" s="327">
        <v>5569245</v>
      </c>
      <c r="AS23" s="328">
        <v>10376471</v>
      </c>
      <c r="AT23" s="330">
        <v>10376471</v>
      </c>
      <c r="AU23" s="326">
        <v>1509862</v>
      </c>
      <c r="AV23" s="327">
        <v>4190139</v>
      </c>
      <c r="AW23" s="328">
        <v>5700001</v>
      </c>
      <c r="AX23" s="326">
        <v>0</v>
      </c>
      <c r="AY23" s="327">
        <v>14804801</v>
      </c>
      <c r="AZ23" s="327">
        <v>19992264</v>
      </c>
      <c r="BA23" s="327">
        <v>12762676</v>
      </c>
      <c r="BB23" s="327">
        <v>10651727</v>
      </c>
      <c r="BC23" s="327">
        <v>9559394</v>
      </c>
      <c r="BD23" s="328">
        <v>67770862</v>
      </c>
      <c r="BE23" s="330">
        <v>73470863</v>
      </c>
      <c r="BF23" s="326">
        <v>197710</v>
      </c>
      <c r="BG23" s="327">
        <v>429086</v>
      </c>
      <c r="BH23" s="331">
        <v>626796</v>
      </c>
      <c r="BI23" s="332">
        <v>0</v>
      </c>
      <c r="BJ23" s="327">
        <v>2144393</v>
      </c>
      <c r="BK23" s="327">
        <v>2781366</v>
      </c>
      <c r="BL23" s="327">
        <v>2367952</v>
      </c>
      <c r="BM23" s="327">
        <v>1312483</v>
      </c>
      <c r="BN23" s="327">
        <v>795552</v>
      </c>
      <c r="BO23" s="328">
        <v>9401746</v>
      </c>
      <c r="BP23" s="330">
        <v>10028542</v>
      </c>
      <c r="BQ23" s="326">
        <v>839206</v>
      </c>
      <c r="BR23" s="327">
        <v>866281</v>
      </c>
      <c r="BS23" s="328">
        <v>1705487</v>
      </c>
      <c r="BT23" s="326">
        <v>0</v>
      </c>
      <c r="BU23" s="327">
        <v>7722306</v>
      </c>
      <c r="BV23" s="327">
        <v>9002252</v>
      </c>
      <c r="BW23" s="327">
        <v>9618812</v>
      </c>
      <c r="BX23" s="327">
        <v>8996707</v>
      </c>
      <c r="BY23" s="327">
        <v>6763461</v>
      </c>
      <c r="BZ23" s="328">
        <v>42103538</v>
      </c>
      <c r="CA23" s="330">
        <v>43809025</v>
      </c>
      <c r="CB23" s="326">
        <v>1723892</v>
      </c>
      <c r="CC23" s="327">
        <v>5344815</v>
      </c>
      <c r="CD23" s="328">
        <v>7068707</v>
      </c>
      <c r="CE23" s="326">
        <v>0</v>
      </c>
      <c r="CF23" s="327">
        <v>54251727</v>
      </c>
      <c r="CG23" s="327">
        <v>62640247</v>
      </c>
      <c r="CH23" s="327">
        <v>54590116</v>
      </c>
      <c r="CI23" s="327">
        <v>32896481</v>
      </c>
      <c r="CJ23" s="327">
        <v>16439815</v>
      </c>
      <c r="CK23" s="328">
        <v>220818386</v>
      </c>
      <c r="CL23" s="330">
        <v>227887093</v>
      </c>
      <c r="CM23" s="326">
        <v>0</v>
      </c>
      <c r="CN23" s="327">
        <v>0</v>
      </c>
      <c r="CO23" s="328">
        <v>0</v>
      </c>
      <c r="CP23" s="332">
        <v>0</v>
      </c>
      <c r="CQ23" s="327">
        <v>44517997</v>
      </c>
      <c r="CR23" s="327">
        <v>49937777</v>
      </c>
      <c r="CS23" s="327">
        <v>44082223</v>
      </c>
      <c r="CT23" s="327">
        <v>25798612</v>
      </c>
      <c r="CU23" s="327">
        <v>13688633</v>
      </c>
      <c r="CV23" s="328">
        <v>178025242</v>
      </c>
      <c r="CW23" s="330">
        <v>178025242</v>
      </c>
      <c r="CX23" s="326">
        <v>1723892</v>
      </c>
      <c r="CY23" s="327">
        <v>5344815</v>
      </c>
      <c r="CZ23" s="328">
        <v>7068707</v>
      </c>
      <c r="DA23" s="326">
        <v>0</v>
      </c>
      <c r="DB23" s="327">
        <v>9733730</v>
      </c>
      <c r="DC23" s="327">
        <v>12702470</v>
      </c>
      <c r="DD23" s="327">
        <v>10507893</v>
      </c>
      <c r="DE23" s="327">
        <v>7097869</v>
      </c>
      <c r="DF23" s="327">
        <v>2751182</v>
      </c>
      <c r="DG23" s="328">
        <v>42793144</v>
      </c>
      <c r="DH23" s="330">
        <v>49861851</v>
      </c>
      <c r="DI23" s="326">
        <v>0</v>
      </c>
      <c r="DJ23" s="327">
        <v>474563</v>
      </c>
      <c r="DK23" s="331">
        <v>474563</v>
      </c>
      <c r="DL23" s="332">
        <v>0</v>
      </c>
      <c r="DM23" s="327">
        <v>3148364</v>
      </c>
      <c r="DN23" s="327">
        <v>7625134</v>
      </c>
      <c r="DO23" s="327">
        <v>16764839</v>
      </c>
      <c r="DP23" s="327">
        <v>13634903</v>
      </c>
      <c r="DQ23" s="327">
        <v>7818583</v>
      </c>
      <c r="DR23" s="328">
        <v>48991823</v>
      </c>
      <c r="DS23" s="330">
        <v>49466386</v>
      </c>
      <c r="DT23" s="326">
        <v>0</v>
      </c>
      <c r="DU23" s="327">
        <v>474563</v>
      </c>
      <c r="DV23" s="328">
        <v>474563</v>
      </c>
      <c r="DW23" s="326">
        <v>0</v>
      </c>
      <c r="DX23" s="327">
        <v>3014716</v>
      </c>
      <c r="DY23" s="327">
        <v>7297839</v>
      </c>
      <c r="DZ23" s="327">
        <v>16601793</v>
      </c>
      <c r="EA23" s="327">
        <v>12850548</v>
      </c>
      <c r="EB23" s="327">
        <v>7802134</v>
      </c>
      <c r="EC23" s="328">
        <v>47567030</v>
      </c>
      <c r="ED23" s="330">
        <v>48041593</v>
      </c>
      <c r="EE23" s="326">
        <v>0</v>
      </c>
      <c r="EF23" s="331">
        <v>0</v>
      </c>
      <c r="EG23" s="328">
        <v>0</v>
      </c>
      <c r="EH23" s="326">
        <v>0</v>
      </c>
      <c r="EI23" s="327">
        <v>133648</v>
      </c>
      <c r="EJ23" s="327">
        <v>327295</v>
      </c>
      <c r="EK23" s="327">
        <v>163046</v>
      </c>
      <c r="EL23" s="327">
        <v>784355</v>
      </c>
      <c r="EM23" s="327">
        <v>16449</v>
      </c>
      <c r="EN23" s="331">
        <v>1424793</v>
      </c>
      <c r="EO23" s="330">
        <v>1424793</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1393591</v>
      </c>
      <c r="FM23" s="327">
        <v>4255474</v>
      </c>
      <c r="FN23" s="328">
        <v>5649065</v>
      </c>
      <c r="FO23" s="326">
        <v>0</v>
      </c>
      <c r="FP23" s="327">
        <v>7457264</v>
      </c>
      <c r="FQ23" s="327">
        <v>16107563</v>
      </c>
      <c r="FR23" s="327">
        <v>12485171</v>
      </c>
      <c r="FS23" s="327">
        <v>11145237</v>
      </c>
      <c r="FT23" s="327">
        <v>8854360</v>
      </c>
      <c r="FU23" s="328">
        <v>56049595</v>
      </c>
      <c r="FV23" s="330">
        <v>61698660</v>
      </c>
      <c r="FW23" s="333">
        <v>1252797</v>
      </c>
      <c r="FX23" s="327">
        <v>3508987</v>
      </c>
      <c r="FY23" s="331">
        <v>4761784</v>
      </c>
      <c r="FZ23" s="332">
        <v>0</v>
      </c>
      <c r="GA23" s="327">
        <v>6090912</v>
      </c>
      <c r="GB23" s="327">
        <v>15006875</v>
      </c>
      <c r="GC23" s="327">
        <v>11659630</v>
      </c>
      <c r="GD23" s="327">
        <v>10579742</v>
      </c>
      <c r="GE23" s="327">
        <v>8623947</v>
      </c>
      <c r="GF23" s="328">
        <v>51961106</v>
      </c>
      <c r="GG23" s="334">
        <v>56722890</v>
      </c>
      <c r="GH23" s="333">
        <v>24469</v>
      </c>
      <c r="GI23" s="327">
        <v>110797</v>
      </c>
      <c r="GJ23" s="331">
        <v>135266</v>
      </c>
      <c r="GK23" s="332">
        <v>0</v>
      </c>
      <c r="GL23" s="327">
        <v>317512</v>
      </c>
      <c r="GM23" s="327">
        <v>297623</v>
      </c>
      <c r="GN23" s="327">
        <v>285411</v>
      </c>
      <c r="GO23" s="327">
        <v>227775</v>
      </c>
      <c r="GP23" s="327">
        <v>131413</v>
      </c>
      <c r="GQ23" s="328">
        <v>1259734</v>
      </c>
      <c r="GR23" s="330">
        <v>1395000</v>
      </c>
      <c r="GS23" s="326">
        <v>116325</v>
      </c>
      <c r="GT23" s="327">
        <v>635690</v>
      </c>
      <c r="GU23" s="328">
        <v>752015</v>
      </c>
      <c r="GV23" s="326">
        <v>0</v>
      </c>
      <c r="GW23" s="327">
        <v>1048840</v>
      </c>
      <c r="GX23" s="327">
        <v>803065</v>
      </c>
      <c r="GY23" s="327">
        <v>540130</v>
      </c>
      <c r="GZ23" s="327">
        <v>337720</v>
      </c>
      <c r="HA23" s="327">
        <v>99000</v>
      </c>
      <c r="HB23" s="331">
        <v>2828755</v>
      </c>
      <c r="HC23" s="330">
        <v>3580770</v>
      </c>
      <c r="HD23" s="326">
        <v>1964341</v>
      </c>
      <c r="HE23" s="327">
        <v>962753</v>
      </c>
      <c r="HF23" s="331">
        <v>2927094</v>
      </c>
      <c r="HG23" s="332">
        <v>0</v>
      </c>
      <c r="HH23" s="327">
        <v>25545421</v>
      </c>
      <c r="HI23" s="327">
        <v>23085276</v>
      </c>
      <c r="HJ23" s="327">
        <v>25517940</v>
      </c>
      <c r="HK23" s="327">
        <v>29367897</v>
      </c>
      <c r="HL23" s="327">
        <v>21160886</v>
      </c>
      <c r="HM23" s="328">
        <v>124677420</v>
      </c>
      <c r="HN23" s="329">
        <v>127604514</v>
      </c>
      <c r="HO23" s="333">
        <v>1653275</v>
      </c>
      <c r="HP23" s="327">
        <v>3523703</v>
      </c>
      <c r="HQ23" s="328">
        <v>5176978</v>
      </c>
      <c r="HR23" s="326">
        <v>0</v>
      </c>
      <c r="HS23" s="327">
        <v>24910330</v>
      </c>
      <c r="HT23" s="327">
        <v>23238292</v>
      </c>
      <c r="HU23" s="327">
        <v>16323644</v>
      </c>
      <c r="HV23" s="327">
        <v>10647520</v>
      </c>
      <c r="HW23" s="327">
        <v>6657949</v>
      </c>
      <c r="HX23" s="331">
        <v>81777735</v>
      </c>
      <c r="HY23" s="330">
        <v>86954713</v>
      </c>
      <c r="HZ23" s="335">
        <v>213061</v>
      </c>
      <c r="IA23" s="336">
        <v>1884476</v>
      </c>
      <c r="IB23" s="337">
        <v>2097537</v>
      </c>
      <c r="IC23" s="338">
        <v>0</v>
      </c>
      <c r="ID23" s="336">
        <v>39187654</v>
      </c>
      <c r="IE23" s="339">
        <v>46469077</v>
      </c>
      <c r="IF23" s="337">
        <v>62384054</v>
      </c>
      <c r="IG23" s="336">
        <v>44765059</v>
      </c>
      <c r="IH23" s="337">
        <v>28835029</v>
      </c>
      <c r="II23" s="340">
        <v>221640873</v>
      </c>
      <c r="IJ23" s="341">
        <v>223738410</v>
      </c>
      <c r="IK23" s="342">
        <v>0</v>
      </c>
      <c r="IL23" s="343">
        <v>0</v>
      </c>
      <c r="IM23" s="344">
        <v>0</v>
      </c>
      <c r="IN23" s="404">
        <v>0</v>
      </c>
      <c r="IO23" s="345">
        <v>861918</v>
      </c>
      <c r="IP23" s="345">
        <v>1535852</v>
      </c>
      <c r="IQ23" s="345">
        <v>1305179</v>
      </c>
      <c r="IR23" s="345">
        <v>1505803</v>
      </c>
      <c r="IS23" s="345">
        <v>2865197</v>
      </c>
      <c r="IT23" s="346">
        <v>8073949</v>
      </c>
      <c r="IU23" s="347">
        <v>8073949</v>
      </c>
      <c r="IV23" s="348">
        <v>0</v>
      </c>
      <c r="IW23" s="345">
        <v>0</v>
      </c>
      <c r="IX23" s="349">
        <v>0</v>
      </c>
      <c r="IY23" s="413">
        <v>0</v>
      </c>
      <c r="IZ23" s="345">
        <v>0</v>
      </c>
      <c r="JA23" s="345">
        <v>0</v>
      </c>
      <c r="JB23" s="345">
        <v>37045</v>
      </c>
      <c r="JC23" s="345">
        <v>0</v>
      </c>
      <c r="JD23" s="345">
        <v>119912</v>
      </c>
      <c r="JE23" s="349">
        <v>156957</v>
      </c>
      <c r="JF23" s="350">
        <v>156957</v>
      </c>
      <c r="JG23" s="348">
        <v>0</v>
      </c>
      <c r="JH23" s="345">
        <v>0</v>
      </c>
      <c r="JI23" s="346">
        <v>0</v>
      </c>
      <c r="JJ23" s="351">
        <v>0</v>
      </c>
      <c r="JK23" s="345">
        <v>14264286</v>
      </c>
      <c r="JL23" s="345">
        <v>12923462</v>
      </c>
      <c r="JM23" s="345">
        <v>8938751</v>
      </c>
      <c r="JN23" s="345">
        <v>4254455</v>
      </c>
      <c r="JO23" s="345">
        <v>1972309</v>
      </c>
      <c r="JP23" s="349">
        <v>42353263</v>
      </c>
      <c r="JQ23" s="347">
        <v>42353263</v>
      </c>
      <c r="JR23" s="348">
        <v>0</v>
      </c>
      <c r="JS23" s="345">
        <v>0</v>
      </c>
      <c r="JT23" s="346">
        <v>0</v>
      </c>
      <c r="JU23" s="351">
        <v>0</v>
      </c>
      <c r="JV23" s="345">
        <v>1043899</v>
      </c>
      <c r="JW23" s="345">
        <v>1380992</v>
      </c>
      <c r="JX23" s="345">
        <v>3472285</v>
      </c>
      <c r="JY23" s="345">
        <v>1377642</v>
      </c>
      <c r="JZ23" s="345">
        <v>1094564</v>
      </c>
      <c r="KA23" s="349">
        <v>8369382</v>
      </c>
      <c r="KB23" s="347">
        <v>8369382</v>
      </c>
      <c r="KC23" s="352">
        <v>213061</v>
      </c>
      <c r="KD23" s="353">
        <v>1109976</v>
      </c>
      <c r="KE23" s="349">
        <v>1323037</v>
      </c>
      <c r="KF23" s="351">
        <v>0</v>
      </c>
      <c r="KG23" s="345">
        <v>7558114</v>
      </c>
      <c r="KH23" s="345">
        <v>6707009</v>
      </c>
      <c r="KI23" s="345">
        <v>14487380</v>
      </c>
      <c r="KJ23" s="345">
        <v>5651389</v>
      </c>
      <c r="KK23" s="345">
        <v>3418874</v>
      </c>
      <c r="KL23" s="349">
        <v>37822766</v>
      </c>
      <c r="KM23" s="354">
        <v>39145803</v>
      </c>
      <c r="KN23" s="342">
        <v>0</v>
      </c>
      <c r="KO23" s="343">
        <v>774500</v>
      </c>
      <c r="KP23" s="344">
        <v>774500</v>
      </c>
      <c r="KQ23" s="413">
        <v>0</v>
      </c>
      <c r="KR23" s="345">
        <v>14253482</v>
      </c>
      <c r="KS23" s="345">
        <v>21942591</v>
      </c>
      <c r="KT23" s="345">
        <v>28032211</v>
      </c>
      <c r="KU23" s="345">
        <v>20004355</v>
      </c>
      <c r="KV23" s="345">
        <v>5614808</v>
      </c>
      <c r="KW23" s="349">
        <v>89847447</v>
      </c>
      <c r="KX23" s="347">
        <v>90621947</v>
      </c>
      <c r="KY23" s="348">
        <v>0</v>
      </c>
      <c r="KZ23" s="345">
        <v>0</v>
      </c>
      <c r="LA23" s="349">
        <v>0</v>
      </c>
      <c r="LB23" s="413">
        <v>0</v>
      </c>
      <c r="LC23" s="345">
        <v>0</v>
      </c>
      <c r="LD23" s="345">
        <v>0</v>
      </c>
      <c r="LE23" s="345">
        <v>0</v>
      </c>
      <c r="LF23" s="345">
        <v>0</v>
      </c>
      <c r="LG23" s="345">
        <v>0</v>
      </c>
      <c r="LH23" s="349">
        <v>0</v>
      </c>
      <c r="LI23" s="350">
        <v>0</v>
      </c>
      <c r="LJ23" s="348">
        <v>0</v>
      </c>
      <c r="LK23" s="345">
        <v>0</v>
      </c>
      <c r="LL23" s="349">
        <v>0</v>
      </c>
      <c r="LM23" s="413">
        <v>0</v>
      </c>
      <c r="LN23" s="345">
        <v>0</v>
      </c>
      <c r="LO23" s="345">
        <v>291536</v>
      </c>
      <c r="LP23" s="345">
        <v>2180044</v>
      </c>
      <c r="LQ23" s="345">
        <v>4706248</v>
      </c>
      <c r="LR23" s="345">
        <v>1721503</v>
      </c>
      <c r="LS23" s="349">
        <v>8899331</v>
      </c>
      <c r="LT23" s="347">
        <v>8899331</v>
      </c>
      <c r="LU23" s="348">
        <v>0</v>
      </c>
      <c r="LV23" s="345">
        <v>0</v>
      </c>
      <c r="LW23" s="349">
        <v>0</v>
      </c>
      <c r="LX23" s="413">
        <v>0</v>
      </c>
      <c r="LY23" s="345">
        <v>1205955</v>
      </c>
      <c r="LZ23" s="345">
        <v>1687635</v>
      </c>
      <c r="MA23" s="345">
        <v>3931159</v>
      </c>
      <c r="MB23" s="345">
        <v>7265167</v>
      </c>
      <c r="MC23" s="345">
        <v>12027862</v>
      </c>
      <c r="MD23" s="349">
        <v>26117778</v>
      </c>
      <c r="ME23" s="350">
        <v>26117778</v>
      </c>
      <c r="MF23" s="348">
        <v>0</v>
      </c>
      <c r="MG23" s="345">
        <v>0</v>
      </c>
      <c r="MH23" s="349">
        <v>0</v>
      </c>
      <c r="MI23" s="413">
        <v>0</v>
      </c>
      <c r="MJ23" s="345">
        <v>7949497</v>
      </c>
      <c r="MK23" s="345">
        <v>23460344</v>
      </c>
      <c r="ML23" s="345">
        <v>90939780</v>
      </c>
      <c r="MM23" s="345">
        <v>162195835</v>
      </c>
      <c r="MN23" s="345">
        <v>114956753</v>
      </c>
      <c r="MO23" s="349">
        <v>399502209</v>
      </c>
      <c r="MP23" s="354">
        <v>399502209</v>
      </c>
      <c r="MQ23" s="348">
        <v>0</v>
      </c>
      <c r="MR23" s="345">
        <v>0</v>
      </c>
      <c r="MS23" s="349">
        <v>0</v>
      </c>
      <c r="MT23" s="413">
        <v>0</v>
      </c>
      <c r="MU23" s="345">
        <v>1219345</v>
      </c>
      <c r="MV23" s="345">
        <v>3458992</v>
      </c>
      <c r="MW23" s="345">
        <v>56904640</v>
      </c>
      <c r="MX23" s="345">
        <v>117993353</v>
      </c>
      <c r="MY23" s="345">
        <v>84485803</v>
      </c>
      <c r="MZ23" s="349">
        <v>264062133</v>
      </c>
      <c r="NA23" s="354">
        <v>264062133</v>
      </c>
      <c r="NB23" s="348">
        <v>0</v>
      </c>
      <c r="NC23" s="345">
        <v>0</v>
      </c>
      <c r="ND23" s="349">
        <v>0</v>
      </c>
      <c r="NE23" s="413">
        <v>0</v>
      </c>
      <c r="NF23" s="345">
        <v>6730152</v>
      </c>
      <c r="NG23" s="345">
        <v>19712965</v>
      </c>
      <c r="NH23" s="345">
        <v>33639551</v>
      </c>
      <c r="NI23" s="345">
        <v>38505220</v>
      </c>
      <c r="NJ23" s="345">
        <v>22688830</v>
      </c>
      <c r="NK23" s="349">
        <v>121276718</v>
      </c>
      <c r="NL23" s="347">
        <v>121276718</v>
      </c>
      <c r="NM23" s="348">
        <v>0</v>
      </c>
      <c r="NN23" s="345">
        <v>0</v>
      </c>
      <c r="NO23" s="349">
        <v>0</v>
      </c>
      <c r="NP23" s="413">
        <v>0</v>
      </c>
      <c r="NQ23" s="345">
        <v>0</v>
      </c>
      <c r="NR23" s="345">
        <v>0</v>
      </c>
      <c r="NS23" s="345">
        <v>0</v>
      </c>
      <c r="NT23" s="345">
        <v>0</v>
      </c>
      <c r="NU23" s="345">
        <v>0</v>
      </c>
      <c r="NV23" s="349">
        <v>0</v>
      </c>
      <c r="NW23" s="350">
        <v>0</v>
      </c>
      <c r="NX23" s="348">
        <v>0</v>
      </c>
      <c r="NY23" s="345">
        <v>0</v>
      </c>
      <c r="NZ23" s="349">
        <v>0</v>
      </c>
      <c r="OA23" s="413">
        <v>0</v>
      </c>
      <c r="OB23" s="345">
        <v>0</v>
      </c>
      <c r="OC23" s="345">
        <v>288387</v>
      </c>
      <c r="OD23" s="345">
        <v>395589</v>
      </c>
      <c r="OE23" s="345">
        <v>5697262</v>
      </c>
      <c r="OF23" s="345">
        <v>7782120</v>
      </c>
      <c r="OG23" s="349">
        <v>14163358</v>
      </c>
      <c r="OH23" s="350">
        <v>14163358</v>
      </c>
      <c r="OI23" s="348">
        <v>9494938</v>
      </c>
      <c r="OJ23" s="345">
        <v>21931290</v>
      </c>
      <c r="OK23" s="346">
        <v>31426228</v>
      </c>
      <c r="OL23" s="351">
        <v>0</v>
      </c>
      <c r="OM23" s="345">
        <v>207170160</v>
      </c>
      <c r="ON23" s="345">
        <v>265013592</v>
      </c>
      <c r="OO23" s="345">
        <v>337271686</v>
      </c>
      <c r="OP23" s="345">
        <v>367617219</v>
      </c>
      <c r="OQ23" s="345">
        <v>267300230</v>
      </c>
      <c r="OR23" s="349">
        <v>1444372887</v>
      </c>
      <c r="OS23" s="354">
        <v>1475799115</v>
      </c>
    </row>
    <row r="24" spans="2:409" s="70" customFormat="1" ht="21" customHeight="1" x14ac:dyDescent="0.2">
      <c r="B24" s="410" t="s">
        <v>19</v>
      </c>
      <c r="C24" s="326">
        <v>5984098</v>
      </c>
      <c r="D24" s="327">
        <v>11714294</v>
      </c>
      <c r="E24" s="328">
        <v>17698392</v>
      </c>
      <c r="F24" s="329">
        <v>0</v>
      </c>
      <c r="G24" s="327">
        <v>72811010</v>
      </c>
      <c r="H24" s="327">
        <v>72169142</v>
      </c>
      <c r="I24" s="327">
        <v>66058055</v>
      </c>
      <c r="J24" s="327">
        <v>47908244</v>
      </c>
      <c r="K24" s="327">
        <v>35949373</v>
      </c>
      <c r="L24" s="329">
        <v>294895824</v>
      </c>
      <c r="M24" s="330">
        <v>312594216</v>
      </c>
      <c r="N24" s="326">
        <v>1592215</v>
      </c>
      <c r="O24" s="327">
        <v>2559075</v>
      </c>
      <c r="P24" s="328">
        <v>4151290</v>
      </c>
      <c r="Q24" s="326">
        <v>0</v>
      </c>
      <c r="R24" s="327">
        <v>20250076</v>
      </c>
      <c r="S24" s="327">
        <v>18358791</v>
      </c>
      <c r="T24" s="327">
        <v>19687242</v>
      </c>
      <c r="U24" s="327">
        <v>17302655</v>
      </c>
      <c r="V24" s="327">
        <v>14335766</v>
      </c>
      <c r="W24" s="328">
        <v>89934530</v>
      </c>
      <c r="X24" s="330">
        <v>94085820</v>
      </c>
      <c r="Y24" s="326">
        <v>0</v>
      </c>
      <c r="Z24" s="327">
        <v>0</v>
      </c>
      <c r="AA24" s="328">
        <v>0</v>
      </c>
      <c r="AB24" s="326">
        <v>0</v>
      </c>
      <c r="AC24" s="327">
        <v>7732928</v>
      </c>
      <c r="AD24" s="327">
        <v>8231706</v>
      </c>
      <c r="AE24" s="327">
        <v>10080637</v>
      </c>
      <c r="AF24" s="327">
        <v>10046744</v>
      </c>
      <c r="AG24" s="327">
        <v>7780333</v>
      </c>
      <c r="AH24" s="328">
        <v>43872348</v>
      </c>
      <c r="AI24" s="330">
        <v>43872348</v>
      </c>
      <c r="AJ24" s="326">
        <v>0</v>
      </c>
      <c r="AK24" s="327">
        <v>0</v>
      </c>
      <c r="AL24" s="328">
        <v>0</v>
      </c>
      <c r="AM24" s="326">
        <v>0</v>
      </c>
      <c r="AN24" s="327">
        <v>68868</v>
      </c>
      <c r="AO24" s="327">
        <v>95451</v>
      </c>
      <c r="AP24" s="327">
        <v>283741</v>
      </c>
      <c r="AQ24" s="327">
        <v>453900</v>
      </c>
      <c r="AR24" s="327">
        <v>662345</v>
      </c>
      <c r="AS24" s="328">
        <v>1564305</v>
      </c>
      <c r="AT24" s="330">
        <v>1564305</v>
      </c>
      <c r="AU24" s="326">
        <v>1021955</v>
      </c>
      <c r="AV24" s="327">
        <v>1662431</v>
      </c>
      <c r="AW24" s="328">
        <v>2684386</v>
      </c>
      <c r="AX24" s="326">
        <v>0</v>
      </c>
      <c r="AY24" s="327">
        <v>8362505</v>
      </c>
      <c r="AZ24" s="327">
        <v>6310774</v>
      </c>
      <c r="BA24" s="327">
        <v>5684627</v>
      </c>
      <c r="BB24" s="327">
        <v>3771987</v>
      </c>
      <c r="BC24" s="327">
        <v>3597545</v>
      </c>
      <c r="BD24" s="328">
        <v>27727438</v>
      </c>
      <c r="BE24" s="330">
        <v>30411824</v>
      </c>
      <c r="BF24" s="326">
        <v>111915</v>
      </c>
      <c r="BG24" s="327">
        <v>275049</v>
      </c>
      <c r="BH24" s="331">
        <v>386964</v>
      </c>
      <c r="BI24" s="332">
        <v>0</v>
      </c>
      <c r="BJ24" s="327">
        <v>782676</v>
      </c>
      <c r="BK24" s="327">
        <v>437026</v>
      </c>
      <c r="BL24" s="327">
        <v>399448</v>
      </c>
      <c r="BM24" s="327">
        <v>387608</v>
      </c>
      <c r="BN24" s="327">
        <v>88619</v>
      </c>
      <c r="BO24" s="328">
        <v>2095377</v>
      </c>
      <c r="BP24" s="330">
        <v>2482341</v>
      </c>
      <c r="BQ24" s="326">
        <v>458345</v>
      </c>
      <c r="BR24" s="327">
        <v>621595</v>
      </c>
      <c r="BS24" s="328">
        <v>1079940</v>
      </c>
      <c r="BT24" s="326">
        <v>0</v>
      </c>
      <c r="BU24" s="327">
        <v>3303099</v>
      </c>
      <c r="BV24" s="327">
        <v>3283834</v>
      </c>
      <c r="BW24" s="327">
        <v>3238789</v>
      </c>
      <c r="BX24" s="327">
        <v>2642416</v>
      </c>
      <c r="BY24" s="327">
        <v>2206924</v>
      </c>
      <c r="BZ24" s="328">
        <v>14675062</v>
      </c>
      <c r="CA24" s="330">
        <v>15755002</v>
      </c>
      <c r="CB24" s="326">
        <v>1023427</v>
      </c>
      <c r="CC24" s="327">
        <v>3056815</v>
      </c>
      <c r="CD24" s="328">
        <v>4080242</v>
      </c>
      <c r="CE24" s="326">
        <v>0</v>
      </c>
      <c r="CF24" s="327">
        <v>22932758</v>
      </c>
      <c r="CG24" s="327">
        <v>25775909</v>
      </c>
      <c r="CH24" s="327">
        <v>17128468</v>
      </c>
      <c r="CI24" s="327">
        <v>8480484</v>
      </c>
      <c r="CJ24" s="327">
        <v>6349229</v>
      </c>
      <c r="CK24" s="328">
        <v>80666848</v>
      </c>
      <c r="CL24" s="330">
        <v>84747090</v>
      </c>
      <c r="CM24" s="326">
        <v>0</v>
      </c>
      <c r="CN24" s="327">
        <v>0</v>
      </c>
      <c r="CO24" s="328">
        <v>0</v>
      </c>
      <c r="CP24" s="332">
        <v>0</v>
      </c>
      <c r="CQ24" s="327">
        <v>16320612</v>
      </c>
      <c r="CR24" s="327">
        <v>18016354</v>
      </c>
      <c r="CS24" s="327">
        <v>12426483</v>
      </c>
      <c r="CT24" s="327">
        <v>5489523</v>
      </c>
      <c r="CU24" s="327">
        <v>5732842</v>
      </c>
      <c r="CV24" s="328">
        <v>57985814</v>
      </c>
      <c r="CW24" s="330">
        <v>57985814</v>
      </c>
      <c r="CX24" s="326">
        <v>1023427</v>
      </c>
      <c r="CY24" s="327">
        <v>3056815</v>
      </c>
      <c r="CZ24" s="328">
        <v>4080242</v>
      </c>
      <c r="DA24" s="326">
        <v>0</v>
      </c>
      <c r="DB24" s="327">
        <v>6612146</v>
      </c>
      <c r="DC24" s="327">
        <v>7759555</v>
      </c>
      <c r="DD24" s="327">
        <v>4701985</v>
      </c>
      <c r="DE24" s="327">
        <v>2990961</v>
      </c>
      <c r="DF24" s="327">
        <v>616387</v>
      </c>
      <c r="DG24" s="328">
        <v>22681034</v>
      </c>
      <c r="DH24" s="330">
        <v>26761276</v>
      </c>
      <c r="DI24" s="326">
        <v>0</v>
      </c>
      <c r="DJ24" s="327">
        <v>51053</v>
      </c>
      <c r="DK24" s="331">
        <v>51053</v>
      </c>
      <c r="DL24" s="332">
        <v>0</v>
      </c>
      <c r="DM24" s="327">
        <v>1905395</v>
      </c>
      <c r="DN24" s="327">
        <v>3014407</v>
      </c>
      <c r="DO24" s="327">
        <v>6141993</v>
      </c>
      <c r="DP24" s="327">
        <v>2471416</v>
      </c>
      <c r="DQ24" s="327">
        <v>1701776</v>
      </c>
      <c r="DR24" s="328">
        <v>15234987</v>
      </c>
      <c r="DS24" s="330">
        <v>15286040</v>
      </c>
      <c r="DT24" s="326">
        <v>0</v>
      </c>
      <c r="DU24" s="327">
        <v>51053</v>
      </c>
      <c r="DV24" s="328">
        <v>51053</v>
      </c>
      <c r="DW24" s="326">
        <v>0</v>
      </c>
      <c r="DX24" s="327">
        <v>1520886</v>
      </c>
      <c r="DY24" s="327">
        <v>2593887</v>
      </c>
      <c r="DZ24" s="327">
        <v>5586337</v>
      </c>
      <c r="EA24" s="327">
        <v>1840369</v>
      </c>
      <c r="EB24" s="327">
        <v>1564700</v>
      </c>
      <c r="EC24" s="328">
        <v>13106179</v>
      </c>
      <c r="ED24" s="330">
        <v>13157232</v>
      </c>
      <c r="EE24" s="326">
        <v>0</v>
      </c>
      <c r="EF24" s="331">
        <v>0</v>
      </c>
      <c r="EG24" s="328">
        <v>0</v>
      </c>
      <c r="EH24" s="326">
        <v>0</v>
      </c>
      <c r="EI24" s="327">
        <v>384509</v>
      </c>
      <c r="EJ24" s="327">
        <v>420520</v>
      </c>
      <c r="EK24" s="327">
        <v>555656</v>
      </c>
      <c r="EL24" s="327">
        <v>631047</v>
      </c>
      <c r="EM24" s="327">
        <v>137076</v>
      </c>
      <c r="EN24" s="331">
        <v>2128808</v>
      </c>
      <c r="EO24" s="330">
        <v>2128808</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1411314</v>
      </c>
      <c r="FM24" s="327">
        <v>2667445</v>
      </c>
      <c r="FN24" s="328">
        <v>4078759</v>
      </c>
      <c r="FO24" s="326">
        <v>0</v>
      </c>
      <c r="FP24" s="327">
        <v>4480335</v>
      </c>
      <c r="FQ24" s="327">
        <v>6065071</v>
      </c>
      <c r="FR24" s="327">
        <v>5347599</v>
      </c>
      <c r="FS24" s="327">
        <v>3799707</v>
      </c>
      <c r="FT24" s="327">
        <v>3069156</v>
      </c>
      <c r="FU24" s="328">
        <v>22761868</v>
      </c>
      <c r="FV24" s="330">
        <v>26840627</v>
      </c>
      <c r="FW24" s="333">
        <v>968587</v>
      </c>
      <c r="FX24" s="327">
        <v>1699157</v>
      </c>
      <c r="FY24" s="331">
        <v>2667744</v>
      </c>
      <c r="FZ24" s="332">
        <v>0</v>
      </c>
      <c r="GA24" s="327">
        <v>3872777</v>
      </c>
      <c r="GB24" s="327">
        <v>5751074</v>
      </c>
      <c r="GC24" s="327">
        <v>4904184</v>
      </c>
      <c r="GD24" s="327">
        <v>3510536</v>
      </c>
      <c r="GE24" s="327">
        <v>2886096</v>
      </c>
      <c r="GF24" s="328">
        <v>20924667</v>
      </c>
      <c r="GG24" s="334">
        <v>23592411</v>
      </c>
      <c r="GH24" s="333">
        <v>105985</v>
      </c>
      <c r="GI24" s="327">
        <v>138465</v>
      </c>
      <c r="GJ24" s="331">
        <v>244450</v>
      </c>
      <c r="GK24" s="332">
        <v>0</v>
      </c>
      <c r="GL24" s="327">
        <v>257581</v>
      </c>
      <c r="GM24" s="327">
        <v>114897</v>
      </c>
      <c r="GN24" s="327">
        <v>178308</v>
      </c>
      <c r="GO24" s="327">
        <v>27720</v>
      </c>
      <c r="GP24" s="327">
        <v>102960</v>
      </c>
      <c r="GQ24" s="328">
        <v>681466</v>
      </c>
      <c r="GR24" s="330">
        <v>925916</v>
      </c>
      <c r="GS24" s="326">
        <v>336742</v>
      </c>
      <c r="GT24" s="327">
        <v>829823</v>
      </c>
      <c r="GU24" s="328">
        <v>1166565</v>
      </c>
      <c r="GV24" s="326">
        <v>0</v>
      </c>
      <c r="GW24" s="327">
        <v>349977</v>
      </c>
      <c r="GX24" s="327">
        <v>199100</v>
      </c>
      <c r="GY24" s="327">
        <v>265107</v>
      </c>
      <c r="GZ24" s="327">
        <v>261451</v>
      </c>
      <c r="HA24" s="327">
        <v>80100</v>
      </c>
      <c r="HB24" s="331">
        <v>1155735</v>
      </c>
      <c r="HC24" s="330">
        <v>2322300</v>
      </c>
      <c r="HD24" s="326">
        <v>843730</v>
      </c>
      <c r="HE24" s="327">
        <v>1833131</v>
      </c>
      <c r="HF24" s="331">
        <v>2676861</v>
      </c>
      <c r="HG24" s="332">
        <v>0</v>
      </c>
      <c r="HH24" s="327">
        <v>11679405</v>
      </c>
      <c r="HI24" s="327">
        <v>10608363</v>
      </c>
      <c r="HJ24" s="327">
        <v>11910863</v>
      </c>
      <c r="HK24" s="327">
        <v>12852669</v>
      </c>
      <c r="HL24" s="327">
        <v>8599111</v>
      </c>
      <c r="HM24" s="328">
        <v>55650411</v>
      </c>
      <c r="HN24" s="329">
        <v>58327272</v>
      </c>
      <c r="HO24" s="333">
        <v>1113412</v>
      </c>
      <c r="HP24" s="327">
        <v>1546775</v>
      </c>
      <c r="HQ24" s="328">
        <v>2660187</v>
      </c>
      <c r="HR24" s="326">
        <v>0</v>
      </c>
      <c r="HS24" s="327">
        <v>11563041</v>
      </c>
      <c r="HT24" s="327">
        <v>8346601</v>
      </c>
      <c r="HU24" s="327">
        <v>5841890</v>
      </c>
      <c r="HV24" s="327">
        <v>3001313</v>
      </c>
      <c r="HW24" s="327">
        <v>1894335</v>
      </c>
      <c r="HX24" s="331">
        <v>30647180</v>
      </c>
      <c r="HY24" s="330">
        <v>33307367</v>
      </c>
      <c r="HZ24" s="358">
        <v>25817</v>
      </c>
      <c r="IA24" s="356">
        <v>197504</v>
      </c>
      <c r="IB24" s="358">
        <v>223321</v>
      </c>
      <c r="IC24" s="355">
        <v>0</v>
      </c>
      <c r="ID24" s="356">
        <v>16735444</v>
      </c>
      <c r="IE24" s="357">
        <v>23655390</v>
      </c>
      <c r="IF24" s="358">
        <v>26311259</v>
      </c>
      <c r="IG24" s="356">
        <v>18249687</v>
      </c>
      <c r="IH24" s="358">
        <v>14737579</v>
      </c>
      <c r="II24" s="359">
        <v>99689359</v>
      </c>
      <c r="IJ24" s="358">
        <v>99912680</v>
      </c>
      <c r="IK24" s="342">
        <v>0</v>
      </c>
      <c r="IL24" s="343">
        <v>0</v>
      </c>
      <c r="IM24" s="344">
        <v>0</v>
      </c>
      <c r="IN24" s="404">
        <v>0</v>
      </c>
      <c r="IO24" s="345">
        <v>903615</v>
      </c>
      <c r="IP24" s="345">
        <v>1190481</v>
      </c>
      <c r="IQ24" s="345">
        <v>1333864</v>
      </c>
      <c r="IR24" s="345">
        <v>1078252</v>
      </c>
      <c r="IS24" s="345">
        <v>967591</v>
      </c>
      <c r="IT24" s="346">
        <v>5473803</v>
      </c>
      <c r="IU24" s="347">
        <v>5473803</v>
      </c>
      <c r="IV24" s="348">
        <v>0</v>
      </c>
      <c r="IW24" s="345">
        <v>0</v>
      </c>
      <c r="IX24" s="349">
        <v>0</v>
      </c>
      <c r="IY24" s="413">
        <v>0</v>
      </c>
      <c r="IZ24" s="345">
        <v>11661</v>
      </c>
      <c r="JA24" s="345">
        <v>9069</v>
      </c>
      <c r="JB24" s="345">
        <v>23322</v>
      </c>
      <c r="JC24" s="345">
        <v>84999</v>
      </c>
      <c r="JD24" s="345">
        <v>0</v>
      </c>
      <c r="JE24" s="349">
        <v>129051</v>
      </c>
      <c r="JF24" s="350">
        <v>129051</v>
      </c>
      <c r="JG24" s="348">
        <v>0</v>
      </c>
      <c r="JH24" s="345">
        <v>0</v>
      </c>
      <c r="JI24" s="346">
        <v>0</v>
      </c>
      <c r="JJ24" s="351">
        <v>0</v>
      </c>
      <c r="JK24" s="345">
        <v>5999600</v>
      </c>
      <c r="JL24" s="345">
        <v>6267119</v>
      </c>
      <c r="JM24" s="345">
        <v>3742468</v>
      </c>
      <c r="JN24" s="345">
        <v>2168346</v>
      </c>
      <c r="JO24" s="345">
        <v>1316058</v>
      </c>
      <c r="JP24" s="349">
        <v>19493591</v>
      </c>
      <c r="JQ24" s="347">
        <v>19493591</v>
      </c>
      <c r="JR24" s="348">
        <v>25817</v>
      </c>
      <c r="JS24" s="345">
        <v>0</v>
      </c>
      <c r="JT24" s="346">
        <v>25817</v>
      </c>
      <c r="JU24" s="351">
        <v>0</v>
      </c>
      <c r="JV24" s="345">
        <v>1303537</v>
      </c>
      <c r="JW24" s="345">
        <v>2093611</v>
      </c>
      <c r="JX24" s="345">
        <v>2108000</v>
      </c>
      <c r="JY24" s="345">
        <v>692742</v>
      </c>
      <c r="JZ24" s="345">
        <v>546129</v>
      </c>
      <c r="KA24" s="349">
        <v>6744019</v>
      </c>
      <c r="KB24" s="347">
        <v>6769836</v>
      </c>
      <c r="KC24" s="352">
        <v>0</v>
      </c>
      <c r="KD24" s="353">
        <v>197504</v>
      </c>
      <c r="KE24" s="349">
        <v>197504</v>
      </c>
      <c r="KF24" s="351">
        <v>0</v>
      </c>
      <c r="KG24" s="345">
        <v>4210328</v>
      </c>
      <c r="KH24" s="345">
        <v>7067770</v>
      </c>
      <c r="KI24" s="345">
        <v>10374595</v>
      </c>
      <c r="KJ24" s="345">
        <v>7686361</v>
      </c>
      <c r="KK24" s="345">
        <v>2989342</v>
      </c>
      <c r="KL24" s="349">
        <v>32328396</v>
      </c>
      <c r="KM24" s="354">
        <v>32525900</v>
      </c>
      <c r="KN24" s="342">
        <v>0</v>
      </c>
      <c r="KO24" s="343">
        <v>0</v>
      </c>
      <c r="KP24" s="344">
        <v>0</v>
      </c>
      <c r="KQ24" s="413">
        <v>0</v>
      </c>
      <c r="KR24" s="345">
        <v>4306703</v>
      </c>
      <c r="KS24" s="345">
        <v>6278017</v>
      </c>
      <c r="KT24" s="345">
        <v>7808935</v>
      </c>
      <c r="KU24" s="345">
        <v>5094247</v>
      </c>
      <c r="KV24" s="345">
        <v>5425293</v>
      </c>
      <c r="KW24" s="349">
        <v>28913195</v>
      </c>
      <c r="KX24" s="347">
        <v>28913195</v>
      </c>
      <c r="KY24" s="348">
        <v>0</v>
      </c>
      <c r="KZ24" s="345">
        <v>0</v>
      </c>
      <c r="LA24" s="349">
        <v>0</v>
      </c>
      <c r="LB24" s="413">
        <v>0</v>
      </c>
      <c r="LC24" s="345">
        <v>0</v>
      </c>
      <c r="LD24" s="345">
        <v>0</v>
      </c>
      <c r="LE24" s="345">
        <v>0</v>
      </c>
      <c r="LF24" s="345">
        <v>0</v>
      </c>
      <c r="LG24" s="345">
        <v>0</v>
      </c>
      <c r="LH24" s="349">
        <v>0</v>
      </c>
      <c r="LI24" s="350">
        <v>0</v>
      </c>
      <c r="LJ24" s="348">
        <v>0</v>
      </c>
      <c r="LK24" s="345">
        <v>0</v>
      </c>
      <c r="LL24" s="349">
        <v>0</v>
      </c>
      <c r="LM24" s="413">
        <v>0</v>
      </c>
      <c r="LN24" s="345">
        <v>0</v>
      </c>
      <c r="LO24" s="345">
        <v>0</v>
      </c>
      <c r="LP24" s="345">
        <v>0</v>
      </c>
      <c r="LQ24" s="345">
        <v>0</v>
      </c>
      <c r="LR24" s="345">
        <v>0</v>
      </c>
      <c r="LS24" s="349">
        <v>0</v>
      </c>
      <c r="LT24" s="347">
        <v>0</v>
      </c>
      <c r="LU24" s="348">
        <v>0</v>
      </c>
      <c r="LV24" s="345">
        <v>0</v>
      </c>
      <c r="LW24" s="349">
        <v>0</v>
      </c>
      <c r="LX24" s="413">
        <v>0</v>
      </c>
      <c r="LY24" s="345">
        <v>0</v>
      </c>
      <c r="LZ24" s="345">
        <v>749323</v>
      </c>
      <c r="MA24" s="345">
        <v>920075</v>
      </c>
      <c r="MB24" s="345">
        <v>1444740</v>
      </c>
      <c r="MC24" s="345">
        <v>3493166</v>
      </c>
      <c r="MD24" s="349">
        <v>6607304</v>
      </c>
      <c r="ME24" s="350">
        <v>6607304</v>
      </c>
      <c r="MF24" s="348">
        <v>0</v>
      </c>
      <c r="MG24" s="345">
        <v>0</v>
      </c>
      <c r="MH24" s="349">
        <v>0</v>
      </c>
      <c r="MI24" s="413">
        <v>0</v>
      </c>
      <c r="MJ24" s="345">
        <v>6674399</v>
      </c>
      <c r="MK24" s="345">
        <v>16215722</v>
      </c>
      <c r="ML24" s="345">
        <v>57934609</v>
      </c>
      <c r="MM24" s="345">
        <v>57561569</v>
      </c>
      <c r="MN24" s="345">
        <v>49611062</v>
      </c>
      <c r="MO24" s="349">
        <v>187997361</v>
      </c>
      <c r="MP24" s="354">
        <v>187997361</v>
      </c>
      <c r="MQ24" s="348">
        <v>0</v>
      </c>
      <c r="MR24" s="345">
        <v>0</v>
      </c>
      <c r="MS24" s="349">
        <v>0</v>
      </c>
      <c r="MT24" s="413">
        <v>0</v>
      </c>
      <c r="MU24" s="345">
        <v>0</v>
      </c>
      <c r="MV24" s="345">
        <v>1385616</v>
      </c>
      <c r="MW24" s="345">
        <v>35107226</v>
      </c>
      <c r="MX24" s="345">
        <v>37968071</v>
      </c>
      <c r="MY24" s="345">
        <v>38191222</v>
      </c>
      <c r="MZ24" s="349">
        <v>112652135</v>
      </c>
      <c r="NA24" s="354">
        <v>112652135</v>
      </c>
      <c r="NB24" s="348">
        <v>0</v>
      </c>
      <c r="NC24" s="345">
        <v>0</v>
      </c>
      <c r="ND24" s="349">
        <v>0</v>
      </c>
      <c r="NE24" s="413">
        <v>0</v>
      </c>
      <c r="NF24" s="345">
        <v>6674399</v>
      </c>
      <c r="NG24" s="345">
        <v>14830106</v>
      </c>
      <c r="NH24" s="345">
        <v>22827383</v>
      </c>
      <c r="NI24" s="345">
        <v>18363076</v>
      </c>
      <c r="NJ24" s="345">
        <v>9098568</v>
      </c>
      <c r="NK24" s="349">
        <v>71793532</v>
      </c>
      <c r="NL24" s="347">
        <v>71793532</v>
      </c>
      <c r="NM24" s="348">
        <v>0</v>
      </c>
      <c r="NN24" s="345">
        <v>0</v>
      </c>
      <c r="NO24" s="349">
        <v>0</v>
      </c>
      <c r="NP24" s="413">
        <v>0</v>
      </c>
      <c r="NQ24" s="345">
        <v>0</v>
      </c>
      <c r="NR24" s="345">
        <v>0</v>
      </c>
      <c r="NS24" s="345">
        <v>0</v>
      </c>
      <c r="NT24" s="345">
        <v>0</v>
      </c>
      <c r="NU24" s="345">
        <v>0</v>
      </c>
      <c r="NV24" s="349">
        <v>0</v>
      </c>
      <c r="NW24" s="350">
        <v>0</v>
      </c>
      <c r="NX24" s="348">
        <v>0</v>
      </c>
      <c r="NY24" s="345">
        <v>0</v>
      </c>
      <c r="NZ24" s="349">
        <v>0</v>
      </c>
      <c r="OA24" s="413">
        <v>0</v>
      </c>
      <c r="OB24" s="345">
        <v>0</v>
      </c>
      <c r="OC24" s="345">
        <v>0</v>
      </c>
      <c r="OD24" s="345">
        <v>0</v>
      </c>
      <c r="OE24" s="345">
        <v>1230422</v>
      </c>
      <c r="OF24" s="345">
        <v>2321272</v>
      </c>
      <c r="OG24" s="349">
        <v>3551694</v>
      </c>
      <c r="OH24" s="350">
        <v>3551694</v>
      </c>
      <c r="OI24" s="348">
        <v>6009915</v>
      </c>
      <c r="OJ24" s="345">
        <v>11911798</v>
      </c>
      <c r="OK24" s="346">
        <v>17921713</v>
      </c>
      <c r="OL24" s="351">
        <v>0</v>
      </c>
      <c r="OM24" s="345">
        <v>96220853</v>
      </c>
      <c r="ON24" s="345">
        <v>112040254</v>
      </c>
      <c r="OO24" s="345">
        <v>150303923</v>
      </c>
      <c r="OP24" s="345">
        <v>123719500</v>
      </c>
      <c r="OQ24" s="345">
        <v>100298014</v>
      </c>
      <c r="OR24" s="349">
        <v>582582544</v>
      </c>
      <c r="OS24" s="354">
        <v>600504257</v>
      </c>
    </row>
    <row r="25" spans="2:409" s="70" customFormat="1" ht="21" customHeight="1" x14ac:dyDescent="0.2">
      <c r="B25" s="410" t="s">
        <v>20</v>
      </c>
      <c r="C25" s="326">
        <v>6049906</v>
      </c>
      <c r="D25" s="327">
        <v>12510615</v>
      </c>
      <c r="E25" s="328">
        <v>18560521</v>
      </c>
      <c r="F25" s="326">
        <v>0</v>
      </c>
      <c r="G25" s="327">
        <v>102380849</v>
      </c>
      <c r="H25" s="327">
        <v>91489493</v>
      </c>
      <c r="I25" s="327">
        <v>88490494</v>
      </c>
      <c r="J25" s="327">
        <v>80105376</v>
      </c>
      <c r="K25" s="327">
        <v>50428084</v>
      </c>
      <c r="L25" s="367">
        <v>412894296</v>
      </c>
      <c r="M25" s="330">
        <v>431454817</v>
      </c>
      <c r="N25" s="326">
        <v>1854763</v>
      </c>
      <c r="O25" s="327">
        <v>4926093</v>
      </c>
      <c r="P25" s="328">
        <v>6780856</v>
      </c>
      <c r="Q25" s="326">
        <v>0</v>
      </c>
      <c r="R25" s="327">
        <v>30716192</v>
      </c>
      <c r="S25" s="327">
        <v>30712618</v>
      </c>
      <c r="T25" s="327">
        <v>30977341</v>
      </c>
      <c r="U25" s="327">
        <v>30166524</v>
      </c>
      <c r="V25" s="327">
        <v>26601755</v>
      </c>
      <c r="W25" s="328">
        <v>149174430</v>
      </c>
      <c r="X25" s="330">
        <v>155955286</v>
      </c>
      <c r="Y25" s="326">
        <v>0</v>
      </c>
      <c r="Z25" s="327">
        <v>0</v>
      </c>
      <c r="AA25" s="328">
        <v>0</v>
      </c>
      <c r="AB25" s="326">
        <v>0</v>
      </c>
      <c r="AC25" s="327">
        <v>11741375</v>
      </c>
      <c r="AD25" s="327">
        <v>13960876</v>
      </c>
      <c r="AE25" s="327">
        <v>16569312</v>
      </c>
      <c r="AF25" s="327">
        <v>17514741</v>
      </c>
      <c r="AG25" s="327">
        <v>17200828</v>
      </c>
      <c r="AH25" s="328">
        <v>76987132</v>
      </c>
      <c r="AI25" s="330">
        <v>76987132</v>
      </c>
      <c r="AJ25" s="326">
        <v>0</v>
      </c>
      <c r="AK25" s="327">
        <v>0</v>
      </c>
      <c r="AL25" s="328">
        <v>0</v>
      </c>
      <c r="AM25" s="326">
        <v>0</v>
      </c>
      <c r="AN25" s="327">
        <v>123650</v>
      </c>
      <c r="AO25" s="327">
        <v>355071</v>
      </c>
      <c r="AP25" s="327">
        <v>680272</v>
      </c>
      <c r="AQ25" s="327">
        <v>1770886</v>
      </c>
      <c r="AR25" s="327">
        <v>2531758</v>
      </c>
      <c r="AS25" s="328">
        <v>5461637</v>
      </c>
      <c r="AT25" s="330">
        <v>5461637</v>
      </c>
      <c r="AU25" s="326">
        <v>1037228</v>
      </c>
      <c r="AV25" s="327">
        <v>3072320</v>
      </c>
      <c r="AW25" s="328">
        <v>4109548</v>
      </c>
      <c r="AX25" s="326">
        <v>0</v>
      </c>
      <c r="AY25" s="327">
        <v>12217540</v>
      </c>
      <c r="AZ25" s="327">
        <v>9993211</v>
      </c>
      <c r="BA25" s="327">
        <v>7192965</v>
      </c>
      <c r="BB25" s="327">
        <v>5765179</v>
      </c>
      <c r="BC25" s="327">
        <v>3529496</v>
      </c>
      <c r="BD25" s="328">
        <v>38698391</v>
      </c>
      <c r="BE25" s="330">
        <v>42807939</v>
      </c>
      <c r="BF25" s="326">
        <v>407345</v>
      </c>
      <c r="BG25" s="327">
        <v>1357853</v>
      </c>
      <c r="BH25" s="331">
        <v>1765198</v>
      </c>
      <c r="BI25" s="332">
        <v>0</v>
      </c>
      <c r="BJ25" s="327">
        <v>2801478</v>
      </c>
      <c r="BK25" s="327">
        <v>2263347</v>
      </c>
      <c r="BL25" s="327">
        <v>1631497</v>
      </c>
      <c r="BM25" s="327">
        <v>1432663</v>
      </c>
      <c r="BN25" s="327">
        <v>297068</v>
      </c>
      <c r="BO25" s="328">
        <v>8426053</v>
      </c>
      <c r="BP25" s="330">
        <v>10191251</v>
      </c>
      <c r="BQ25" s="326">
        <v>410190</v>
      </c>
      <c r="BR25" s="327">
        <v>495920</v>
      </c>
      <c r="BS25" s="328">
        <v>906110</v>
      </c>
      <c r="BT25" s="326">
        <v>0</v>
      </c>
      <c r="BU25" s="327">
        <v>3832149</v>
      </c>
      <c r="BV25" s="327">
        <v>4140113</v>
      </c>
      <c r="BW25" s="327">
        <v>4903295</v>
      </c>
      <c r="BX25" s="327">
        <v>3683055</v>
      </c>
      <c r="BY25" s="327">
        <v>3042605</v>
      </c>
      <c r="BZ25" s="328">
        <v>19601217</v>
      </c>
      <c r="CA25" s="330">
        <v>20507327</v>
      </c>
      <c r="CB25" s="326">
        <v>341327</v>
      </c>
      <c r="CC25" s="327">
        <v>1528867</v>
      </c>
      <c r="CD25" s="328">
        <v>1870194</v>
      </c>
      <c r="CE25" s="326">
        <v>0</v>
      </c>
      <c r="CF25" s="327">
        <v>29204287</v>
      </c>
      <c r="CG25" s="327">
        <v>25898140</v>
      </c>
      <c r="CH25" s="327">
        <v>20599485</v>
      </c>
      <c r="CI25" s="327">
        <v>15536649</v>
      </c>
      <c r="CJ25" s="327">
        <v>5127743</v>
      </c>
      <c r="CK25" s="328">
        <v>96366304</v>
      </c>
      <c r="CL25" s="330">
        <v>98236498</v>
      </c>
      <c r="CM25" s="326">
        <v>0</v>
      </c>
      <c r="CN25" s="327">
        <v>0</v>
      </c>
      <c r="CO25" s="328">
        <v>0</v>
      </c>
      <c r="CP25" s="332">
        <v>0</v>
      </c>
      <c r="CQ25" s="327">
        <v>21919046</v>
      </c>
      <c r="CR25" s="327">
        <v>19770101</v>
      </c>
      <c r="CS25" s="327">
        <v>17401595</v>
      </c>
      <c r="CT25" s="327">
        <v>11284813</v>
      </c>
      <c r="CU25" s="327">
        <v>3500171</v>
      </c>
      <c r="CV25" s="328">
        <v>73875726</v>
      </c>
      <c r="CW25" s="330">
        <v>73875726</v>
      </c>
      <c r="CX25" s="326">
        <v>341327</v>
      </c>
      <c r="CY25" s="327">
        <v>1528867</v>
      </c>
      <c r="CZ25" s="328">
        <v>1870194</v>
      </c>
      <c r="DA25" s="326">
        <v>0</v>
      </c>
      <c r="DB25" s="327">
        <v>7285241</v>
      </c>
      <c r="DC25" s="327">
        <v>6128039</v>
      </c>
      <c r="DD25" s="327">
        <v>3197890</v>
      </c>
      <c r="DE25" s="327">
        <v>4251836</v>
      </c>
      <c r="DF25" s="327">
        <v>1627572</v>
      </c>
      <c r="DG25" s="328">
        <v>22490578</v>
      </c>
      <c r="DH25" s="330">
        <v>24360772</v>
      </c>
      <c r="DI25" s="326">
        <v>0</v>
      </c>
      <c r="DJ25" s="327">
        <v>52614</v>
      </c>
      <c r="DK25" s="331">
        <v>52614</v>
      </c>
      <c r="DL25" s="332">
        <v>0</v>
      </c>
      <c r="DM25" s="327">
        <v>3705213</v>
      </c>
      <c r="DN25" s="327">
        <v>4149620</v>
      </c>
      <c r="DO25" s="327">
        <v>8822810</v>
      </c>
      <c r="DP25" s="327">
        <v>8606471</v>
      </c>
      <c r="DQ25" s="327">
        <v>4025501</v>
      </c>
      <c r="DR25" s="328">
        <v>29309615</v>
      </c>
      <c r="DS25" s="330">
        <v>29362229</v>
      </c>
      <c r="DT25" s="326">
        <v>0</v>
      </c>
      <c r="DU25" s="327">
        <v>52614</v>
      </c>
      <c r="DV25" s="328">
        <v>52614</v>
      </c>
      <c r="DW25" s="326">
        <v>0</v>
      </c>
      <c r="DX25" s="327">
        <v>3404211</v>
      </c>
      <c r="DY25" s="327">
        <v>3818398</v>
      </c>
      <c r="DZ25" s="327">
        <v>8323537</v>
      </c>
      <c r="EA25" s="327">
        <v>7836709</v>
      </c>
      <c r="EB25" s="327">
        <v>3550959</v>
      </c>
      <c r="EC25" s="328">
        <v>26933814</v>
      </c>
      <c r="ED25" s="330">
        <v>26986428</v>
      </c>
      <c r="EE25" s="326">
        <v>0</v>
      </c>
      <c r="EF25" s="331">
        <v>0</v>
      </c>
      <c r="EG25" s="328">
        <v>0</v>
      </c>
      <c r="EH25" s="326">
        <v>0</v>
      </c>
      <c r="EI25" s="327">
        <v>301002</v>
      </c>
      <c r="EJ25" s="327">
        <v>331222</v>
      </c>
      <c r="EK25" s="327">
        <v>499273</v>
      </c>
      <c r="EL25" s="327">
        <v>769762</v>
      </c>
      <c r="EM25" s="327">
        <v>474542</v>
      </c>
      <c r="EN25" s="331">
        <v>2375801</v>
      </c>
      <c r="EO25" s="330">
        <v>2375801</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1715300</v>
      </c>
      <c r="FM25" s="327">
        <v>2543667</v>
      </c>
      <c r="FN25" s="328">
        <v>4258967</v>
      </c>
      <c r="FO25" s="326">
        <v>0</v>
      </c>
      <c r="FP25" s="327">
        <v>7739852</v>
      </c>
      <c r="FQ25" s="327">
        <v>7661636</v>
      </c>
      <c r="FR25" s="327">
        <v>6808239</v>
      </c>
      <c r="FS25" s="327">
        <v>5538523</v>
      </c>
      <c r="FT25" s="327">
        <v>3294467</v>
      </c>
      <c r="FU25" s="328">
        <v>31042717</v>
      </c>
      <c r="FV25" s="330">
        <v>35301684</v>
      </c>
      <c r="FW25" s="333">
        <v>910738</v>
      </c>
      <c r="FX25" s="327">
        <v>2332599</v>
      </c>
      <c r="FY25" s="331">
        <v>3243337</v>
      </c>
      <c r="FZ25" s="332">
        <v>0</v>
      </c>
      <c r="GA25" s="327">
        <v>5681579</v>
      </c>
      <c r="GB25" s="327">
        <v>6988338</v>
      </c>
      <c r="GC25" s="327">
        <v>6343229</v>
      </c>
      <c r="GD25" s="327">
        <v>5038679</v>
      </c>
      <c r="GE25" s="327">
        <v>3119597</v>
      </c>
      <c r="GF25" s="328">
        <v>27171422</v>
      </c>
      <c r="GG25" s="334">
        <v>30414759</v>
      </c>
      <c r="GH25" s="333">
        <v>174222</v>
      </c>
      <c r="GI25" s="327">
        <v>161928</v>
      </c>
      <c r="GJ25" s="331">
        <v>336150</v>
      </c>
      <c r="GK25" s="332">
        <v>0</v>
      </c>
      <c r="GL25" s="327">
        <v>309198</v>
      </c>
      <c r="GM25" s="327">
        <v>74286</v>
      </c>
      <c r="GN25" s="327">
        <v>185910</v>
      </c>
      <c r="GO25" s="327">
        <v>95697</v>
      </c>
      <c r="GP25" s="327">
        <v>174870</v>
      </c>
      <c r="GQ25" s="328">
        <v>839961</v>
      </c>
      <c r="GR25" s="330">
        <v>1176111</v>
      </c>
      <c r="GS25" s="326">
        <v>630340</v>
      </c>
      <c r="GT25" s="327">
        <v>49140</v>
      </c>
      <c r="GU25" s="328">
        <v>679480</v>
      </c>
      <c r="GV25" s="326">
        <v>0</v>
      </c>
      <c r="GW25" s="327">
        <v>1749075</v>
      </c>
      <c r="GX25" s="327">
        <v>599012</v>
      </c>
      <c r="GY25" s="327">
        <v>279100</v>
      </c>
      <c r="GZ25" s="327">
        <v>404147</v>
      </c>
      <c r="HA25" s="327">
        <v>0</v>
      </c>
      <c r="HB25" s="331">
        <v>3031334</v>
      </c>
      <c r="HC25" s="330">
        <v>3710814</v>
      </c>
      <c r="HD25" s="326">
        <v>999410</v>
      </c>
      <c r="HE25" s="327">
        <v>1318441</v>
      </c>
      <c r="HF25" s="331">
        <v>2317851</v>
      </c>
      <c r="HG25" s="332">
        <v>0</v>
      </c>
      <c r="HH25" s="327">
        <v>14307693</v>
      </c>
      <c r="HI25" s="327">
        <v>12749998</v>
      </c>
      <c r="HJ25" s="327">
        <v>13406616</v>
      </c>
      <c r="HK25" s="327">
        <v>15164479</v>
      </c>
      <c r="HL25" s="327">
        <v>8654053</v>
      </c>
      <c r="HM25" s="328">
        <v>64282839</v>
      </c>
      <c r="HN25" s="329">
        <v>66600690</v>
      </c>
      <c r="HO25" s="333">
        <v>1139106</v>
      </c>
      <c r="HP25" s="327">
        <v>2140933</v>
      </c>
      <c r="HQ25" s="328">
        <v>3280039</v>
      </c>
      <c r="HR25" s="326">
        <v>0</v>
      </c>
      <c r="HS25" s="327">
        <v>16707612</v>
      </c>
      <c r="HT25" s="327">
        <v>10317481</v>
      </c>
      <c r="HU25" s="327">
        <v>7876003</v>
      </c>
      <c r="HV25" s="327">
        <v>5092730</v>
      </c>
      <c r="HW25" s="327">
        <v>2724565</v>
      </c>
      <c r="HX25" s="331">
        <v>42718391</v>
      </c>
      <c r="HY25" s="330">
        <v>45998430</v>
      </c>
      <c r="HZ25" s="335">
        <v>0</v>
      </c>
      <c r="IA25" s="336">
        <v>198518</v>
      </c>
      <c r="IB25" s="337">
        <v>198518</v>
      </c>
      <c r="IC25" s="338">
        <v>0</v>
      </c>
      <c r="ID25" s="336">
        <v>16140621</v>
      </c>
      <c r="IE25" s="339">
        <v>18382449</v>
      </c>
      <c r="IF25" s="337">
        <v>26728506</v>
      </c>
      <c r="IG25" s="336">
        <v>7742621</v>
      </c>
      <c r="IH25" s="337">
        <v>6288923</v>
      </c>
      <c r="II25" s="340">
        <v>75283120</v>
      </c>
      <c r="IJ25" s="341">
        <v>75481638</v>
      </c>
      <c r="IK25" s="342">
        <v>0</v>
      </c>
      <c r="IL25" s="343">
        <v>0</v>
      </c>
      <c r="IM25" s="344">
        <v>0</v>
      </c>
      <c r="IN25" s="404">
        <v>0</v>
      </c>
      <c r="IO25" s="345">
        <v>128214</v>
      </c>
      <c r="IP25" s="345">
        <v>0</v>
      </c>
      <c r="IQ25" s="345">
        <v>0</v>
      </c>
      <c r="IR25" s="345">
        <v>0</v>
      </c>
      <c r="IS25" s="345">
        <v>8595</v>
      </c>
      <c r="IT25" s="346">
        <v>136809</v>
      </c>
      <c r="IU25" s="347">
        <v>136809</v>
      </c>
      <c r="IV25" s="348">
        <v>0</v>
      </c>
      <c r="IW25" s="345">
        <v>0</v>
      </c>
      <c r="IX25" s="349">
        <v>0</v>
      </c>
      <c r="IY25" s="413">
        <v>0</v>
      </c>
      <c r="IZ25" s="345">
        <v>0</v>
      </c>
      <c r="JA25" s="345">
        <v>0</v>
      </c>
      <c r="JB25" s="345">
        <v>0</v>
      </c>
      <c r="JC25" s="345">
        <v>0</v>
      </c>
      <c r="JD25" s="345">
        <v>0</v>
      </c>
      <c r="JE25" s="349">
        <v>0</v>
      </c>
      <c r="JF25" s="350">
        <v>0</v>
      </c>
      <c r="JG25" s="348">
        <v>0</v>
      </c>
      <c r="JH25" s="345">
        <v>0</v>
      </c>
      <c r="JI25" s="346">
        <v>0</v>
      </c>
      <c r="JJ25" s="351">
        <v>0</v>
      </c>
      <c r="JK25" s="345">
        <v>8903180</v>
      </c>
      <c r="JL25" s="345">
        <v>7183373</v>
      </c>
      <c r="JM25" s="345">
        <v>5961752</v>
      </c>
      <c r="JN25" s="345">
        <v>1991598</v>
      </c>
      <c r="JO25" s="345">
        <v>609633</v>
      </c>
      <c r="JP25" s="349">
        <v>24649536</v>
      </c>
      <c r="JQ25" s="347">
        <v>24649536</v>
      </c>
      <c r="JR25" s="348">
        <v>0</v>
      </c>
      <c r="JS25" s="345">
        <v>0</v>
      </c>
      <c r="JT25" s="346">
        <v>0</v>
      </c>
      <c r="JU25" s="351">
        <v>0</v>
      </c>
      <c r="JV25" s="345">
        <v>176894</v>
      </c>
      <c r="JW25" s="345">
        <v>35891</v>
      </c>
      <c r="JX25" s="345">
        <v>1066175</v>
      </c>
      <c r="JY25" s="345">
        <v>405776</v>
      </c>
      <c r="JZ25" s="345">
        <v>46002</v>
      </c>
      <c r="KA25" s="349">
        <v>1730738</v>
      </c>
      <c r="KB25" s="347">
        <v>1730738</v>
      </c>
      <c r="KC25" s="352">
        <v>0</v>
      </c>
      <c r="KD25" s="353">
        <v>198518</v>
      </c>
      <c r="KE25" s="349">
        <v>198518</v>
      </c>
      <c r="KF25" s="351">
        <v>0</v>
      </c>
      <c r="KG25" s="345">
        <v>2318536</v>
      </c>
      <c r="KH25" s="345">
        <v>2157928</v>
      </c>
      <c r="KI25" s="345">
        <v>4493686</v>
      </c>
      <c r="KJ25" s="345">
        <v>1362574</v>
      </c>
      <c r="KK25" s="345">
        <v>333678</v>
      </c>
      <c r="KL25" s="349">
        <v>10666402</v>
      </c>
      <c r="KM25" s="354">
        <v>10864920</v>
      </c>
      <c r="KN25" s="342">
        <v>0</v>
      </c>
      <c r="KO25" s="343">
        <v>0</v>
      </c>
      <c r="KP25" s="344">
        <v>0</v>
      </c>
      <c r="KQ25" s="413">
        <v>0</v>
      </c>
      <c r="KR25" s="345">
        <v>4613797</v>
      </c>
      <c r="KS25" s="345">
        <v>9005257</v>
      </c>
      <c r="KT25" s="345">
        <v>15206893</v>
      </c>
      <c r="KU25" s="345">
        <v>3982673</v>
      </c>
      <c r="KV25" s="345">
        <v>5291015</v>
      </c>
      <c r="KW25" s="349">
        <v>38099635</v>
      </c>
      <c r="KX25" s="347">
        <v>38099635</v>
      </c>
      <c r="KY25" s="348">
        <v>0</v>
      </c>
      <c r="KZ25" s="345">
        <v>0</v>
      </c>
      <c r="LA25" s="349">
        <v>0</v>
      </c>
      <c r="LB25" s="413">
        <v>0</v>
      </c>
      <c r="LC25" s="345">
        <v>0</v>
      </c>
      <c r="LD25" s="345">
        <v>0</v>
      </c>
      <c r="LE25" s="345">
        <v>0</v>
      </c>
      <c r="LF25" s="345">
        <v>0</v>
      </c>
      <c r="LG25" s="345">
        <v>0</v>
      </c>
      <c r="LH25" s="349">
        <v>0</v>
      </c>
      <c r="LI25" s="350">
        <v>0</v>
      </c>
      <c r="LJ25" s="348">
        <v>0</v>
      </c>
      <c r="LK25" s="345">
        <v>0</v>
      </c>
      <c r="LL25" s="349">
        <v>0</v>
      </c>
      <c r="LM25" s="413">
        <v>0</v>
      </c>
      <c r="LN25" s="345">
        <v>0</v>
      </c>
      <c r="LO25" s="345">
        <v>0</v>
      </c>
      <c r="LP25" s="345">
        <v>0</v>
      </c>
      <c r="LQ25" s="345">
        <v>0</v>
      </c>
      <c r="LR25" s="345">
        <v>0</v>
      </c>
      <c r="LS25" s="349">
        <v>0</v>
      </c>
      <c r="LT25" s="347">
        <v>0</v>
      </c>
      <c r="LU25" s="348">
        <v>0</v>
      </c>
      <c r="LV25" s="345">
        <v>0</v>
      </c>
      <c r="LW25" s="349">
        <v>0</v>
      </c>
      <c r="LX25" s="413">
        <v>0</v>
      </c>
      <c r="LY25" s="345">
        <v>0</v>
      </c>
      <c r="LZ25" s="345">
        <v>0</v>
      </c>
      <c r="MA25" s="345">
        <v>0</v>
      </c>
      <c r="MB25" s="345">
        <v>0</v>
      </c>
      <c r="MC25" s="345">
        <v>0</v>
      </c>
      <c r="MD25" s="349">
        <v>0</v>
      </c>
      <c r="ME25" s="350">
        <v>0</v>
      </c>
      <c r="MF25" s="348">
        <v>0</v>
      </c>
      <c r="MG25" s="345">
        <v>0</v>
      </c>
      <c r="MH25" s="349">
        <v>0</v>
      </c>
      <c r="MI25" s="413">
        <v>0</v>
      </c>
      <c r="MJ25" s="345">
        <v>4507490</v>
      </c>
      <c r="MK25" s="345">
        <v>15321596</v>
      </c>
      <c r="ML25" s="345">
        <v>52895555</v>
      </c>
      <c r="MM25" s="345">
        <v>84903468</v>
      </c>
      <c r="MN25" s="345">
        <v>46657444</v>
      </c>
      <c r="MO25" s="349">
        <v>204285553</v>
      </c>
      <c r="MP25" s="354">
        <v>204285553</v>
      </c>
      <c r="MQ25" s="348">
        <v>0</v>
      </c>
      <c r="MR25" s="345">
        <v>0</v>
      </c>
      <c r="MS25" s="349">
        <v>0</v>
      </c>
      <c r="MT25" s="413">
        <v>0</v>
      </c>
      <c r="MU25" s="345">
        <v>1586338</v>
      </c>
      <c r="MV25" s="345">
        <v>5984359</v>
      </c>
      <c r="MW25" s="345">
        <v>41879707</v>
      </c>
      <c r="MX25" s="345">
        <v>66432142</v>
      </c>
      <c r="MY25" s="345">
        <v>36095238</v>
      </c>
      <c r="MZ25" s="349">
        <v>151977784</v>
      </c>
      <c r="NA25" s="354">
        <v>151977784</v>
      </c>
      <c r="NB25" s="348">
        <v>0</v>
      </c>
      <c r="NC25" s="345">
        <v>0</v>
      </c>
      <c r="ND25" s="349">
        <v>0</v>
      </c>
      <c r="NE25" s="413">
        <v>0</v>
      </c>
      <c r="NF25" s="345">
        <v>2921152</v>
      </c>
      <c r="NG25" s="345">
        <v>9337237</v>
      </c>
      <c r="NH25" s="345">
        <v>11015848</v>
      </c>
      <c r="NI25" s="345">
        <v>17656885</v>
      </c>
      <c r="NJ25" s="345">
        <v>8420516</v>
      </c>
      <c r="NK25" s="349">
        <v>49351638</v>
      </c>
      <c r="NL25" s="347">
        <v>49351638</v>
      </c>
      <c r="NM25" s="348">
        <v>0</v>
      </c>
      <c r="NN25" s="345">
        <v>0</v>
      </c>
      <c r="NO25" s="349">
        <v>0</v>
      </c>
      <c r="NP25" s="413">
        <v>0</v>
      </c>
      <c r="NQ25" s="345">
        <v>0</v>
      </c>
      <c r="NR25" s="345">
        <v>0</v>
      </c>
      <c r="NS25" s="345">
        <v>0</v>
      </c>
      <c r="NT25" s="345">
        <v>0</v>
      </c>
      <c r="NU25" s="345">
        <v>0</v>
      </c>
      <c r="NV25" s="349">
        <v>0</v>
      </c>
      <c r="NW25" s="350">
        <v>0</v>
      </c>
      <c r="NX25" s="348">
        <v>0</v>
      </c>
      <c r="NY25" s="345">
        <v>0</v>
      </c>
      <c r="NZ25" s="349">
        <v>0</v>
      </c>
      <c r="OA25" s="413">
        <v>0</v>
      </c>
      <c r="OB25" s="345">
        <v>0</v>
      </c>
      <c r="OC25" s="345">
        <v>0</v>
      </c>
      <c r="OD25" s="345">
        <v>0</v>
      </c>
      <c r="OE25" s="345">
        <v>814441</v>
      </c>
      <c r="OF25" s="345">
        <v>2141690</v>
      </c>
      <c r="OG25" s="349">
        <v>2956131</v>
      </c>
      <c r="OH25" s="350">
        <v>2956131</v>
      </c>
      <c r="OI25" s="348">
        <v>6049906</v>
      </c>
      <c r="OJ25" s="345">
        <v>12709133</v>
      </c>
      <c r="OK25" s="346">
        <v>18759039</v>
      </c>
      <c r="OL25" s="351">
        <v>0</v>
      </c>
      <c r="OM25" s="345">
        <v>123028960</v>
      </c>
      <c r="ON25" s="345">
        <v>125193538</v>
      </c>
      <c r="OO25" s="345">
        <v>168114555</v>
      </c>
      <c r="OP25" s="345">
        <v>172751465</v>
      </c>
      <c r="OQ25" s="345">
        <v>103374451</v>
      </c>
      <c r="OR25" s="349">
        <v>692462969</v>
      </c>
      <c r="OS25" s="354">
        <v>711222008</v>
      </c>
    </row>
    <row r="26" spans="2:409" s="70" customFormat="1" ht="21" customHeight="1" x14ac:dyDescent="0.2">
      <c r="B26" s="410" t="s">
        <v>21</v>
      </c>
      <c r="C26" s="326">
        <v>8258130</v>
      </c>
      <c r="D26" s="327">
        <v>13149157</v>
      </c>
      <c r="E26" s="328">
        <v>21407287</v>
      </c>
      <c r="F26" s="329">
        <v>0</v>
      </c>
      <c r="G26" s="327">
        <v>88150718</v>
      </c>
      <c r="H26" s="327">
        <v>117595653</v>
      </c>
      <c r="I26" s="327">
        <v>108902209</v>
      </c>
      <c r="J26" s="327">
        <v>82262760</v>
      </c>
      <c r="K26" s="327">
        <v>64795776</v>
      </c>
      <c r="L26" s="367">
        <v>461707116</v>
      </c>
      <c r="M26" s="330">
        <v>483114403</v>
      </c>
      <c r="N26" s="326">
        <v>2710512</v>
      </c>
      <c r="O26" s="327">
        <v>5098650</v>
      </c>
      <c r="P26" s="328">
        <v>7809162</v>
      </c>
      <c r="Q26" s="326">
        <v>0</v>
      </c>
      <c r="R26" s="327">
        <v>29868569</v>
      </c>
      <c r="S26" s="327">
        <v>44141226</v>
      </c>
      <c r="T26" s="327">
        <v>40419017</v>
      </c>
      <c r="U26" s="327">
        <v>34840628</v>
      </c>
      <c r="V26" s="327">
        <v>35101850</v>
      </c>
      <c r="W26" s="328">
        <v>184371290</v>
      </c>
      <c r="X26" s="330">
        <v>192180452</v>
      </c>
      <c r="Y26" s="326">
        <v>0</v>
      </c>
      <c r="Z26" s="327">
        <v>0</v>
      </c>
      <c r="AA26" s="328">
        <v>0</v>
      </c>
      <c r="AB26" s="326">
        <v>0</v>
      </c>
      <c r="AC26" s="327">
        <v>12430353</v>
      </c>
      <c r="AD26" s="327">
        <v>22159614</v>
      </c>
      <c r="AE26" s="327">
        <v>24021914</v>
      </c>
      <c r="AF26" s="327">
        <v>21137572</v>
      </c>
      <c r="AG26" s="327">
        <v>21862997</v>
      </c>
      <c r="AH26" s="328">
        <v>101612450</v>
      </c>
      <c r="AI26" s="330">
        <v>101612450</v>
      </c>
      <c r="AJ26" s="326">
        <v>0</v>
      </c>
      <c r="AK26" s="327">
        <v>0</v>
      </c>
      <c r="AL26" s="328">
        <v>0</v>
      </c>
      <c r="AM26" s="326">
        <v>0</v>
      </c>
      <c r="AN26" s="327">
        <v>0</v>
      </c>
      <c r="AO26" s="327">
        <v>131322</v>
      </c>
      <c r="AP26" s="327">
        <v>536645</v>
      </c>
      <c r="AQ26" s="327">
        <v>1682176</v>
      </c>
      <c r="AR26" s="327">
        <v>3245830</v>
      </c>
      <c r="AS26" s="328">
        <v>5595973</v>
      </c>
      <c r="AT26" s="330">
        <v>5595973</v>
      </c>
      <c r="AU26" s="326">
        <v>1495272</v>
      </c>
      <c r="AV26" s="327">
        <v>3578104</v>
      </c>
      <c r="AW26" s="328">
        <v>5073376</v>
      </c>
      <c r="AX26" s="326">
        <v>0</v>
      </c>
      <c r="AY26" s="327">
        <v>11842332</v>
      </c>
      <c r="AZ26" s="327">
        <v>14008611</v>
      </c>
      <c r="BA26" s="327">
        <v>9450293</v>
      </c>
      <c r="BB26" s="327">
        <v>7165340</v>
      </c>
      <c r="BC26" s="327">
        <v>6223405</v>
      </c>
      <c r="BD26" s="328">
        <v>48689981</v>
      </c>
      <c r="BE26" s="330">
        <v>53763357</v>
      </c>
      <c r="BF26" s="326">
        <v>486535</v>
      </c>
      <c r="BG26" s="327">
        <v>1009612</v>
      </c>
      <c r="BH26" s="331">
        <v>1496147</v>
      </c>
      <c r="BI26" s="332">
        <v>0</v>
      </c>
      <c r="BJ26" s="327">
        <v>931668</v>
      </c>
      <c r="BK26" s="327">
        <v>1767073</v>
      </c>
      <c r="BL26" s="327">
        <v>1192587</v>
      </c>
      <c r="BM26" s="327">
        <v>475511</v>
      </c>
      <c r="BN26" s="327">
        <v>241887</v>
      </c>
      <c r="BO26" s="328">
        <v>4608726</v>
      </c>
      <c r="BP26" s="330">
        <v>6104873</v>
      </c>
      <c r="BQ26" s="326">
        <v>728705</v>
      </c>
      <c r="BR26" s="327">
        <v>510934</v>
      </c>
      <c r="BS26" s="328">
        <v>1239639</v>
      </c>
      <c r="BT26" s="326">
        <v>0</v>
      </c>
      <c r="BU26" s="327">
        <v>4664216</v>
      </c>
      <c r="BV26" s="327">
        <v>6074606</v>
      </c>
      <c r="BW26" s="327">
        <v>5217578</v>
      </c>
      <c r="BX26" s="327">
        <v>4380029</v>
      </c>
      <c r="BY26" s="327">
        <v>3527731</v>
      </c>
      <c r="BZ26" s="328">
        <v>23864160</v>
      </c>
      <c r="CA26" s="330">
        <v>25103799</v>
      </c>
      <c r="CB26" s="326">
        <v>624212</v>
      </c>
      <c r="CC26" s="327">
        <v>1510849</v>
      </c>
      <c r="CD26" s="328">
        <v>2135061</v>
      </c>
      <c r="CE26" s="326">
        <v>0</v>
      </c>
      <c r="CF26" s="327">
        <v>24865887</v>
      </c>
      <c r="CG26" s="327">
        <v>32734073</v>
      </c>
      <c r="CH26" s="327">
        <v>27670742</v>
      </c>
      <c r="CI26" s="327">
        <v>12499519</v>
      </c>
      <c r="CJ26" s="327">
        <v>5690660</v>
      </c>
      <c r="CK26" s="328">
        <v>103460881</v>
      </c>
      <c r="CL26" s="330">
        <v>105595942</v>
      </c>
      <c r="CM26" s="326">
        <v>0</v>
      </c>
      <c r="CN26" s="327">
        <v>0</v>
      </c>
      <c r="CO26" s="328">
        <v>0</v>
      </c>
      <c r="CP26" s="332">
        <v>0</v>
      </c>
      <c r="CQ26" s="327">
        <v>21440189</v>
      </c>
      <c r="CR26" s="327">
        <v>28406212</v>
      </c>
      <c r="CS26" s="327">
        <v>24124791</v>
      </c>
      <c r="CT26" s="327">
        <v>11257459</v>
      </c>
      <c r="CU26" s="327">
        <v>4719242</v>
      </c>
      <c r="CV26" s="328">
        <v>89947893</v>
      </c>
      <c r="CW26" s="330">
        <v>89947893</v>
      </c>
      <c r="CX26" s="326">
        <v>624212</v>
      </c>
      <c r="CY26" s="327">
        <v>1510849</v>
      </c>
      <c r="CZ26" s="328">
        <v>2135061</v>
      </c>
      <c r="DA26" s="326">
        <v>0</v>
      </c>
      <c r="DB26" s="327">
        <v>3425698</v>
      </c>
      <c r="DC26" s="327">
        <v>4327861</v>
      </c>
      <c r="DD26" s="327">
        <v>3545951</v>
      </c>
      <c r="DE26" s="327">
        <v>1242060</v>
      </c>
      <c r="DF26" s="327">
        <v>971418</v>
      </c>
      <c r="DG26" s="328">
        <v>13512988</v>
      </c>
      <c r="DH26" s="330">
        <v>15648049</v>
      </c>
      <c r="DI26" s="326">
        <v>28435</v>
      </c>
      <c r="DJ26" s="327">
        <v>301276</v>
      </c>
      <c r="DK26" s="331">
        <v>329711</v>
      </c>
      <c r="DL26" s="332">
        <v>0</v>
      </c>
      <c r="DM26" s="327">
        <v>799560</v>
      </c>
      <c r="DN26" s="327">
        <v>4501184</v>
      </c>
      <c r="DO26" s="327">
        <v>9767250</v>
      </c>
      <c r="DP26" s="327">
        <v>7525836</v>
      </c>
      <c r="DQ26" s="327">
        <v>5098946</v>
      </c>
      <c r="DR26" s="328">
        <v>27692776</v>
      </c>
      <c r="DS26" s="330">
        <v>28022487</v>
      </c>
      <c r="DT26" s="326">
        <v>28435</v>
      </c>
      <c r="DU26" s="327">
        <v>196129</v>
      </c>
      <c r="DV26" s="328">
        <v>224564</v>
      </c>
      <c r="DW26" s="326">
        <v>0</v>
      </c>
      <c r="DX26" s="327">
        <v>764378</v>
      </c>
      <c r="DY26" s="327">
        <v>4430939</v>
      </c>
      <c r="DZ26" s="327">
        <v>9335321</v>
      </c>
      <c r="EA26" s="327">
        <v>6853774</v>
      </c>
      <c r="EB26" s="327">
        <v>4743215</v>
      </c>
      <c r="EC26" s="328">
        <v>26127627</v>
      </c>
      <c r="ED26" s="330">
        <v>26352191</v>
      </c>
      <c r="EE26" s="326">
        <v>0</v>
      </c>
      <c r="EF26" s="331">
        <v>105147</v>
      </c>
      <c r="EG26" s="328">
        <v>105147</v>
      </c>
      <c r="EH26" s="326">
        <v>0</v>
      </c>
      <c r="EI26" s="327">
        <v>35182</v>
      </c>
      <c r="EJ26" s="327">
        <v>70245</v>
      </c>
      <c r="EK26" s="327">
        <v>431929</v>
      </c>
      <c r="EL26" s="327">
        <v>672062</v>
      </c>
      <c r="EM26" s="327">
        <v>355731</v>
      </c>
      <c r="EN26" s="331">
        <v>1565149</v>
      </c>
      <c r="EO26" s="330">
        <v>1670296</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2307988</v>
      </c>
      <c r="FM26" s="327">
        <v>3083634</v>
      </c>
      <c r="FN26" s="328">
        <v>5391622</v>
      </c>
      <c r="FO26" s="326">
        <v>0</v>
      </c>
      <c r="FP26" s="327">
        <v>4098677</v>
      </c>
      <c r="FQ26" s="327">
        <v>9664088</v>
      </c>
      <c r="FR26" s="327">
        <v>8079537</v>
      </c>
      <c r="FS26" s="327">
        <v>5004353</v>
      </c>
      <c r="FT26" s="327">
        <v>4069039</v>
      </c>
      <c r="FU26" s="328">
        <v>30915694</v>
      </c>
      <c r="FV26" s="330">
        <v>36307316</v>
      </c>
      <c r="FW26" s="333">
        <v>1224856</v>
      </c>
      <c r="FX26" s="327">
        <v>2302760</v>
      </c>
      <c r="FY26" s="331">
        <v>3527616</v>
      </c>
      <c r="FZ26" s="332">
        <v>0</v>
      </c>
      <c r="GA26" s="327">
        <v>3599375</v>
      </c>
      <c r="GB26" s="327">
        <v>9248747</v>
      </c>
      <c r="GC26" s="327">
        <v>7423540</v>
      </c>
      <c r="GD26" s="327">
        <v>4978217</v>
      </c>
      <c r="GE26" s="327">
        <v>4047169</v>
      </c>
      <c r="GF26" s="328">
        <v>29297048</v>
      </c>
      <c r="GG26" s="334">
        <v>32824664</v>
      </c>
      <c r="GH26" s="333">
        <v>97830</v>
      </c>
      <c r="GI26" s="327">
        <v>131974</v>
      </c>
      <c r="GJ26" s="331">
        <v>229804</v>
      </c>
      <c r="GK26" s="332">
        <v>0</v>
      </c>
      <c r="GL26" s="327">
        <v>123707</v>
      </c>
      <c r="GM26" s="327">
        <v>158626</v>
      </c>
      <c r="GN26" s="327">
        <v>182577</v>
      </c>
      <c r="GO26" s="327">
        <v>26136</v>
      </c>
      <c r="GP26" s="327">
        <v>21870</v>
      </c>
      <c r="GQ26" s="328">
        <v>512916</v>
      </c>
      <c r="GR26" s="330">
        <v>742720</v>
      </c>
      <c r="GS26" s="326">
        <v>985302</v>
      </c>
      <c r="GT26" s="327">
        <v>648900</v>
      </c>
      <c r="GU26" s="328">
        <v>1634202</v>
      </c>
      <c r="GV26" s="326">
        <v>0</v>
      </c>
      <c r="GW26" s="327">
        <v>375595</v>
      </c>
      <c r="GX26" s="327">
        <v>256715</v>
      </c>
      <c r="GY26" s="327">
        <v>473420</v>
      </c>
      <c r="GZ26" s="327">
        <v>0</v>
      </c>
      <c r="HA26" s="327">
        <v>0</v>
      </c>
      <c r="HB26" s="331">
        <v>1105730</v>
      </c>
      <c r="HC26" s="330">
        <v>2739932</v>
      </c>
      <c r="HD26" s="326">
        <v>1132911</v>
      </c>
      <c r="HE26" s="327">
        <v>1024130</v>
      </c>
      <c r="HF26" s="331">
        <v>2157041</v>
      </c>
      <c r="HG26" s="332">
        <v>0</v>
      </c>
      <c r="HH26" s="327">
        <v>14723492</v>
      </c>
      <c r="HI26" s="327">
        <v>12950207</v>
      </c>
      <c r="HJ26" s="327">
        <v>13631581</v>
      </c>
      <c r="HK26" s="327">
        <v>17411300</v>
      </c>
      <c r="HL26" s="327">
        <v>11368244</v>
      </c>
      <c r="HM26" s="328">
        <v>70084824</v>
      </c>
      <c r="HN26" s="329">
        <v>72241865</v>
      </c>
      <c r="HO26" s="333">
        <v>1454072</v>
      </c>
      <c r="HP26" s="327">
        <v>2130618</v>
      </c>
      <c r="HQ26" s="328">
        <v>3584690</v>
      </c>
      <c r="HR26" s="326">
        <v>0</v>
      </c>
      <c r="HS26" s="327">
        <v>13794533</v>
      </c>
      <c r="HT26" s="327">
        <v>13604875</v>
      </c>
      <c r="HU26" s="327">
        <v>9334082</v>
      </c>
      <c r="HV26" s="327">
        <v>4981124</v>
      </c>
      <c r="HW26" s="327">
        <v>3467037</v>
      </c>
      <c r="HX26" s="331">
        <v>45181651</v>
      </c>
      <c r="HY26" s="330">
        <v>48766341</v>
      </c>
      <c r="HZ26" s="358">
        <v>0</v>
      </c>
      <c r="IA26" s="356">
        <v>257687</v>
      </c>
      <c r="IB26" s="358">
        <v>257687</v>
      </c>
      <c r="IC26" s="355">
        <v>0</v>
      </c>
      <c r="ID26" s="356">
        <v>16510188</v>
      </c>
      <c r="IE26" s="357">
        <v>24024555</v>
      </c>
      <c r="IF26" s="358">
        <v>24476110</v>
      </c>
      <c r="IG26" s="356">
        <v>11110189</v>
      </c>
      <c r="IH26" s="358">
        <v>6617467</v>
      </c>
      <c r="II26" s="359">
        <v>82738509</v>
      </c>
      <c r="IJ26" s="358">
        <v>82996196</v>
      </c>
      <c r="IK26" s="342">
        <v>0</v>
      </c>
      <c r="IL26" s="343">
        <v>0</v>
      </c>
      <c r="IM26" s="344">
        <v>0</v>
      </c>
      <c r="IN26" s="404">
        <v>0</v>
      </c>
      <c r="IO26" s="345">
        <v>67018</v>
      </c>
      <c r="IP26" s="345">
        <v>350024</v>
      </c>
      <c r="IQ26" s="345">
        <v>155890</v>
      </c>
      <c r="IR26" s="345">
        <v>0</v>
      </c>
      <c r="IS26" s="345">
        <v>270533</v>
      </c>
      <c r="IT26" s="346">
        <v>843465</v>
      </c>
      <c r="IU26" s="347">
        <v>843465</v>
      </c>
      <c r="IV26" s="348">
        <v>0</v>
      </c>
      <c r="IW26" s="345">
        <v>0</v>
      </c>
      <c r="IX26" s="349">
        <v>0</v>
      </c>
      <c r="IY26" s="413">
        <v>0</v>
      </c>
      <c r="IZ26" s="345">
        <v>0</v>
      </c>
      <c r="JA26" s="345">
        <v>0</v>
      </c>
      <c r="JB26" s="345">
        <v>0</v>
      </c>
      <c r="JC26" s="345">
        <v>0</v>
      </c>
      <c r="JD26" s="345">
        <v>0</v>
      </c>
      <c r="JE26" s="349">
        <v>0</v>
      </c>
      <c r="JF26" s="350">
        <v>0</v>
      </c>
      <c r="JG26" s="348">
        <v>0</v>
      </c>
      <c r="JH26" s="345">
        <v>0</v>
      </c>
      <c r="JI26" s="346">
        <v>0</v>
      </c>
      <c r="JJ26" s="351">
        <v>0</v>
      </c>
      <c r="JK26" s="345">
        <v>11144884</v>
      </c>
      <c r="JL26" s="345">
        <v>11114179</v>
      </c>
      <c r="JM26" s="345">
        <v>9815510</v>
      </c>
      <c r="JN26" s="345">
        <v>3956398</v>
      </c>
      <c r="JO26" s="345">
        <v>2432660</v>
      </c>
      <c r="JP26" s="349">
        <v>38463631</v>
      </c>
      <c r="JQ26" s="347">
        <v>38463631</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1105557</v>
      </c>
      <c r="KH26" s="345">
        <v>1612232</v>
      </c>
      <c r="KI26" s="345">
        <v>3860437</v>
      </c>
      <c r="KJ26" s="345">
        <v>1166324</v>
      </c>
      <c r="KK26" s="345">
        <v>957408</v>
      </c>
      <c r="KL26" s="349">
        <v>8701958</v>
      </c>
      <c r="KM26" s="354">
        <v>8701958</v>
      </c>
      <c r="KN26" s="342">
        <v>0</v>
      </c>
      <c r="KO26" s="343">
        <v>257687</v>
      </c>
      <c r="KP26" s="344">
        <v>257687</v>
      </c>
      <c r="KQ26" s="413">
        <v>0</v>
      </c>
      <c r="KR26" s="345">
        <v>4192729</v>
      </c>
      <c r="KS26" s="345">
        <v>10948120</v>
      </c>
      <c r="KT26" s="345">
        <v>10644273</v>
      </c>
      <c r="KU26" s="345">
        <v>5987467</v>
      </c>
      <c r="KV26" s="345">
        <v>2193982</v>
      </c>
      <c r="KW26" s="349">
        <v>33966571</v>
      </c>
      <c r="KX26" s="347">
        <v>34224258</v>
      </c>
      <c r="KY26" s="348">
        <v>0</v>
      </c>
      <c r="KZ26" s="345">
        <v>0</v>
      </c>
      <c r="LA26" s="349">
        <v>0</v>
      </c>
      <c r="LB26" s="413">
        <v>0</v>
      </c>
      <c r="LC26" s="345">
        <v>0</v>
      </c>
      <c r="LD26" s="345">
        <v>0</v>
      </c>
      <c r="LE26" s="345">
        <v>0</v>
      </c>
      <c r="LF26" s="345">
        <v>0</v>
      </c>
      <c r="LG26" s="345">
        <v>0</v>
      </c>
      <c r="LH26" s="349">
        <v>0</v>
      </c>
      <c r="LI26" s="350">
        <v>0</v>
      </c>
      <c r="LJ26" s="348">
        <v>0</v>
      </c>
      <c r="LK26" s="345">
        <v>0</v>
      </c>
      <c r="LL26" s="349">
        <v>0</v>
      </c>
      <c r="LM26" s="413">
        <v>0</v>
      </c>
      <c r="LN26" s="345">
        <v>0</v>
      </c>
      <c r="LO26" s="345">
        <v>0</v>
      </c>
      <c r="LP26" s="345">
        <v>0</v>
      </c>
      <c r="LQ26" s="345">
        <v>0</v>
      </c>
      <c r="LR26" s="345">
        <v>0</v>
      </c>
      <c r="LS26" s="349">
        <v>0</v>
      </c>
      <c r="LT26" s="347">
        <v>0</v>
      </c>
      <c r="LU26" s="348">
        <v>0</v>
      </c>
      <c r="LV26" s="345">
        <v>0</v>
      </c>
      <c r="LW26" s="349">
        <v>0</v>
      </c>
      <c r="LX26" s="413">
        <v>0</v>
      </c>
      <c r="LY26" s="345">
        <v>0</v>
      </c>
      <c r="LZ26" s="345">
        <v>0</v>
      </c>
      <c r="MA26" s="345">
        <v>0</v>
      </c>
      <c r="MB26" s="345">
        <v>0</v>
      </c>
      <c r="MC26" s="345">
        <v>762884</v>
      </c>
      <c r="MD26" s="349">
        <v>762884</v>
      </c>
      <c r="ME26" s="350">
        <v>762884</v>
      </c>
      <c r="MF26" s="348">
        <v>0</v>
      </c>
      <c r="MG26" s="345">
        <v>0</v>
      </c>
      <c r="MH26" s="349">
        <v>0</v>
      </c>
      <c r="MI26" s="413">
        <v>0</v>
      </c>
      <c r="MJ26" s="345">
        <v>7080230</v>
      </c>
      <c r="MK26" s="345">
        <v>13040253</v>
      </c>
      <c r="ML26" s="345">
        <v>62809325</v>
      </c>
      <c r="MM26" s="345">
        <v>90332336</v>
      </c>
      <c r="MN26" s="345">
        <v>63971543</v>
      </c>
      <c r="MO26" s="349">
        <v>237233687</v>
      </c>
      <c r="MP26" s="354">
        <v>237233687</v>
      </c>
      <c r="MQ26" s="348">
        <v>0</v>
      </c>
      <c r="MR26" s="345">
        <v>0</v>
      </c>
      <c r="MS26" s="349">
        <v>0</v>
      </c>
      <c r="MT26" s="413">
        <v>0</v>
      </c>
      <c r="MU26" s="345">
        <v>949262</v>
      </c>
      <c r="MV26" s="345">
        <v>3103841</v>
      </c>
      <c r="MW26" s="345">
        <v>47193048</v>
      </c>
      <c r="MX26" s="345">
        <v>66714292</v>
      </c>
      <c r="MY26" s="345">
        <v>46759125</v>
      </c>
      <c r="MZ26" s="349">
        <v>164719568</v>
      </c>
      <c r="NA26" s="354">
        <v>164719568</v>
      </c>
      <c r="NB26" s="348">
        <v>0</v>
      </c>
      <c r="NC26" s="345">
        <v>0</v>
      </c>
      <c r="ND26" s="349">
        <v>0</v>
      </c>
      <c r="NE26" s="413">
        <v>0</v>
      </c>
      <c r="NF26" s="345">
        <v>6130968</v>
      </c>
      <c r="NG26" s="345">
        <v>9936412</v>
      </c>
      <c r="NH26" s="345">
        <v>14861443</v>
      </c>
      <c r="NI26" s="345">
        <v>17216085</v>
      </c>
      <c r="NJ26" s="345">
        <v>10232323</v>
      </c>
      <c r="NK26" s="349">
        <v>58377231</v>
      </c>
      <c r="NL26" s="347">
        <v>58377231</v>
      </c>
      <c r="NM26" s="348">
        <v>0</v>
      </c>
      <c r="NN26" s="345">
        <v>0</v>
      </c>
      <c r="NO26" s="349">
        <v>0</v>
      </c>
      <c r="NP26" s="413">
        <v>0</v>
      </c>
      <c r="NQ26" s="345">
        <v>0</v>
      </c>
      <c r="NR26" s="345">
        <v>0</v>
      </c>
      <c r="NS26" s="345">
        <v>0</v>
      </c>
      <c r="NT26" s="345">
        <v>0</v>
      </c>
      <c r="NU26" s="345">
        <v>0</v>
      </c>
      <c r="NV26" s="349">
        <v>0</v>
      </c>
      <c r="NW26" s="350">
        <v>0</v>
      </c>
      <c r="NX26" s="348">
        <v>0</v>
      </c>
      <c r="NY26" s="345">
        <v>0</v>
      </c>
      <c r="NZ26" s="349">
        <v>0</v>
      </c>
      <c r="OA26" s="413">
        <v>0</v>
      </c>
      <c r="OB26" s="345">
        <v>0</v>
      </c>
      <c r="OC26" s="345">
        <v>0</v>
      </c>
      <c r="OD26" s="345">
        <v>754834</v>
      </c>
      <c r="OE26" s="345">
        <v>6401959</v>
      </c>
      <c r="OF26" s="345">
        <v>6980095</v>
      </c>
      <c r="OG26" s="349">
        <v>14136888</v>
      </c>
      <c r="OH26" s="350">
        <v>14136888</v>
      </c>
      <c r="OI26" s="348">
        <v>8258130</v>
      </c>
      <c r="OJ26" s="345">
        <v>13406844</v>
      </c>
      <c r="OK26" s="346">
        <v>21664974</v>
      </c>
      <c r="OL26" s="351">
        <v>0</v>
      </c>
      <c r="OM26" s="345">
        <v>111741136</v>
      </c>
      <c r="ON26" s="345">
        <v>154660461</v>
      </c>
      <c r="OO26" s="345">
        <v>196187644</v>
      </c>
      <c r="OP26" s="345">
        <v>183705285</v>
      </c>
      <c r="OQ26" s="345">
        <v>135384786</v>
      </c>
      <c r="OR26" s="349">
        <v>781679312</v>
      </c>
      <c r="OS26" s="354">
        <v>803344286</v>
      </c>
    </row>
    <row r="27" spans="2:409" s="70" customFormat="1" ht="21" customHeight="1" x14ac:dyDescent="0.2">
      <c r="B27" s="410" t="s">
        <v>22</v>
      </c>
      <c r="C27" s="326">
        <v>1534002</v>
      </c>
      <c r="D27" s="327">
        <v>4499946</v>
      </c>
      <c r="E27" s="328">
        <v>6033948</v>
      </c>
      <c r="F27" s="329">
        <v>0</v>
      </c>
      <c r="G27" s="327">
        <v>27357129</v>
      </c>
      <c r="H27" s="327">
        <v>35791941</v>
      </c>
      <c r="I27" s="327">
        <v>26785503</v>
      </c>
      <c r="J27" s="327">
        <v>27132434</v>
      </c>
      <c r="K27" s="327">
        <v>17382505</v>
      </c>
      <c r="L27" s="367">
        <v>134449512</v>
      </c>
      <c r="M27" s="330">
        <v>140483460</v>
      </c>
      <c r="N27" s="326">
        <v>295742</v>
      </c>
      <c r="O27" s="327">
        <v>553928</v>
      </c>
      <c r="P27" s="328">
        <v>849670</v>
      </c>
      <c r="Q27" s="326">
        <v>0</v>
      </c>
      <c r="R27" s="327">
        <v>5564727</v>
      </c>
      <c r="S27" s="327">
        <v>9446601</v>
      </c>
      <c r="T27" s="327">
        <v>4636285</v>
      </c>
      <c r="U27" s="327">
        <v>9116406</v>
      </c>
      <c r="V27" s="327">
        <v>9040758</v>
      </c>
      <c r="W27" s="328">
        <v>37804777</v>
      </c>
      <c r="X27" s="330">
        <v>38654447</v>
      </c>
      <c r="Y27" s="326">
        <v>0</v>
      </c>
      <c r="Z27" s="327">
        <v>0</v>
      </c>
      <c r="AA27" s="328">
        <v>0</v>
      </c>
      <c r="AB27" s="326">
        <v>0</v>
      </c>
      <c r="AC27" s="327">
        <v>2041713</v>
      </c>
      <c r="AD27" s="327">
        <v>4241763</v>
      </c>
      <c r="AE27" s="327">
        <v>2090800</v>
      </c>
      <c r="AF27" s="327">
        <v>5400246</v>
      </c>
      <c r="AG27" s="327">
        <v>5413130</v>
      </c>
      <c r="AH27" s="328">
        <v>19187652</v>
      </c>
      <c r="AI27" s="330">
        <v>19187652</v>
      </c>
      <c r="AJ27" s="326">
        <v>0</v>
      </c>
      <c r="AK27" s="327">
        <v>0</v>
      </c>
      <c r="AL27" s="328">
        <v>0</v>
      </c>
      <c r="AM27" s="326">
        <v>0</v>
      </c>
      <c r="AN27" s="327">
        <v>152721</v>
      </c>
      <c r="AO27" s="327">
        <v>40192</v>
      </c>
      <c r="AP27" s="327">
        <v>52919</v>
      </c>
      <c r="AQ27" s="327">
        <v>351158</v>
      </c>
      <c r="AR27" s="327">
        <v>839108</v>
      </c>
      <c r="AS27" s="328">
        <v>1436098</v>
      </c>
      <c r="AT27" s="330">
        <v>1436098</v>
      </c>
      <c r="AU27" s="326">
        <v>159842</v>
      </c>
      <c r="AV27" s="327">
        <v>370414</v>
      </c>
      <c r="AW27" s="328">
        <v>530256</v>
      </c>
      <c r="AX27" s="326">
        <v>0</v>
      </c>
      <c r="AY27" s="327">
        <v>2020291</v>
      </c>
      <c r="AZ27" s="327">
        <v>3437259</v>
      </c>
      <c r="BA27" s="327">
        <v>1303779</v>
      </c>
      <c r="BB27" s="327">
        <v>2070296</v>
      </c>
      <c r="BC27" s="327">
        <v>2079474</v>
      </c>
      <c r="BD27" s="328">
        <v>10911099</v>
      </c>
      <c r="BE27" s="330">
        <v>11441355</v>
      </c>
      <c r="BF27" s="326">
        <v>34626</v>
      </c>
      <c r="BG27" s="327">
        <v>33390</v>
      </c>
      <c r="BH27" s="331">
        <v>68016</v>
      </c>
      <c r="BI27" s="332">
        <v>0</v>
      </c>
      <c r="BJ27" s="327">
        <v>485465</v>
      </c>
      <c r="BK27" s="327">
        <v>451739</v>
      </c>
      <c r="BL27" s="327">
        <v>129194</v>
      </c>
      <c r="BM27" s="327">
        <v>189569</v>
      </c>
      <c r="BN27" s="327">
        <v>0</v>
      </c>
      <c r="BO27" s="328">
        <v>1255967</v>
      </c>
      <c r="BP27" s="330">
        <v>1323983</v>
      </c>
      <c r="BQ27" s="326">
        <v>101274</v>
      </c>
      <c r="BR27" s="327">
        <v>150124</v>
      </c>
      <c r="BS27" s="328">
        <v>251398</v>
      </c>
      <c r="BT27" s="326">
        <v>0</v>
      </c>
      <c r="BU27" s="327">
        <v>864537</v>
      </c>
      <c r="BV27" s="327">
        <v>1275648</v>
      </c>
      <c r="BW27" s="327">
        <v>1059593</v>
      </c>
      <c r="BX27" s="327">
        <v>1105137</v>
      </c>
      <c r="BY27" s="327">
        <v>709046</v>
      </c>
      <c r="BZ27" s="328">
        <v>5013961</v>
      </c>
      <c r="CA27" s="330">
        <v>5265359</v>
      </c>
      <c r="CB27" s="326">
        <v>153480</v>
      </c>
      <c r="CC27" s="327">
        <v>404245</v>
      </c>
      <c r="CD27" s="328">
        <v>557725</v>
      </c>
      <c r="CE27" s="326">
        <v>0</v>
      </c>
      <c r="CF27" s="327">
        <v>7530723</v>
      </c>
      <c r="CG27" s="327">
        <v>12251777</v>
      </c>
      <c r="CH27" s="327">
        <v>7654007</v>
      </c>
      <c r="CI27" s="327">
        <v>4685549</v>
      </c>
      <c r="CJ27" s="327">
        <v>1991635</v>
      </c>
      <c r="CK27" s="328">
        <v>34113691</v>
      </c>
      <c r="CL27" s="330">
        <v>34671416</v>
      </c>
      <c r="CM27" s="326">
        <v>0</v>
      </c>
      <c r="CN27" s="327">
        <v>0</v>
      </c>
      <c r="CO27" s="328">
        <v>0</v>
      </c>
      <c r="CP27" s="332">
        <v>0</v>
      </c>
      <c r="CQ27" s="327">
        <v>5960893</v>
      </c>
      <c r="CR27" s="327">
        <v>9771704</v>
      </c>
      <c r="CS27" s="327">
        <v>6775483</v>
      </c>
      <c r="CT27" s="327">
        <v>3539751</v>
      </c>
      <c r="CU27" s="327">
        <v>1565922</v>
      </c>
      <c r="CV27" s="328">
        <v>27613753</v>
      </c>
      <c r="CW27" s="330">
        <v>27613753</v>
      </c>
      <c r="CX27" s="326">
        <v>153480</v>
      </c>
      <c r="CY27" s="327">
        <v>404245</v>
      </c>
      <c r="CZ27" s="328">
        <v>557725</v>
      </c>
      <c r="DA27" s="326">
        <v>0</v>
      </c>
      <c r="DB27" s="327">
        <v>1569830</v>
      </c>
      <c r="DC27" s="327">
        <v>2480073</v>
      </c>
      <c r="DD27" s="327">
        <v>878524</v>
      </c>
      <c r="DE27" s="327">
        <v>1145798</v>
      </c>
      <c r="DF27" s="327">
        <v>425713</v>
      </c>
      <c r="DG27" s="328">
        <v>6499938</v>
      </c>
      <c r="DH27" s="330">
        <v>7057663</v>
      </c>
      <c r="DI27" s="326">
        <v>0</v>
      </c>
      <c r="DJ27" s="327">
        <v>0</v>
      </c>
      <c r="DK27" s="331">
        <v>0</v>
      </c>
      <c r="DL27" s="332">
        <v>0</v>
      </c>
      <c r="DM27" s="327">
        <v>592594</v>
      </c>
      <c r="DN27" s="327">
        <v>1196234</v>
      </c>
      <c r="DO27" s="327">
        <v>3521590</v>
      </c>
      <c r="DP27" s="327">
        <v>2806888</v>
      </c>
      <c r="DQ27" s="327">
        <v>611335</v>
      </c>
      <c r="DR27" s="328">
        <v>8728641</v>
      </c>
      <c r="DS27" s="330">
        <v>8728641</v>
      </c>
      <c r="DT27" s="326">
        <v>0</v>
      </c>
      <c r="DU27" s="327">
        <v>0</v>
      </c>
      <c r="DV27" s="328">
        <v>0</v>
      </c>
      <c r="DW27" s="326">
        <v>0</v>
      </c>
      <c r="DX27" s="327">
        <v>368388</v>
      </c>
      <c r="DY27" s="327">
        <v>1162633</v>
      </c>
      <c r="DZ27" s="327">
        <v>3474538</v>
      </c>
      <c r="EA27" s="327">
        <v>2476329</v>
      </c>
      <c r="EB27" s="327">
        <v>507729</v>
      </c>
      <c r="EC27" s="328">
        <v>7989617</v>
      </c>
      <c r="ED27" s="330">
        <v>7989617</v>
      </c>
      <c r="EE27" s="326">
        <v>0</v>
      </c>
      <c r="EF27" s="331">
        <v>0</v>
      </c>
      <c r="EG27" s="328">
        <v>0</v>
      </c>
      <c r="EH27" s="326">
        <v>0</v>
      </c>
      <c r="EI27" s="327">
        <v>224206</v>
      </c>
      <c r="EJ27" s="327">
        <v>33601</v>
      </c>
      <c r="EK27" s="327">
        <v>47052</v>
      </c>
      <c r="EL27" s="327">
        <v>330559</v>
      </c>
      <c r="EM27" s="327">
        <v>103606</v>
      </c>
      <c r="EN27" s="331">
        <v>739024</v>
      </c>
      <c r="EO27" s="330">
        <v>739024</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369666</v>
      </c>
      <c r="FM27" s="327">
        <v>1796807</v>
      </c>
      <c r="FN27" s="328">
        <v>2166473</v>
      </c>
      <c r="FO27" s="326">
        <v>0</v>
      </c>
      <c r="FP27" s="327">
        <v>2824261</v>
      </c>
      <c r="FQ27" s="327">
        <v>3605458</v>
      </c>
      <c r="FR27" s="327">
        <v>1982424</v>
      </c>
      <c r="FS27" s="327">
        <v>2233223</v>
      </c>
      <c r="FT27" s="327">
        <v>1690417</v>
      </c>
      <c r="FU27" s="328">
        <v>12335783</v>
      </c>
      <c r="FV27" s="330">
        <v>14502256</v>
      </c>
      <c r="FW27" s="333">
        <v>283536</v>
      </c>
      <c r="FX27" s="327">
        <v>1070691</v>
      </c>
      <c r="FY27" s="331">
        <v>1354227</v>
      </c>
      <c r="FZ27" s="332">
        <v>0</v>
      </c>
      <c r="GA27" s="327">
        <v>1993246</v>
      </c>
      <c r="GB27" s="327">
        <v>3307247</v>
      </c>
      <c r="GC27" s="327">
        <v>1885914</v>
      </c>
      <c r="GD27" s="327">
        <v>2079773</v>
      </c>
      <c r="GE27" s="327">
        <v>1671937</v>
      </c>
      <c r="GF27" s="328">
        <v>10938117</v>
      </c>
      <c r="GG27" s="334">
        <v>12292344</v>
      </c>
      <c r="GH27" s="333">
        <v>31185</v>
      </c>
      <c r="GI27" s="327">
        <v>40176</v>
      </c>
      <c r="GJ27" s="331">
        <v>71361</v>
      </c>
      <c r="GK27" s="332">
        <v>0</v>
      </c>
      <c r="GL27" s="327">
        <v>144459</v>
      </c>
      <c r="GM27" s="327">
        <v>194851</v>
      </c>
      <c r="GN27" s="327">
        <v>96510</v>
      </c>
      <c r="GO27" s="327">
        <v>27720</v>
      </c>
      <c r="GP27" s="327">
        <v>18480</v>
      </c>
      <c r="GQ27" s="328">
        <v>482020</v>
      </c>
      <c r="GR27" s="330">
        <v>553381</v>
      </c>
      <c r="GS27" s="326">
        <v>54945</v>
      </c>
      <c r="GT27" s="327">
        <v>685940</v>
      </c>
      <c r="GU27" s="328">
        <v>740885</v>
      </c>
      <c r="GV27" s="326">
        <v>0</v>
      </c>
      <c r="GW27" s="327">
        <v>686556</v>
      </c>
      <c r="GX27" s="327">
        <v>103360</v>
      </c>
      <c r="GY27" s="327">
        <v>0</v>
      </c>
      <c r="GZ27" s="327">
        <v>125730</v>
      </c>
      <c r="HA27" s="327">
        <v>0</v>
      </c>
      <c r="HB27" s="331">
        <v>915646</v>
      </c>
      <c r="HC27" s="330">
        <v>1656531</v>
      </c>
      <c r="HD27" s="326">
        <v>415708</v>
      </c>
      <c r="HE27" s="327">
        <v>950097</v>
      </c>
      <c r="HF27" s="331">
        <v>1365805</v>
      </c>
      <c r="HG27" s="332">
        <v>0</v>
      </c>
      <c r="HH27" s="327">
        <v>5835097</v>
      </c>
      <c r="HI27" s="327">
        <v>4410561</v>
      </c>
      <c r="HJ27" s="327">
        <v>6058309</v>
      </c>
      <c r="HK27" s="327">
        <v>6246436</v>
      </c>
      <c r="HL27" s="327">
        <v>2965884</v>
      </c>
      <c r="HM27" s="328">
        <v>25516287</v>
      </c>
      <c r="HN27" s="329">
        <v>26882092</v>
      </c>
      <c r="HO27" s="333">
        <v>299406</v>
      </c>
      <c r="HP27" s="327">
        <v>794869</v>
      </c>
      <c r="HQ27" s="328">
        <v>1094275</v>
      </c>
      <c r="HR27" s="326">
        <v>0</v>
      </c>
      <c r="HS27" s="327">
        <v>5009727</v>
      </c>
      <c r="HT27" s="327">
        <v>4881310</v>
      </c>
      <c r="HU27" s="327">
        <v>2932888</v>
      </c>
      <c r="HV27" s="327">
        <v>2043932</v>
      </c>
      <c r="HW27" s="327">
        <v>1082476</v>
      </c>
      <c r="HX27" s="331">
        <v>15950333</v>
      </c>
      <c r="HY27" s="330">
        <v>17044608</v>
      </c>
      <c r="HZ27" s="335">
        <v>212082</v>
      </c>
      <c r="IA27" s="336">
        <v>644553</v>
      </c>
      <c r="IB27" s="337">
        <v>856635</v>
      </c>
      <c r="IC27" s="338">
        <v>0</v>
      </c>
      <c r="ID27" s="336">
        <v>11815751</v>
      </c>
      <c r="IE27" s="339">
        <v>18115182</v>
      </c>
      <c r="IF27" s="337">
        <v>17924910</v>
      </c>
      <c r="IG27" s="336">
        <v>13610887</v>
      </c>
      <c r="IH27" s="337">
        <v>7993518</v>
      </c>
      <c r="II27" s="340">
        <v>69460248</v>
      </c>
      <c r="IJ27" s="341">
        <v>70316883</v>
      </c>
      <c r="IK27" s="342">
        <v>0</v>
      </c>
      <c r="IL27" s="343">
        <v>0</v>
      </c>
      <c r="IM27" s="344">
        <v>0</v>
      </c>
      <c r="IN27" s="404">
        <v>0</v>
      </c>
      <c r="IO27" s="345">
        <v>0</v>
      </c>
      <c r="IP27" s="345">
        <v>504224</v>
      </c>
      <c r="IQ27" s="345">
        <v>721819</v>
      </c>
      <c r="IR27" s="345">
        <v>830585</v>
      </c>
      <c r="IS27" s="345">
        <v>0</v>
      </c>
      <c r="IT27" s="346">
        <v>2056628</v>
      </c>
      <c r="IU27" s="347">
        <v>2056628</v>
      </c>
      <c r="IV27" s="348">
        <v>0</v>
      </c>
      <c r="IW27" s="345">
        <v>0</v>
      </c>
      <c r="IX27" s="349">
        <v>0</v>
      </c>
      <c r="IY27" s="413">
        <v>0</v>
      </c>
      <c r="IZ27" s="345">
        <v>0</v>
      </c>
      <c r="JA27" s="345">
        <v>0</v>
      </c>
      <c r="JB27" s="345">
        <v>0</v>
      </c>
      <c r="JC27" s="345">
        <v>0</v>
      </c>
      <c r="JD27" s="345">
        <v>0</v>
      </c>
      <c r="JE27" s="349">
        <v>0</v>
      </c>
      <c r="JF27" s="350">
        <v>0</v>
      </c>
      <c r="JG27" s="348">
        <v>0</v>
      </c>
      <c r="JH27" s="345">
        <v>0</v>
      </c>
      <c r="JI27" s="346">
        <v>0</v>
      </c>
      <c r="JJ27" s="351">
        <v>0</v>
      </c>
      <c r="JK27" s="345">
        <v>6721512</v>
      </c>
      <c r="JL27" s="345">
        <v>7334095</v>
      </c>
      <c r="JM27" s="345">
        <v>5246876</v>
      </c>
      <c r="JN27" s="345">
        <v>3116824</v>
      </c>
      <c r="JO27" s="345">
        <v>1041974</v>
      </c>
      <c r="JP27" s="349">
        <v>23461281</v>
      </c>
      <c r="JQ27" s="347">
        <v>23461281</v>
      </c>
      <c r="JR27" s="348">
        <v>0</v>
      </c>
      <c r="JS27" s="345">
        <v>0</v>
      </c>
      <c r="JT27" s="346">
        <v>0</v>
      </c>
      <c r="JU27" s="351">
        <v>0</v>
      </c>
      <c r="JV27" s="345">
        <v>150368</v>
      </c>
      <c r="JW27" s="345">
        <v>450746</v>
      </c>
      <c r="JX27" s="345">
        <v>769587</v>
      </c>
      <c r="JY27" s="345">
        <v>858949</v>
      </c>
      <c r="JZ27" s="345">
        <v>0</v>
      </c>
      <c r="KA27" s="349">
        <v>2229650</v>
      </c>
      <c r="KB27" s="347">
        <v>2229650</v>
      </c>
      <c r="KC27" s="352">
        <v>212082</v>
      </c>
      <c r="KD27" s="353">
        <v>442141</v>
      </c>
      <c r="KE27" s="349">
        <v>654223</v>
      </c>
      <c r="KF27" s="351">
        <v>0</v>
      </c>
      <c r="KG27" s="345">
        <v>2570579</v>
      </c>
      <c r="KH27" s="345">
        <v>4075948</v>
      </c>
      <c r="KI27" s="345">
        <v>4491507</v>
      </c>
      <c r="KJ27" s="345">
        <v>1961638</v>
      </c>
      <c r="KK27" s="345">
        <v>2994066</v>
      </c>
      <c r="KL27" s="349">
        <v>16093738</v>
      </c>
      <c r="KM27" s="354">
        <v>16747961</v>
      </c>
      <c r="KN27" s="342">
        <v>0</v>
      </c>
      <c r="KO27" s="343">
        <v>202412</v>
      </c>
      <c r="KP27" s="344">
        <v>202412</v>
      </c>
      <c r="KQ27" s="413">
        <v>0</v>
      </c>
      <c r="KR27" s="345">
        <v>2373292</v>
      </c>
      <c r="KS27" s="345">
        <v>5241357</v>
      </c>
      <c r="KT27" s="345">
        <v>4337070</v>
      </c>
      <c r="KU27" s="345">
        <v>3468085</v>
      </c>
      <c r="KV27" s="345">
        <v>1205741</v>
      </c>
      <c r="KW27" s="349">
        <v>16625545</v>
      </c>
      <c r="KX27" s="347">
        <v>16827957</v>
      </c>
      <c r="KY27" s="348">
        <v>0</v>
      </c>
      <c r="KZ27" s="345">
        <v>0</v>
      </c>
      <c r="LA27" s="349">
        <v>0</v>
      </c>
      <c r="LB27" s="413">
        <v>0</v>
      </c>
      <c r="LC27" s="345">
        <v>0</v>
      </c>
      <c r="LD27" s="345">
        <v>0</v>
      </c>
      <c r="LE27" s="345">
        <v>0</v>
      </c>
      <c r="LF27" s="345">
        <v>0</v>
      </c>
      <c r="LG27" s="345">
        <v>0</v>
      </c>
      <c r="LH27" s="349">
        <v>0</v>
      </c>
      <c r="LI27" s="350">
        <v>0</v>
      </c>
      <c r="LJ27" s="348">
        <v>0</v>
      </c>
      <c r="LK27" s="345">
        <v>0</v>
      </c>
      <c r="LL27" s="349">
        <v>0</v>
      </c>
      <c r="LM27" s="413">
        <v>0</v>
      </c>
      <c r="LN27" s="345">
        <v>0</v>
      </c>
      <c r="LO27" s="345">
        <v>508812</v>
      </c>
      <c r="LP27" s="345">
        <v>2358051</v>
      </c>
      <c r="LQ27" s="345">
        <v>3374806</v>
      </c>
      <c r="LR27" s="345">
        <v>2751737</v>
      </c>
      <c r="LS27" s="349">
        <v>8993406</v>
      </c>
      <c r="LT27" s="347">
        <v>8993406</v>
      </c>
      <c r="LU27" s="348">
        <v>0</v>
      </c>
      <c r="LV27" s="345">
        <v>0</v>
      </c>
      <c r="LW27" s="349">
        <v>0</v>
      </c>
      <c r="LX27" s="413">
        <v>0</v>
      </c>
      <c r="LY27" s="345">
        <v>0</v>
      </c>
      <c r="LZ27" s="345">
        <v>0</v>
      </c>
      <c r="MA27" s="345">
        <v>0</v>
      </c>
      <c r="MB27" s="345">
        <v>0</v>
      </c>
      <c r="MC27" s="345">
        <v>0</v>
      </c>
      <c r="MD27" s="349">
        <v>0</v>
      </c>
      <c r="ME27" s="350">
        <v>0</v>
      </c>
      <c r="MF27" s="348">
        <v>0</v>
      </c>
      <c r="MG27" s="345">
        <v>0</v>
      </c>
      <c r="MH27" s="349">
        <v>0</v>
      </c>
      <c r="MI27" s="413">
        <v>0</v>
      </c>
      <c r="MJ27" s="345">
        <v>2609885</v>
      </c>
      <c r="MK27" s="345">
        <v>7604896</v>
      </c>
      <c r="ML27" s="345">
        <v>19491018</v>
      </c>
      <c r="MM27" s="345">
        <v>35001074</v>
      </c>
      <c r="MN27" s="345">
        <v>18891959</v>
      </c>
      <c r="MO27" s="349">
        <v>83598832</v>
      </c>
      <c r="MP27" s="354">
        <v>83598832</v>
      </c>
      <c r="MQ27" s="348">
        <v>0</v>
      </c>
      <c r="MR27" s="345">
        <v>0</v>
      </c>
      <c r="MS27" s="349">
        <v>0</v>
      </c>
      <c r="MT27" s="413">
        <v>0</v>
      </c>
      <c r="MU27" s="345">
        <v>435308</v>
      </c>
      <c r="MV27" s="345">
        <v>1351730</v>
      </c>
      <c r="MW27" s="345">
        <v>11295832</v>
      </c>
      <c r="MX27" s="345">
        <v>19985204</v>
      </c>
      <c r="MY27" s="345">
        <v>10494126</v>
      </c>
      <c r="MZ27" s="349">
        <v>43562200</v>
      </c>
      <c r="NA27" s="354">
        <v>43562200</v>
      </c>
      <c r="NB27" s="348">
        <v>0</v>
      </c>
      <c r="NC27" s="345">
        <v>0</v>
      </c>
      <c r="ND27" s="349">
        <v>0</v>
      </c>
      <c r="NE27" s="413">
        <v>0</v>
      </c>
      <c r="NF27" s="345">
        <v>2174577</v>
      </c>
      <c r="NG27" s="345">
        <v>6253166</v>
      </c>
      <c r="NH27" s="345">
        <v>7387184</v>
      </c>
      <c r="NI27" s="345">
        <v>13268530</v>
      </c>
      <c r="NJ27" s="345">
        <v>6119945</v>
      </c>
      <c r="NK27" s="349">
        <v>35203402</v>
      </c>
      <c r="NL27" s="347">
        <v>35203402</v>
      </c>
      <c r="NM27" s="348">
        <v>0</v>
      </c>
      <c r="NN27" s="345">
        <v>0</v>
      </c>
      <c r="NO27" s="349">
        <v>0</v>
      </c>
      <c r="NP27" s="413">
        <v>0</v>
      </c>
      <c r="NQ27" s="345">
        <v>0</v>
      </c>
      <c r="NR27" s="345">
        <v>0</v>
      </c>
      <c r="NS27" s="345">
        <v>0</v>
      </c>
      <c r="NT27" s="345">
        <v>0</v>
      </c>
      <c r="NU27" s="345">
        <v>0</v>
      </c>
      <c r="NV27" s="349">
        <v>0</v>
      </c>
      <c r="NW27" s="350">
        <v>0</v>
      </c>
      <c r="NX27" s="348">
        <v>0</v>
      </c>
      <c r="NY27" s="345">
        <v>0</v>
      </c>
      <c r="NZ27" s="349">
        <v>0</v>
      </c>
      <c r="OA27" s="413">
        <v>0</v>
      </c>
      <c r="OB27" s="345">
        <v>0</v>
      </c>
      <c r="OC27" s="345">
        <v>0</v>
      </c>
      <c r="OD27" s="345">
        <v>808002</v>
      </c>
      <c r="OE27" s="345">
        <v>1747340</v>
      </c>
      <c r="OF27" s="345">
        <v>2277888</v>
      </c>
      <c r="OG27" s="349">
        <v>4833230</v>
      </c>
      <c r="OH27" s="350">
        <v>4833230</v>
      </c>
      <c r="OI27" s="348">
        <v>1746084</v>
      </c>
      <c r="OJ27" s="345">
        <v>5144499</v>
      </c>
      <c r="OK27" s="346">
        <v>6890583</v>
      </c>
      <c r="OL27" s="351">
        <v>0</v>
      </c>
      <c r="OM27" s="345">
        <v>41782765</v>
      </c>
      <c r="ON27" s="345">
        <v>61512019</v>
      </c>
      <c r="OO27" s="345">
        <v>64201431</v>
      </c>
      <c r="OP27" s="345">
        <v>75744395</v>
      </c>
      <c r="OQ27" s="345">
        <v>44267982</v>
      </c>
      <c r="OR27" s="349">
        <v>287508592</v>
      </c>
      <c r="OS27" s="354">
        <v>294399175</v>
      </c>
    </row>
    <row r="28" spans="2:409" s="70" customFormat="1" ht="21" customHeight="1" x14ac:dyDescent="0.2">
      <c r="B28" s="410" t="s">
        <v>23</v>
      </c>
      <c r="C28" s="326">
        <v>4102312</v>
      </c>
      <c r="D28" s="327">
        <v>8515877</v>
      </c>
      <c r="E28" s="328">
        <v>12618189</v>
      </c>
      <c r="F28" s="329">
        <v>0</v>
      </c>
      <c r="G28" s="327">
        <v>54222397</v>
      </c>
      <c r="H28" s="327">
        <v>70379957</v>
      </c>
      <c r="I28" s="327">
        <v>55454462</v>
      </c>
      <c r="J28" s="327">
        <v>57006261</v>
      </c>
      <c r="K28" s="327">
        <v>38008991</v>
      </c>
      <c r="L28" s="367">
        <v>275072068</v>
      </c>
      <c r="M28" s="330">
        <v>287690257</v>
      </c>
      <c r="N28" s="326">
        <v>1592405</v>
      </c>
      <c r="O28" s="327">
        <v>3097506</v>
      </c>
      <c r="P28" s="328">
        <v>4689911</v>
      </c>
      <c r="Q28" s="326">
        <v>0</v>
      </c>
      <c r="R28" s="327">
        <v>13388332</v>
      </c>
      <c r="S28" s="327">
        <v>20529550</v>
      </c>
      <c r="T28" s="327">
        <v>14887802</v>
      </c>
      <c r="U28" s="327">
        <v>19261191</v>
      </c>
      <c r="V28" s="327">
        <v>17578950</v>
      </c>
      <c r="W28" s="328">
        <v>85645825</v>
      </c>
      <c r="X28" s="330">
        <v>90335736</v>
      </c>
      <c r="Y28" s="326">
        <v>0</v>
      </c>
      <c r="Z28" s="327">
        <v>0</v>
      </c>
      <c r="AA28" s="328">
        <v>0</v>
      </c>
      <c r="AB28" s="326">
        <v>0</v>
      </c>
      <c r="AC28" s="327">
        <v>6321585</v>
      </c>
      <c r="AD28" s="327">
        <v>8038622</v>
      </c>
      <c r="AE28" s="327">
        <v>6885845</v>
      </c>
      <c r="AF28" s="327">
        <v>10220125</v>
      </c>
      <c r="AG28" s="327">
        <v>10499446</v>
      </c>
      <c r="AH28" s="328">
        <v>41965623</v>
      </c>
      <c r="AI28" s="330">
        <v>41965623</v>
      </c>
      <c r="AJ28" s="326">
        <v>0</v>
      </c>
      <c r="AK28" s="327">
        <v>0</v>
      </c>
      <c r="AL28" s="328">
        <v>0</v>
      </c>
      <c r="AM28" s="326">
        <v>0</v>
      </c>
      <c r="AN28" s="327">
        <v>0</v>
      </c>
      <c r="AO28" s="327">
        <v>387621</v>
      </c>
      <c r="AP28" s="327">
        <v>360102</v>
      </c>
      <c r="AQ28" s="327">
        <v>1171898</v>
      </c>
      <c r="AR28" s="327">
        <v>1864960</v>
      </c>
      <c r="AS28" s="328">
        <v>3784581</v>
      </c>
      <c r="AT28" s="330">
        <v>3784581</v>
      </c>
      <c r="AU28" s="326">
        <v>1113182</v>
      </c>
      <c r="AV28" s="327">
        <v>2410906</v>
      </c>
      <c r="AW28" s="328">
        <v>3524088</v>
      </c>
      <c r="AX28" s="326">
        <v>0</v>
      </c>
      <c r="AY28" s="327">
        <v>3984901</v>
      </c>
      <c r="AZ28" s="327">
        <v>8533136</v>
      </c>
      <c r="BA28" s="327">
        <v>4861601</v>
      </c>
      <c r="BB28" s="327">
        <v>4467953</v>
      </c>
      <c r="BC28" s="327">
        <v>3192031</v>
      </c>
      <c r="BD28" s="328">
        <v>25039622</v>
      </c>
      <c r="BE28" s="330">
        <v>28563710</v>
      </c>
      <c r="BF28" s="326">
        <v>131633</v>
      </c>
      <c r="BG28" s="327">
        <v>557395</v>
      </c>
      <c r="BH28" s="331">
        <v>689028</v>
      </c>
      <c r="BI28" s="332">
        <v>0</v>
      </c>
      <c r="BJ28" s="327">
        <v>321671</v>
      </c>
      <c r="BK28" s="327">
        <v>816969</v>
      </c>
      <c r="BL28" s="327">
        <v>553636</v>
      </c>
      <c r="BM28" s="327">
        <v>390774</v>
      </c>
      <c r="BN28" s="327">
        <v>78523</v>
      </c>
      <c r="BO28" s="328">
        <v>2161573</v>
      </c>
      <c r="BP28" s="330">
        <v>2850601</v>
      </c>
      <c r="BQ28" s="326">
        <v>347590</v>
      </c>
      <c r="BR28" s="327">
        <v>129205</v>
      </c>
      <c r="BS28" s="328">
        <v>476795</v>
      </c>
      <c r="BT28" s="326">
        <v>0</v>
      </c>
      <c r="BU28" s="327">
        <v>2760175</v>
      </c>
      <c r="BV28" s="327">
        <v>2753202</v>
      </c>
      <c r="BW28" s="327">
        <v>2226618</v>
      </c>
      <c r="BX28" s="327">
        <v>3010441</v>
      </c>
      <c r="BY28" s="327">
        <v>1943990</v>
      </c>
      <c r="BZ28" s="328">
        <v>12694426</v>
      </c>
      <c r="CA28" s="330">
        <v>13171221</v>
      </c>
      <c r="CB28" s="326">
        <v>82909</v>
      </c>
      <c r="CC28" s="327">
        <v>571019</v>
      </c>
      <c r="CD28" s="328">
        <v>653928</v>
      </c>
      <c r="CE28" s="326">
        <v>0</v>
      </c>
      <c r="CF28" s="327">
        <v>18067801</v>
      </c>
      <c r="CG28" s="327">
        <v>23145467</v>
      </c>
      <c r="CH28" s="327">
        <v>15785319</v>
      </c>
      <c r="CI28" s="327">
        <v>10551806</v>
      </c>
      <c r="CJ28" s="327">
        <v>3474766</v>
      </c>
      <c r="CK28" s="328">
        <v>71025159</v>
      </c>
      <c r="CL28" s="330">
        <v>71679087</v>
      </c>
      <c r="CM28" s="326">
        <v>0</v>
      </c>
      <c r="CN28" s="327">
        <v>0</v>
      </c>
      <c r="CO28" s="328">
        <v>0</v>
      </c>
      <c r="CP28" s="332">
        <v>0</v>
      </c>
      <c r="CQ28" s="327">
        <v>16118178</v>
      </c>
      <c r="CR28" s="327">
        <v>19623812</v>
      </c>
      <c r="CS28" s="327">
        <v>13448758</v>
      </c>
      <c r="CT28" s="327">
        <v>8258491</v>
      </c>
      <c r="CU28" s="327">
        <v>3060445</v>
      </c>
      <c r="CV28" s="328">
        <v>60509684</v>
      </c>
      <c r="CW28" s="330">
        <v>60509684</v>
      </c>
      <c r="CX28" s="326">
        <v>82909</v>
      </c>
      <c r="CY28" s="327">
        <v>571019</v>
      </c>
      <c r="CZ28" s="328">
        <v>653928</v>
      </c>
      <c r="DA28" s="326">
        <v>0</v>
      </c>
      <c r="DB28" s="327">
        <v>1949623</v>
      </c>
      <c r="DC28" s="327">
        <v>3521655</v>
      </c>
      <c r="DD28" s="327">
        <v>2336561</v>
      </c>
      <c r="DE28" s="327">
        <v>2293315</v>
      </c>
      <c r="DF28" s="327">
        <v>414321</v>
      </c>
      <c r="DG28" s="328">
        <v>10515475</v>
      </c>
      <c r="DH28" s="330">
        <v>11169403</v>
      </c>
      <c r="DI28" s="326">
        <v>20367</v>
      </c>
      <c r="DJ28" s="327">
        <v>36498</v>
      </c>
      <c r="DK28" s="331">
        <v>56865</v>
      </c>
      <c r="DL28" s="332">
        <v>0</v>
      </c>
      <c r="DM28" s="327">
        <v>1849801</v>
      </c>
      <c r="DN28" s="327">
        <v>2430719</v>
      </c>
      <c r="DO28" s="327">
        <v>7897180</v>
      </c>
      <c r="DP28" s="327">
        <v>6170891</v>
      </c>
      <c r="DQ28" s="327">
        <v>3750000</v>
      </c>
      <c r="DR28" s="328">
        <v>22098591</v>
      </c>
      <c r="DS28" s="330">
        <v>22155456</v>
      </c>
      <c r="DT28" s="326">
        <v>20367</v>
      </c>
      <c r="DU28" s="327">
        <v>36498</v>
      </c>
      <c r="DV28" s="328">
        <v>56865</v>
      </c>
      <c r="DW28" s="326">
        <v>0</v>
      </c>
      <c r="DX28" s="327">
        <v>1819597</v>
      </c>
      <c r="DY28" s="327">
        <v>2312810</v>
      </c>
      <c r="DZ28" s="327">
        <v>7807251</v>
      </c>
      <c r="EA28" s="327">
        <v>5893677</v>
      </c>
      <c r="EB28" s="327">
        <v>3433302</v>
      </c>
      <c r="EC28" s="328">
        <v>21266637</v>
      </c>
      <c r="ED28" s="330">
        <v>21323502</v>
      </c>
      <c r="EE28" s="326">
        <v>0</v>
      </c>
      <c r="EF28" s="331">
        <v>0</v>
      </c>
      <c r="EG28" s="328">
        <v>0</v>
      </c>
      <c r="EH28" s="326">
        <v>0</v>
      </c>
      <c r="EI28" s="327">
        <v>30204</v>
      </c>
      <c r="EJ28" s="327">
        <v>117909</v>
      </c>
      <c r="EK28" s="327">
        <v>89929</v>
      </c>
      <c r="EL28" s="327">
        <v>277214</v>
      </c>
      <c r="EM28" s="327">
        <v>316698</v>
      </c>
      <c r="EN28" s="331">
        <v>831954</v>
      </c>
      <c r="EO28" s="330">
        <v>831954</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979773</v>
      </c>
      <c r="FM28" s="327">
        <v>2971318</v>
      </c>
      <c r="FN28" s="328">
        <v>3951091</v>
      </c>
      <c r="FO28" s="326">
        <v>0</v>
      </c>
      <c r="FP28" s="327">
        <v>3422225</v>
      </c>
      <c r="FQ28" s="327">
        <v>6891013</v>
      </c>
      <c r="FR28" s="327">
        <v>3782680</v>
      </c>
      <c r="FS28" s="327">
        <v>4202515</v>
      </c>
      <c r="FT28" s="327">
        <v>2427986</v>
      </c>
      <c r="FU28" s="328">
        <v>20726419</v>
      </c>
      <c r="FV28" s="330">
        <v>24677510</v>
      </c>
      <c r="FW28" s="333">
        <v>647457</v>
      </c>
      <c r="FX28" s="327">
        <v>1876272</v>
      </c>
      <c r="FY28" s="331">
        <v>2523729</v>
      </c>
      <c r="FZ28" s="332">
        <v>0</v>
      </c>
      <c r="GA28" s="327">
        <v>2218205</v>
      </c>
      <c r="GB28" s="327">
        <v>5901817</v>
      </c>
      <c r="GC28" s="327">
        <v>3625836</v>
      </c>
      <c r="GD28" s="327">
        <v>3697644</v>
      </c>
      <c r="GE28" s="327">
        <v>2236286</v>
      </c>
      <c r="GF28" s="328">
        <v>17679788</v>
      </c>
      <c r="GG28" s="334">
        <v>20203517</v>
      </c>
      <c r="GH28" s="333">
        <v>37116</v>
      </c>
      <c r="GI28" s="327">
        <v>169216</v>
      </c>
      <c r="GJ28" s="331">
        <v>206332</v>
      </c>
      <c r="GK28" s="332">
        <v>0</v>
      </c>
      <c r="GL28" s="327">
        <v>114920</v>
      </c>
      <c r="GM28" s="327">
        <v>266136</v>
      </c>
      <c r="GN28" s="327">
        <v>92989</v>
      </c>
      <c r="GO28" s="327">
        <v>116521</v>
      </c>
      <c r="GP28" s="327">
        <v>0</v>
      </c>
      <c r="GQ28" s="328">
        <v>590566</v>
      </c>
      <c r="GR28" s="330">
        <v>796898</v>
      </c>
      <c r="GS28" s="326">
        <v>295200</v>
      </c>
      <c r="GT28" s="327">
        <v>925830</v>
      </c>
      <c r="GU28" s="328">
        <v>1221030</v>
      </c>
      <c r="GV28" s="326">
        <v>0</v>
      </c>
      <c r="GW28" s="327">
        <v>1089100</v>
      </c>
      <c r="GX28" s="327">
        <v>723060</v>
      </c>
      <c r="GY28" s="327">
        <v>63855</v>
      </c>
      <c r="GZ28" s="327">
        <v>388350</v>
      </c>
      <c r="HA28" s="327">
        <v>191700</v>
      </c>
      <c r="HB28" s="331">
        <v>2456065</v>
      </c>
      <c r="HC28" s="330">
        <v>3677095</v>
      </c>
      <c r="HD28" s="326">
        <v>736252</v>
      </c>
      <c r="HE28" s="327">
        <v>303490</v>
      </c>
      <c r="HF28" s="331">
        <v>1039742</v>
      </c>
      <c r="HG28" s="332">
        <v>0</v>
      </c>
      <c r="HH28" s="327">
        <v>9541527</v>
      </c>
      <c r="HI28" s="327">
        <v>8825236</v>
      </c>
      <c r="HJ28" s="327">
        <v>7549384</v>
      </c>
      <c r="HK28" s="327">
        <v>12770071</v>
      </c>
      <c r="HL28" s="327">
        <v>8836608</v>
      </c>
      <c r="HM28" s="328">
        <v>47522826</v>
      </c>
      <c r="HN28" s="329">
        <v>48562568</v>
      </c>
      <c r="HO28" s="333">
        <v>690606</v>
      </c>
      <c r="HP28" s="327">
        <v>1536046</v>
      </c>
      <c r="HQ28" s="328">
        <v>2226652</v>
      </c>
      <c r="HR28" s="326">
        <v>0</v>
      </c>
      <c r="HS28" s="327">
        <v>7952711</v>
      </c>
      <c r="HT28" s="327">
        <v>8557972</v>
      </c>
      <c r="HU28" s="327">
        <v>5552097</v>
      </c>
      <c r="HV28" s="327">
        <v>4049787</v>
      </c>
      <c r="HW28" s="327">
        <v>1940681</v>
      </c>
      <c r="HX28" s="331">
        <v>28053248</v>
      </c>
      <c r="HY28" s="330">
        <v>30279900</v>
      </c>
      <c r="HZ28" s="358">
        <v>0</v>
      </c>
      <c r="IA28" s="356">
        <v>0</v>
      </c>
      <c r="IB28" s="358">
        <v>0</v>
      </c>
      <c r="IC28" s="355">
        <v>0</v>
      </c>
      <c r="ID28" s="356">
        <v>14842006</v>
      </c>
      <c r="IE28" s="357">
        <v>9521435</v>
      </c>
      <c r="IF28" s="358">
        <v>12498451</v>
      </c>
      <c r="IG28" s="356">
        <v>9544685</v>
      </c>
      <c r="IH28" s="358">
        <v>6068488</v>
      </c>
      <c r="II28" s="359">
        <v>52475065</v>
      </c>
      <c r="IJ28" s="358">
        <v>52475065</v>
      </c>
      <c r="IK28" s="342">
        <v>0</v>
      </c>
      <c r="IL28" s="343">
        <v>0</v>
      </c>
      <c r="IM28" s="344">
        <v>0</v>
      </c>
      <c r="IN28" s="404">
        <v>0</v>
      </c>
      <c r="IO28" s="345">
        <v>0</v>
      </c>
      <c r="IP28" s="345">
        <v>0</v>
      </c>
      <c r="IQ28" s="345">
        <v>303846</v>
      </c>
      <c r="IR28" s="345">
        <v>0</v>
      </c>
      <c r="IS28" s="345">
        <v>278616</v>
      </c>
      <c r="IT28" s="346">
        <v>582462</v>
      </c>
      <c r="IU28" s="347">
        <v>582462</v>
      </c>
      <c r="IV28" s="348">
        <v>0</v>
      </c>
      <c r="IW28" s="345">
        <v>0</v>
      </c>
      <c r="IX28" s="349">
        <v>0</v>
      </c>
      <c r="IY28" s="413">
        <v>0</v>
      </c>
      <c r="IZ28" s="345">
        <v>0</v>
      </c>
      <c r="JA28" s="345">
        <v>0</v>
      </c>
      <c r="JB28" s="345">
        <v>0</v>
      </c>
      <c r="JC28" s="345">
        <v>0</v>
      </c>
      <c r="JD28" s="345">
        <v>0</v>
      </c>
      <c r="JE28" s="349">
        <v>0</v>
      </c>
      <c r="JF28" s="350">
        <v>0</v>
      </c>
      <c r="JG28" s="348">
        <v>0</v>
      </c>
      <c r="JH28" s="345">
        <v>0</v>
      </c>
      <c r="JI28" s="346">
        <v>0</v>
      </c>
      <c r="JJ28" s="351">
        <v>0</v>
      </c>
      <c r="JK28" s="345">
        <v>4012245</v>
      </c>
      <c r="JL28" s="345">
        <v>3350549</v>
      </c>
      <c r="JM28" s="345">
        <v>2959308</v>
      </c>
      <c r="JN28" s="345">
        <v>2712190</v>
      </c>
      <c r="JO28" s="345">
        <v>1229694</v>
      </c>
      <c r="JP28" s="349">
        <v>14263986</v>
      </c>
      <c r="JQ28" s="347">
        <v>14263986</v>
      </c>
      <c r="JR28" s="348">
        <v>0</v>
      </c>
      <c r="JS28" s="345">
        <v>0</v>
      </c>
      <c r="JT28" s="346">
        <v>0</v>
      </c>
      <c r="JU28" s="351">
        <v>0</v>
      </c>
      <c r="JV28" s="345">
        <v>0</v>
      </c>
      <c r="JW28" s="345">
        <v>0</v>
      </c>
      <c r="JX28" s="345">
        <v>298371</v>
      </c>
      <c r="JY28" s="345">
        <v>320372</v>
      </c>
      <c r="JZ28" s="345">
        <v>0</v>
      </c>
      <c r="KA28" s="349">
        <v>618743</v>
      </c>
      <c r="KB28" s="347">
        <v>618743</v>
      </c>
      <c r="KC28" s="352">
        <v>0</v>
      </c>
      <c r="KD28" s="353">
        <v>0</v>
      </c>
      <c r="KE28" s="349">
        <v>0</v>
      </c>
      <c r="KF28" s="351">
        <v>0</v>
      </c>
      <c r="KG28" s="345">
        <v>649030</v>
      </c>
      <c r="KH28" s="345">
        <v>222371</v>
      </c>
      <c r="KI28" s="345">
        <v>1127824</v>
      </c>
      <c r="KJ28" s="345">
        <v>0</v>
      </c>
      <c r="KK28" s="345">
        <v>63055</v>
      </c>
      <c r="KL28" s="349">
        <v>2062280</v>
      </c>
      <c r="KM28" s="354">
        <v>2062280</v>
      </c>
      <c r="KN28" s="342">
        <v>0</v>
      </c>
      <c r="KO28" s="343">
        <v>0</v>
      </c>
      <c r="KP28" s="344">
        <v>0</v>
      </c>
      <c r="KQ28" s="413">
        <v>0</v>
      </c>
      <c r="KR28" s="345">
        <v>10082791</v>
      </c>
      <c r="KS28" s="345">
        <v>5805328</v>
      </c>
      <c r="KT28" s="345">
        <v>6455126</v>
      </c>
      <c r="KU28" s="345">
        <v>5103210</v>
      </c>
      <c r="KV28" s="345">
        <v>3855320</v>
      </c>
      <c r="KW28" s="349">
        <v>31301775</v>
      </c>
      <c r="KX28" s="347">
        <v>31301775</v>
      </c>
      <c r="KY28" s="348">
        <v>0</v>
      </c>
      <c r="KZ28" s="345">
        <v>0</v>
      </c>
      <c r="LA28" s="349">
        <v>0</v>
      </c>
      <c r="LB28" s="413">
        <v>0</v>
      </c>
      <c r="LC28" s="345">
        <v>0</v>
      </c>
      <c r="LD28" s="345">
        <v>0</v>
      </c>
      <c r="LE28" s="345">
        <v>0</v>
      </c>
      <c r="LF28" s="345">
        <v>0</v>
      </c>
      <c r="LG28" s="345">
        <v>0</v>
      </c>
      <c r="LH28" s="349">
        <v>0</v>
      </c>
      <c r="LI28" s="350">
        <v>0</v>
      </c>
      <c r="LJ28" s="348">
        <v>0</v>
      </c>
      <c r="LK28" s="345">
        <v>0</v>
      </c>
      <c r="LL28" s="349">
        <v>0</v>
      </c>
      <c r="LM28" s="413">
        <v>0</v>
      </c>
      <c r="LN28" s="345">
        <v>0</v>
      </c>
      <c r="LO28" s="345">
        <v>0</v>
      </c>
      <c r="LP28" s="345">
        <v>0</v>
      </c>
      <c r="LQ28" s="345">
        <v>0</v>
      </c>
      <c r="LR28" s="345">
        <v>0</v>
      </c>
      <c r="LS28" s="349">
        <v>0</v>
      </c>
      <c r="LT28" s="347">
        <v>0</v>
      </c>
      <c r="LU28" s="348">
        <v>0</v>
      </c>
      <c r="LV28" s="345">
        <v>0</v>
      </c>
      <c r="LW28" s="349">
        <v>0</v>
      </c>
      <c r="LX28" s="413">
        <v>0</v>
      </c>
      <c r="LY28" s="345">
        <v>97940</v>
      </c>
      <c r="LZ28" s="345">
        <v>143187</v>
      </c>
      <c r="MA28" s="345">
        <v>1353976</v>
      </c>
      <c r="MB28" s="345">
        <v>1408913</v>
      </c>
      <c r="MC28" s="345">
        <v>641803</v>
      </c>
      <c r="MD28" s="349">
        <v>3645819</v>
      </c>
      <c r="ME28" s="350">
        <v>3645819</v>
      </c>
      <c r="MF28" s="348">
        <v>0</v>
      </c>
      <c r="MG28" s="345">
        <v>0</v>
      </c>
      <c r="MH28" s="349">
        <v>0</v>
      </c>
      <c r="MI28" s="413">
        <v>0</v>
      </c>
      <c r="MJ28" s="345">
        <v>6791909</v>
      </c>
      <c r="MK28" s="345">
        <v>11321229</v>
      </c>
      <c r="ML28" s="345">
        <v>37645002</v>
      </c>
      <c r="MM28" s="345">
        <v>68544047</v>
      </c>
      <c r="MN28" s="345">
        <v>41704795</v>
      </c>
      <c r="MO28" s="349">
        <v>166006982</v>
      </c>
      <c r="MP28" s="354">
        <v>166006982</v>
      </c>
      <c r="MQ28" s="348">
        <v>0</v>
      </c>
      <c r="MR28" s="345">
        <v>0</v>
      </c>
      <c r="MS28" s="349">
        <v>0</v>
      </c>
      <c r="MT28" s="413">
        <v>0</v>
      </c>
      <c r="MU28" s="345">
        <v>900422</v>
      </c>
      <c r="MV28" s="345">
        <v>2917014</v>
      </c>
      <c r="MW28" s="345">
        <v>26003997</v>
      </c>
      <c r="MX28" s="345">
        <v>45800514</v>
      </c>
      <c r="MY28" s="345">
        <v>28515656</v>
      </c>
      <c r="MZ28" s="349">
        <v>104137603</v>
      </c>
      <c r="NA28" s="354">
        <v>104137603</v>
      </c>
      <c r="NB28" s="348">
        <v>0</v>
      </c>
      <c r="NC28" s="345">
        <v>0</v>
      </c>
      <c r="ND28" s="349">
        <v>0</v>
      </c>
      <c r="NE28" s="413">
        <v>0</v>
      </c>
      <c r="NF28" s="345">
        <v>5891487</v>
      </c>
      <c r="NG28" s="345">
        <v>8404215</v>
      </c>
      <c r="NH28" s="345">
        <v>11641005</v>
      </c>
      <c r="NI28" s="345">
        <v>21092651</v>
      </c>
      <c r="NJ28" s="345">
        <v>9683222</v>
      </c>
      <c r="NK28" s="349">
        <v>56712580</v>
      </c>
      <c r="NL28" s="347">
        <v>56712580</v>
      </c>
      <c r="NM28" s="348">
        <v>0</v>
      </c>
      <c r="NN28" s="345">
        <v>0</v>
      </c>
      <c r="NO28" s="349">
        <v>0</v>
      </c>
      <c r="NP28" s="413">
        <v>0</v>
      </c>
      <c r="NQ28" s="345">
        <v>0</v>
      </c>
      <c r="NR28" s="345">
        <v>0</v>
      </c>
      <c r="NS28" s="345">
        <v>0</v>
      </c>
      <c r="NT28" s="345">
        <v>0</v>
      </c>
      <c r="NU28" s="345">
        <v>0</v>
      </c>
      <c r="NV28" s="349">
        <v>0</v>
      </c>
      <c r="NW28" s="350">
        <v>0</v>
      </c>
      <c r="NX28" s="348">
        <v>0</v>
      </c>
      <c r="NY28" s="345">
        <v>0</v>
      </c>
      <c r="NZ28" s="349">
        <v>0</v>
      </c>
      <c r="OA28" s="413">
        <v>0</v>
      </c>
      <c r="OB28" s="345">
        <v>0</v>
      </c>
      <c r="OC28" s="345">
        <v>0</v>
      </c>
      <c r="OD28" s="345">
        <v>0</v>
      </c>
      <c r="OE28" s="345">
        <v>1650882</v>
      </c>
      <c r="OF28" s="345">
        <v>3505917</v>
      </c>
      <c r="OG28" s="349">
        <v>5156799</v>
      </c>
      <c r="OH28" s="350">
        <v>5156799</v>
      </c>
      <c r="OI28" s="348">
        <v>4102312</v>
      </c>
      <c r="OJ28" s="345">
        <v>8515877</v>
      </c>
      <c r="OK28" s="346">
        <v>12618189</v>
      </c>
      <c r="OL28" s="351">
        <v>0</v>
      </c>
      <c r="OM28" s="345">
        <v>75856312</v>
      </c>
      <c r="ON28" s="345">
        <v>91222621</v>
      </c>
      <c r="OO28" s="345">
        <v>105597915</v>
      </c>
      <c r="OP28" s="345">
        <v>135094993</v>
      </c>
      <c r="OQ28" s="345">
        <v>85782274</v>
      </c>
      <c r="OR28" s="349">
        <v>493554115</v>
      </c>
      <c r="OS28" s="354">
        <v>506172304</v>
      </c>
    </row>
    <row r="29" spans="2:409" s="70" customFormat="1" ht="21" customHeight="1" x14ac:dyDescent="0.2">
      <c r="B29" s="410" t="s">
        <v>24</v>
      </c>
      <c r="C29" s="326">
        <v>3364866</v>
      </c>
      <c r="D29" s="327">
        <v>4054063</v>
      </c>
      <c r="E29" s="328">
        <v>7418929</v>
      </c>
      <c r="F29" s="329">
        <v>0</v>
      </c>
      <c r="G29" s="327">
        <v>30933177</v>
      </c>
      <c r="H29" s="327">
        <v>29822491</v>
      </c>
      <c r="I29" s="327">
        <v>28926860</v>
      </c>
      <c r="J29" s="327">
        <v>30530181</v>
      </c>
      <c r="K29" s="327">
        <v>24986462</v>
      </c>
      <c r="L29" s="367">
        <v>145199171</v>
      </c>
      <c r="M29" s="330">
        <v>152618100</v>
      </c>
      <c r="N29" s="326">
        <v>642989</v>
      </c>
      <c r="O29" s="327">
        <v>1119112</v>
      </c>
      <c r="P29" s="328">
        <v>1762101</v>
      </c>
      <c r="Q29" s="326">
        <v>0</v>
      </c>
      <c r="R29" s="327">
        <v>6470057</v>
      </c>
      <c r="S29" s="327">
        <v>8393504</v>
      </c>
      <c r="T29" s="327">
        <v>8877120</v>
      </c>
      <c r="U29" s="327">
        <v>10816660</v>
      </c>
      <c r="V29" s="327">
        <v>11800281</v>
      </c>
      <c r="W29" s="328">
        <v>46357622</v>
      </c>
      <c r="X29" s="330">
        <v>48119723</v>
      </c>
      <c r="Y29" s="326">
        <v>0</v>
      </c>
      <c r="Z29" s="327">
        <v>0</v>
      </c>
      <c r="AA29" s="328">
        <v>0</v>
      </c>
      <c r="AB29" s="326">
        <v>0</v>
      </c>
      <c r="AC29" s="327">
        <v>2469211</v>
      </c>
      <c r="AD29" s="327">
        <v>3385644</v>
      </c>
      <c r="AE29" s="327">
        <v>3989273</v>
      </c>
      <c r="AF29" s="327">
        <v>6657034</v>
      </c>
      <c r="AG29" s="327">
        <v>6677477</v>
      </c>
      <c r="AH29" s="328">
        <v>23178639</v>
      </c>
      <c r="AI29" s="330">
        <v>23178639</v>
      </c>
      <c r="AJ29" s="326">
        <v>0</v>
      </c>
      <c r="AK29" s="327">
        <v>0</v>
      </c>
      <c r="AL29" s="328">
        <v>0</v>
      </c>
      <c r="AM29" s="326">
        <v>0</v>
      </c>
      <c r="AN29" s="327">
        <v>0</v>
      </c>
      <c r="AO29" s="327">
        <v>81070</v>
      </c>
      <c r="AP29" s="327">
        <v>283751</v>
      </c>
      <c r="AQ29" s="327">
        <v>324470</v>
      </c>
      <c r="AR29" s="327">
        <v>1347473</v>
      </c>
      <c r="AS29" s="328">
        <v>2036764</v>
      </c>
      <c r="AT29" s="330">
        <v>2036764</v>
      </c>
      <c r="AU29" s="326">
        <v>346936</v>
      </c>
      <c r="AV29" s="327">
        <v>901646</v>
      </c>
      <c r="AW29" s="328">
        <v>1248582</v>
      </c>
      <c r="AX29" s="326">
        <v>0</v>
      </c>
      <c r="AY29" s="327">
        <v>2584455</v>
      </c>
      <c r="AZ29" s="327">
        <v>3499291</v>
      </c>
      <c r="BA29" s="327">
        <v>3074895</v>
      </c>
      <c r="BB29" s="327">
        <v>2321805</v>
      </c>
      <c r="BC29" s="327">
        <v>2413448</v>
      </c>
      <c r="BD29" s="328">
        <v>13893894</v>
      </c>
      <c r="BE29" s="330">
        <v>15142476</v>
      </c>
      <c r="BF29" s="326">
        <v>29165</v>
      </c>
      <c r="BG29" s="327">
        <v>23332</v>
      </c>
      <c r="BH29" s="331">
        <v>52497</v>
      </c>
      <c r="BI29" s="332">
        <v>0</v>
      </c>
      <c r="BJ29" s="327">
        <v>112796</v>
      </c>
      <c r="BK29" s="327">
        <v>158681</v>
      </c>
      <c r="BL29" s="327">
        <v>142226</v>
      </c>
      <c r="BM29" s="327">
        <v>91840</v>
      </c>
      <c r="BN29" s="327">
        <v>122089</v>
      </c>
      <c r="BO29" s="328">
        <v>627632</v>
      </c>
      <c r="BP29" s="330">
        <v>680129</v>
      </c>
      <c r="BQ29" s="326">
        <v>266888</v>
      </c>
      <c r="BR29" s="327">
        <v>194134</v>
      </c>
      <c r="BS29" s="328">
        <v>461022</v>
      </c>
      <c r="BT29" s="326">
        <v>0</v>
      </c>
      <c r="BU29" s="327">
        <v>1303595</v>
      </c>
      <c r="BV29" s="327">
        <v>1268818</v>
      </c>
      <c r="BW29" s="327">
        <v>1386975</v>
      </c>
      <c r="BX29" s="327">
        <v>1421511</v>
      </c>
      <c r="BY29" s="327">
        <v>1239794</v>
      </c>
      <c r="BZ29" s="328">
        <v>6620693</v>
      </c>
      <c r="CA29" s="330">
        <v>7081715</v>
      </c>
      <c r="CB29" s="326">
        <v>199183</v>
      </c>
      <c r="CC29" s="327">
        <v>817025</v>
      </c>
      <c r="CD29" s="328">
        <v>1016208</v>
      </c>
      <c r="CE29" s="326">
        <v>0</v>
      </c>
      <c r="CF29" s="327">
        <v>9818777</v>
      </c>
      <c r="CG29" s="327">
        <v>8435941</v>
      </c>
      <c r="CH29" s="327">
        <v>6155347</v>
      </c>
      <c r="CI29" s="327">
        <v>4064560</v>
      </c>
      <c r="CJ29" s="327">
        <v>2747552</v>
      </c>
      <c r="CK29" s="328">
        <v>31222177</v>
      </c>
      <c r="CL29" s="330">
        <v>32238385</v>
      </c>
      <c r="CM29" s="326">
        <v>0</v>
      </c>
      <c r="CN29" s="327">
        <v>0</v>
      </c>
      <c r="CO29" s="328">
        <v>0</v>
      </c>
      <c r="CP29" s="332">
        <v>0</v>
      </c>
      <c r="CQ29" s="327">
        <v>6931304</v>
      </c>
      <c r="CR29" s="327">
        <v>6150970</v>
      </c>
      <c r="CS29" s="327">
        <v>4180414</v>
      </c>
      <c r="CT29" s="327">
        <v>2704560</v>
      </c>
      <c r="CU29" s="327">
        <v>1633973</v>
      </c>
      <c r="CV29" s="328">
        <v>21601221</v>
      </c>
      <c r="CW29" s="330">
        <v>21601221</v>
      </c>
      <c r="CX29" s="326">
        <v>199183</v>
      </c>
      <c r="CY29" s="327">
        <v>817025</v>
      </c>
      <c r="CZ29" s="328">
        <v>1016208</v>
      </c>
      <c r="DA29" s="326">
        <v>0</v>
      </c>
      <c r="DB29" s="327">
        <v>2887473</v>
      </c>
      <c r="DC29" s="327">
        <v>2284971</v>
      </c>
      <c r="DD29" s="327">
        <v>1974933</v>
      </c>
      <c r="DE29" s="327">
        <v>1360000</v>
      </c>
      <c r="DF29" s="327">
        <v>1113579</v>
      </c>
      <c r="DG29" s="328">
        <v>9620956</v>
      </c>
      <c r="DH29" s="330">
        <v>10637164</v>
      </c>
      <c r="DI29" s="326">
        <v>104442</v>
      </c>
      <c r="DJ29" s="327">
        <v>51736</v>
      </c>
      <c r="DK29" s="331">
        <v>156178</v>
      </c>
      <c r="DL29" s="332">
        <v>0</v>
      </c>
      <c r="DM29" s="327">
        <v>1052245</v>
      </c>
      <c r="DN29" s="327">
        <v>1751011</v>
      </c>
      <c r="DO29" s="327">
        <v>2513893</v>
      </c>
      <c r="DP29" s="327">
        <v>3078177</v>
      </c>
      <c r="DQ29" s="327">
        <v>1278641</v>
      </c>
      <c r="DR29" s="328">
        <v>9673967</v>
      </c>
      <c r="DS29" s="330">
        <v>9830145</v>
      </c>
      <c r="DT29" s="326">
        <v>104442</v>
      </c>
      <c r="DU29" s="327">
        <v>51736</v>
      </c>
      <c r="DV29" s="328">
        <v>156178</v>
      </c>
      <c r="DW29" s="326">
        <v>0</v>
      </c>
      <c r="DX29" s="327">
        <v>964094</v>
      </c>
      <c r="DY29" s="327">
        <v>1610637</v>
      </c>
      <c r="DZ29" s="327">
        <v>2163755</v>
      </c>
      <c r="EA29" s="327">
        <v>3001903</v>
      </c>
      <c r="EB29" s="327">
        <v>1026448</v>
      </c>
      <c r="EC29" s="328">
        <v>8766837</v>
      </c>
      <c r="ED29" s="330">
        <v>8923015</v>
      </c>
      <c r="EE29" s="326">
        <v>0</v>
      </c>
      <c r="EF29" s="331">
        <v>0</v>
      </c>
      <c r="EG29" s="328">
        <v>0</v>
      </c>
      <c r="EH29" s="326">
        <v>0</v>
      </c>
      <c r="EI29" s="327">
        <v>88151</v>
      </c>
      <c r="EJ29" s="327">
        <v>140374</v>
      </c>
      <c r="EK29" s="327">
        <v>350138</v>
      </c>
      <c r="EL29" s="327">
        <v>76274</v>
      </c>
      <c r="EM29" s="327">
        <v>252193</v>
      </c>
      <c r="EN29" s="331">
        <v>907130</v>
      </c>
      <c r="EO29" s="330">
        <v>907130</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1196072</v>
      </c>
      <c r="FM29" s="327">
        <v>677208</v>
      </c>
      <c r="FN29" s="328">
        <v>1873280</v>
      </c>
      <c r="FO29" s="326">
        <v>0</v>
      </c>
      <c r="FP29" s="327">
        <v>1810688</v>
      </c>
      <c r="FQ29" s="327">
        <v>2068388</v>
      </c>
      <c r="FR29" s="327">
        <v>2026313</v>
      </c>
      <c r="FS29" s="327">
        <v>1848169</v>
      </c>
      <c r="FT29" s="327">
        <v>1327921</v>
      </c>
      <c r="FU29" s="328">
        <v>9081479</v>
      </c>
      <c r="FV29" s="330">
        <v>10954759</v>
      </c>
      <c r="FW29" s="333">
        <v>348405</v>
      </c>
      <c r="FX29" s="327">
        <v>487075</v>
      </c>
      <c r="FY29" s="331">
        <v>835480</v>
      </c>
      <c r="FZ29" s="332">
        <v>0</v>
      </c>
      <c r="GA29" s="327">
        <v>1254168</v>
      </c>
      <c r="GB29" s="327">
        <v>1994226</v>
      </c>
      <c r="GC29" s="327">
        <v>1910978</v>
      </c>
      <c r="GD29" s="327">
        <v>1550062</v>
      </c>
      <c r="GE29" s="327">
        <v>1312621</v>
      </c>
      <c r="GF29" s="328">
        <v>8022055</v>
      </c>
      <c r="GG29" s="334">
        <v>8857535</v>
      </c>
      <c r="GH29" s="333">
        <v>69097</v>
      </c>
      <c r="GI29" s="327">
        <v>64133</v>
      </c>
      <c r="GJ29" s="331">
        <v>133230</v>
      </c>
      <c r="GK29" s="332">
        <v>0</v>
      </c>
      <c r="GL29" s="327">
        <v>151320</v>
      </c>
      <c r="GM29" s="327">
        <v>47162</v>
      </c>
      <c r="GN29" s="327">
        <v>16335</v>
      </c>
      <c r="GO29" s="327">
        <v>33957</v>
      </c>
      <c r="GP29" s="327">
        <v>0</v>
      </c>
      <c r="GQ29" s="328">
        <v>248774</v>
      </c>
      <c r="GR29" s="330">
        <v>382004</v>
      </c>
      <c r="GS29" s="326">
        <v>778570</v>
      </c>
      <c r="GT29" s="327">
        <v>126000</v>
      </c>
      <c r="GU29" s="328">
        <v>904570</v>
      </c>
      <c r="GV29" s="326">
        <v>0</v>
      </c>
      <c r="GW29" s="327">
        <v>405200</v>
      </c>
      <c r="GX29" s="327">
        <v>27000</v>
      </c>
      <c r="GY29" s="327">
        <v>99000</v>
      </c>
      <c r="GZ29" s="327">
        <v>264150</v>
      </c>
      <c r="HA29" s="327">
        <v>15300</v>
      </c>
      <c r="HB29" s="331">
        <v>810650</v>
      </c>
      <c r="HC29" s="330">
        <v>1715220</v>
      </c>
      <c r="HD29" s="326">
        <v>788910</v>
      </c>
      <c r="HE29" s="327">
        <v>801764</v>
      </c>
      <c r="HF29" s="331">
        <v>1590674</v>
      </c>
      <c r="HG29" s="332">
        <v>0</v>
      </c>
      <c r="HH29" s="327">
        <v>7610723</v>
      </c>
      <c r="HI29" s="327">
        <v>6258465</v>
      </c>
      <c r="HJ29" s="327">
        <v>6787857</v>
      </c>
      <c r="HK29" s="327">
        <v>9044506</v>
      </c>
      <c r="HL29" s="327">
        <v>6664392</v>
      </c>
      <c r="HM29" s="328">
        <v>36365943</v>
      </c>
      <c r="HN29" s="329">
        <v>37956617</v>
      </c>
      <c r="HO29" s="333">
        <v>433270</v>
      </c>
      <c r="HP29" s="327">
        <v>587218</v>
      </c>
      <c r="HQ29" s="328">
        <v>1020488</v>
      </c>
      <c r="HR29" s="326">
        <v>0</v>
      </c>
      <c r="HS29" s="327">
        <v>4170687</v>
      </c>
      <c r="HT29" s="327">
        <v>2915182</v>
      </c>
      <c r="HU29" s="327">
        <v>2566330</v>
      </c>
      <c r="HV29" s="327">
        <v>1678109</v>
      </c>
      <c r="HW29" s="327">
        <v>1167675</v>
      </c>
      <c r="HX29" s="331">
        <v>12497983</v>
      </c>
      <c r="HY29" s="330">
        <v>13518471</v>
      </c>
      <c r="HZ29" s="335">
        <v>197139</v>
      </c>
      <c r="IA29" s="336">
        <v>174127</v>
      </c>
      <c r="IB29" s="337">
        <v>371266</v>
      </c>
      <c r="IC29" s="338">
        <v>0</v>
      </c>
      <c r="ID29" s="336">
        <v>4616187</v>
      </c>
      <c r="IE29" s="339">
        <v>5938898</v>
      </c>
      <c r="IF29" s="337">
        <v>5113979</v>
      </c>
      <c r="IG29" s="336">
        <v>3146029</v>
      </c>
      <c r="IH29" s="337">
        <v>1661822</v>
      </c>
      <c r="II29" s="340">
        <v>20476915</v>
      </c>
      <c r="IJ29" s="341">
        <v>20848181</v>
      </c>
      <c r="IK29" s="342">
        <v>0</v>
      </c>
      <c r="IL29" s="343">
        <v>0</v>
      </c>
      <c r="IM29" s="344">
        <v>0</v>
      </c>
      <c r="IN29" s="404">
        <v>0</v>
      </c>
      <c r="IO29" s="345">
        <v>57260</v>
      </c>
      <c r="IP29" s="345">
        <v>220573</v>
      </c>
      <c r="IQ29" s="345">
        <v>369569</v>
      </c>
      <c r="IR29" s="345">
        <v>562571</v>
      </c>
      <c r="IS29" s="345">
        <v>517613</v>
      </c>
      <c r="IT29" s="346">
        <v>1727586</v>
      </c>
      <c r="IU29" s="347">
        <v>1727586</v>
      </c>
      <c r="IV29" s="348">
        <v>0</v>
      </c>
      <c r="IW29" s="345">
        <v>0</v>
      </c>
      <c r="IX29" s="349">
        <v>0</v>
      </c>
      <c r="IY29" s="413">
        <v>0</v>
      </c>
      <c r="IZ29" s="345">
        <v>0</v>
      </c>
      <c r="JA29" s="345">
        <v>0</v>
      </c>
      <c r="JB29" s="345">
        <v>0</v>
      </c>
      <c r="JC29" s="345">
        <v>0</v>
      </c>
      <c r="JD29" s="345">
        <v>0</v>
      </c>
      <c r="JE29" s="349">
        <v>0</v>
      </c>
      <c r="JF29" s="350">
        <v>0</v>
      </c>
      <c r="JG29" s="348">
        <v>0</v>
      </c>
      <c r="JH29" s="345">
        <v>0</v>
      </c>
      <c r="JI29" s="346">
        <v>0</v>
      </c>
      <c r="JJ29" s="351">
        <v>0</v>
      </c>
      <c r="JK29" s="345">
        <v>1566619</v>
      </c>
      <c r="JL29" s="345">
        <v>1003384</v>
      </c>
      <c r="JM29" s="345">
        <v>2032655</v>
      </c>
      <c r="JN29" s="345">
        <v>518167</v>
      </c>
      <c r="JO29" s="345">
        <v>332367</v>
      </c>
      <c r="JP29" s="349">
        <v>5453192</v>
      </c>
      <c r="JQ29" s="347">
        <v>5453192</v>
      </c>
      <c r="JR29" s="348">
        <v>0</v>
      </c>
      <c r="JS29" s="345">
        <v>0</v>
      </c>
      <c r="JT29" s="346">
        <v>0</v>
      </c>
      <c r="JU29" s="351">
        <v>0</v>
      </c>
      <c r="JV29" s="345">
        <v>664226</v>
      </c>
      <c r="JW29" s="345">
        <v>408651</v>
      </c>
      <c r="JX29" s="345">
        <v>300723</v>
      </c>
      <c r="JY29" s="345">
        <v>329702</v>
      </c>
      <c r="JZ29" s="345">
        <v>62228</v>
      </c>
      <c r="KA29" s="349">
        <v>1765530</v>
      </c>
      <c r="KB29" s="347">
        <v>1765530</v>
      </c>
      <c r="KC29" s="352">
        <v>197139</v>
      </c>
      <c r="KD29" s="353">
        <v>174127</v>
      </c>
      <c r="KE29" s="349">
        <v>371266</v>
      </c>
      <c r="KF29" s="351">
        <v>0</v>
      </c>
      <c r="KG29" s="345">
        <v>2067066</v>
      </c>
      <c r="KH29" s="345">
        <v>2655493</v>
      </c>
      <c r="KI29" s="345">
        <v>811175</v>
      </c>
      <c r="KJ29" s="345">
        <v>872183</v>
      </c>
      <c r="KK29" s="345">
        <v>0</v>
      </c>
      <c r="KL29" s="349">
        <v>6405917</v>
      </c>
      <c r="KM29" s="354">
        <v>6777183</v>
      </c>
      <c r="KN29" s="342">
        <v>0</v>
      </c>
      <c r="KO29" s="343">
        <v>0</v>
      </c>
      <c r="KP29" s="344">
        <v>0</v>
      </c>
      <c r="KQ29" s="413">
        <v>0</v>
      </c>
      <c r="KR29" s="345">
        <v>261016</v>
      </c>
      <c r="KS29" s="345">
        <v>1650797</v>
      </c>
      <c r="KT29" s="345">
        <v>1599857</v>
      </c>
      <c r="KU29" s="345">
        <v>863406</v>
      </c>
      <c r="KV29" s="345">
        <v>749614</v>
      </c>
      <c r="KW29" s="349">
        <v>5124690</v>
      </c>
      <c r="KX29" s="347">
        <v>5124690</v>
      </c>
      <c r="KY29" s="348">
        <v>0</v>
      </c>
      <c r="KZ29" s="345">
        <v>0</v>
      </c>
      <c r="LA29" s="349">
        <v>0</v>
      </c>
      <c r="LB29" s="413">
        <v>0</v>
      </c>
      <c r="LC29" s="345">
        <v>0</v>
      </c>
      <c r="LD29" s="345">
        <v>0</v>
      </c>
      <c r="LE29" s="345">
        <v>0</v>
      </c>
      <c r="LF29" s="345">
        <v>0</v>
      </c>
      <c r="LG29" s="345">
        <v>0</v>
      </c>
      <c r="LH29" s="349">
        <v>0</v>
      </c>
      <c r="LI29" s="350">
        <v>0</v>
      </c>
      <c r="LJ29" s="348">
        <v>0</v>
      </c>
      <c r="LK29" s="345">
        <v>0</v>
      </c>
      <c r="LL29" s="349">
        <v>0</v>
      </c>
      <c r="LM29" s="413">
        <v>0</v>
      </c>
      <c r="LN29" s="345">
        <v>0</v>
      </c>
      <c r="LO29" s="345">
        <v>0</v>
      </c>
      <c r="LP29" s="345">
        <v>0</v>
      </c>
      <c r="LQ29" s="345">
        <v>0</v>
      </c>
      <c r="LR29" s="345">
        <v>0</v>
      </c>
      <c r="LS29" s="349">
        <v>0</v>
      </c>
      <c r="LT29" s="347">
        <v>0</v>
      </c>
      <c r="LU29" s="348">
        <v>0</v>
      </c>
      <c r="LV29" s="345">
        <v>0</v>
      </c>
      <c r="LW29" s="349">
        <v>0</v>
      </c>
      <c r="LX29" s="413">
        <v>0</v>
      </c>
      <c r="LY29" s="345">
        <v>0</v>
      </c>
      <c r="LZ29" s="345">
        <v>0</v>
      </c>
      <c r="MA29" s="345">
        <v>0</v>
      </c>
      <c r="MB29" s="345">
        <v>0</v>
      </c>
      <c r="MC29" s="345">
        <v>0</v>
      </c>
      <c r="MD29" s="349">
        <v>0</v>
      </c>
      <c r="ME29" s="350">
        <v>0</v>
      </c>
      <c r="MF29" s="348">
        <v>0</v>
      </c>
      <c r="MG29" s="345">
        <v>0</v>
      </c>
      <c r="MH29" s="349">
        <v>0</v>
      </c>
      <c r="MI29" s="413">
        <v>0</v>
      </c>
      <c r="MJ29" s="345">
        <v>2642673</v>
      </c>
      <c r="MK29" s="345">
        <v>3854023</v>
      </c>
      <c r="ML29" s="345">
        <v>14441995</v>
      </c>
      <c r="MM29" s="345">
        <v>37444856</v>
      </c>
      <c r="MN29" s="345">
        <v>22405070</v>
      </c>
      <c r="MO29" s="349">
        <v>80788617</v>
      </c>
      <c r="MP29" s="354">
        <v>80788617</v>
      </c>
      <c r="MQ29" s="348">
        <v>0</v>
      </c>
      <c r="MR29" s="345">
        <v>0</v>
      </c>
      <c r="MS29" s="349">
        <v>0</v>
      </c>
      <c r="MT29" s="413">
        <v>0</v>
      </c>
      <c r="MU29" s="345">
        <v>261450</v>
      </c>
      <c r="MV29" s="345">
        <v>285368</v>
      </c>
      <c r="MW29" s="345">
        <v>8300569</v>
      </c>
      <c r="MX29" s="345">
        <v>26047402</v>
      </c>
      <c r="MY29" s="345">
        <v>18146737</v>
      </c>
      <c r="MZ29" s="349">
        <v>53041526</v>
      </c>
      <c r="NA29" s="354">
        <v>53041526</v>
      </c>
      <c r="NB29" s="348">
        <v>0</v>
      </c>
      <c r="NC29" s="345">
        <v>0</v>
      </c>
      <c r="ND29" s="349">
        <v>0</v>
      </c>
      <c r="NE29" s="413">
        <v>0</v>
      </c>
      <c r="NF29" s="345">
        <v>2381223</v>
      </c>
      <c r="NG29" s="345">
        <v>3568655</v>
      </c>
      <c r="NH29" s="345">
        <v>6141426</v>
      </c>
      <c r="NI29" s="345">
        <v>11397454</v>
      </c>
      <c r="NJ29" s="345">
        <v>3808559</v>
      </c>
      <c r="NK29" s="349">
        <v>27297317</v>
      </c>
      <c r="NL29" s="347">
        <v>27297317</v>
      </c>
      <c r="NM29" s="348">
        <v>0</v>
      </c>
      <c r="NN29" s="345">
        <v>0</v>
      </c>
      <c r="NO29" s="349">
        <v>0</v>
      </c>
      <c r="NP29" s="413">
        <v>0</v>
      </c>
      <c r="NQ29" s="345">
        <v>0</v>
      </c>
      <c r="NR29" s="345">
        <v>0</v>
      </c>
      <c r="NS29" s="345">
        <v>0</v>
      </c>
      <c r="NT29" s="345">
        <v>0</v>
      </c>
      <c r="NU29" s="345">
        <v>0</v>
      </c>
      <c r="NV29" s="349">
        <v>0</v>
      </c>
      <c r="NW29" s="350">
        <v>0</v>
      </c>
      <c r="NX29" s="348">
        <v>0</v>
      </c>
      <c r="NY29" s="345">
        <v>0</v>
      </c>
      <c r="NZ29" s="349">
        <v>0</v>
      </c>
      <c r="OA29" s="413">
        <v>0</v>
      </c>
      <c r="OB29" s="345">
        <v>0</v>
      </c>
      <c r="OC29" s="345">
        <v>0</v>
      </c>
      <c r="OD29" s="345">
        <v>0</v>
      </c>
      <c r="OE29" s="345">
        <v>0</v>
      </c>
      <c r="OF29" s="345">
        <v>449774</v>
      </c>
      <c r="OG29" s="349">
        <v>449774</v>
      </c>
      <c r="OH29" s="350">
        <v>449774</v>
      </c>
      <c r="OI29" s="348">
        <v>3562005</v>
      </c>
      <c r="OJ29" s="345">
        <v>4228190</v>
      </c>
      <c r="OK29" s="346">
        <v>7790195</v>
      </c>
      <c r="OL29" s="351">
        <v>0</v>
      </c>
      <c r="OM29" s="345">
        <v>38192037</v>
      </c>
      <c r="ON29" s="345">
        <v>39615412</v>
      </c>
      <c r="OO29" s="345">
        <v>48482834</v>
      </c>
      <c r="OP29" s="345">
        <v>71121066</v>
      </c>
      <c r="OQ29" s="345">
        <v>49053354</v>
      </c>
      <c r="OR29" s="349">
        <v>246464703</v>
      </c>
      <c r="OS29" s="354">
        <v>254254898</v>
      </c>
    </row>
    <row r="30" spans="2:409" s="70" customFormat="1" ht="21" customHeight="1" x14ac:dyDescent="0.2">
      <c r="B30" s="410" t="s">
        <v>25</v>
      </c>
      <c r="C30" s="326">
        <v>2219544</v>
      </c>
      <c r="D30" s="327">
        <v>5197885</v>
      </c>
      <c r="E30" s="328">
        <v>7417429</v>
      </c>
      <c r="F30" s="329">
        <v>0</v>
      </c>
      <c r="G30" s="327">
        <v>33843430</v>
      </c>
      <c r="H30" s="327">
        <v>37206086</v>
      </c>
      <c r="I30" s="327">
        <v>28173203</v>
      </c>
      <c r="J30" s="327">
        <v>29267524</v>
      </c>
      <c r="K30" s="327">
        <v>20857224</v>
      </c>
      <c r="L30" s="367">
        <v>149347467</v>
      </c>
      <c r="M30" s="330">
        <v>156764896</v>
      </c>
      <c r="N30" s="326">
        <v>722334</v>
      </c>
      <c r="O30" s="327">
        <v>1962595</v>
      </c>
      <c r="P30" s="328">
        <v>2684929</v>
      </c>
      <c r="Q30" s="326">
        <v>0</v>
      </c>
      <c r="R30" s="327">
        <v>9197937</v>
      </c>
      <c r="S30" s="327">
        <v>11804354</v>
      </c>
      <c r="T30" s="327">
        <v>8580792</v>
      </c>
      <c r="U30" s="327">
        <v>13312540</v>
      </c>
      <c r="V30" s="327">
        <v>11837677</v>
      </c>
      <c r="W30" s="328">
        <v>54733300</v>
      </c>
      <c r="X30" s="330">
        <v>57418229</v>
      </c>
      <c r="Y30" s="326">
        <v>0</v>
      </c>
      <c r="Z30" s="327">
        <v>0</v>
      </c>
      <c r="AA30" s="328">
        <v>0</v>
      </c>
      <c r="AB30" s="326">
        <v>0</v>
      </c>
      <c r="AC30" s="327">
        <v>4786190</v>
      </c>
      <c r="AD30" s="327">
        <v>5528052</v>
      </c>
      <c r="AE30" s="327">
        <v>5230263</v>
      </c>
      <c r="AF30" s="327">
        <v>8858643</v>
      </c>
      <c r="AG30" s="327">
        <v>7266134</v>
      </c>
      <c r="AH30" s="328">
        <v>31669282</v>
      </c>
      <c r="AI30" s="330">
        <v>31669282</v>
      </c>
      <c r="AJ30" s="326">
        <v>0</v>
      </c>
      <c r="AK30" s="327">
        <v>0</v>
      </c>
      <c r="AL30" s="328">
        <v>0</v>
      </c>
      <c r="AM30" s="326">
        <v>0</v>
      </c>
      <c r="AN30" s="327">
        <v>191578</v>
      </c>
      <c r="AO30" s="327">
        <v>603684</v>
      </c>
      <c r="AP30" s="327">
        <v>494114</v>
      </c>
      <c r="AQ30" s="327">
        <v>905615</v>
      </c>
      <c r="AR30" s="327">
        <v>1372587</v>
      </c>
      <c r="AS30" s="328">
        <v>3567578</v>
      </c>
      <c r="AT30" s="330">
        <v>3567578</v>
      </c>
      <c r="AU30" s="326">
        <v>579380</v>
      </c>
      <c r="AV30" s="327">
        <v>1663423</v>
      </c>
      <c r="AW30" s="328">
        <v>2242803</v>
      </c>
      <c r="AX30" s="326">
        <v>0</v>
      </c>
      <c r="AY30" s="327">
        <v>3107889</v>
      </c>
      <c r="AZ30" s="327">
        <v>4117530</v>
      </c>
      <c r="BA30" s="327">
        <v>1880919</v>
      </c>
      <c r="BB30" s="327">
        <v>2274254</v>
      </c>
      <c r="BC30" s="327">
        <v>2166653</v>
      </c>
      <c r="BD30" s="328">
        <v>13547245</v>
      </c>
      <c r="BE30" s="330">
        <v>15790048</v>
      </c>
      <c r="BF30" s="326">
        <v>34636</v>
      </c>
      <c r="BG30" s="327">
        <v>83542</v>
      </c>
      <c r="BH30" s="331">
        <v>118178</v>
      </c>
      <c r="BI30" s="332">
        <v>0</v>
      </c>
      <c r="BJ30" s="327">
        <v>0</v>
      </c>
      <c r="BK30" s="327">
        <v>572278</v>
      </c>
      <c r="BL30" s="327">
        <v>55117</v>
      </c>
      <c r="BM30" s="327">
        <v>123161</v>
      </c>
      <c r="BN30" s="327">
        <v>98386</v>
      </c>
      <c r="BO30" s="328">
        <v>848942</v>
      </c>
      <c r="BP30" s="330">
        <v>967120</v>
      </c>
      <c r="BQ30" s="326">
        <v>108318</v>
      </c>
      <c r="BR30" s="327">
        <v>215630</v>
      </c>
      <c r="BS30" s="328">
        <v>323948</v>
      </c>
      <c r="BT30" s="326">
        <v>0</v>
      </c>
      <c r="BU30" s="327">
        <v>1112280</v>
      </c>
      <c r="BV30" s="327">
        <v>982810</v>
      </c>
      <c r="BW30" s="327">
        <v>920379</v>
      </c>
      <c r="BX30" s="327">
        <v>1150867</v>
      </c>
      <c r="BY30" s="327">
        <v>933917</v>
      </c>
      <c r="BZ30" s="328">
        <v>5100253</v>
      </c>
      <c r="CA30" s="330">
        <v>5424201</v>
      </c>
      <c r="CB30" s="326">
        <v>0</v>
      </c>
      <c r="CC30" s="327">
        <v>257232</v>
      </c>
      <c r="CD30" s="328">
        <v>257232</v>
      </c>
      <c r="CE30" s="326">
        <v>0</v>
      </c>
      <c r="CF30" s="327">
        <v>13248062</v>
      </c>
      <c r="CG30" s="327">
        <v>12621118</v>
      </c>
      <c r="CH30" s="327">
        <v>8313117</v>
      </c>
      <c r="CI30" s="327">
        <v>5986700</v>
      </c>
      <c r="CJ30" s="327">
        <v>2644712</v>
      </c>
      <c r="CK30" s="328">
        <v>42813709</v>
      </c>
      <c r="CL30" s="330">
        <v>43070941</v>
      </c>
      <c r="CM30" s="326">
        <v>0</v>
      </c>
      <c r="CN30" s="327">
        <v>0</v>
      </c>
      <c r="CO30" s="328">
        <v>0</v>
      </c>
      <c r="CP30" s="332">
        <v>0</v>
      </c>
      <c r="CQ30" s="327">
        <v>11210668</v>
      </c>
      <c r="CR30" s="327">
        <v>7998922</v>
      </c>
      <c r="CS30" s="327">
        <v>6509925</v>
      </c>
      <c r="CT30" s="327">
        <v>4787638</v>
      </c>
      <c r="CU30" s="327">
        <v>2370518</v>
      </c>
      <c r="CV30" s="328">
        <v>32877671</v>
      </c>
      <c r="CW30" s="330">
        <v>32877671</v>
      </c>
      <c r="CX30" s="326">
        <v>0</v>
      </c>
      <c r="CY30" s="327">
        <v>257232</v>
      </c>
      <c r="CZ30" s="328">
        <v>257232</v>
      </c>
      <c r="DA30" s="326">
        <v>0</v>
      </c>
      <c r="DB30" s="327">
        <v>2037394</v>
      </c>
      <c r="DC30" s="327">
        <v>4622196</v>
      </c>
      <c r="DD30" s="327">
        <v>1803192</v>
      </c>
      <c r="DE30" s="327">
        <v>1199062</v>
      </c>
      <c r="DF30" s="327">
        <v>274194</v>
      </c>
      <c r="DG30" s="328">
        <v>9936038</v>
      </c>
      <c r="DH30" s="330">
        <v>10193270</v>
      </c>
      <c r="DI30" s="326">
        <v>0</v>
      </c>
      <c r="DJ30" s="327">
        <v>36108</v>
      </c>
      <c r="DK30" s="331">
        <v>36108</v>
      </c>
      <c r="DL30" s="332">
        <v>0</v>
      </c>
      <c r="DM30" s="327">
        <v>1451657</v>
      </c>
      <c r="DN30" s="327">
        <v>2553164</v>
      </c>
      <c r="DO30" s="327">
        <v>3610967</v>
      </c>
      <c r="DP30" s="327">
        <v>2308692</v>
      </c>
      <c r="DQ30" s="327">
        <v>592920</v>
      </c>
      <c r="DR30" s="328">
        <v>10517400</v>
      </c>
      <c r="DS30" s="330">
        <v>10553508</v>
      </c>
      <c r="DT30" s="326">
        <v>0</v>
      </c>
      <c r="DU30" s="327">
        <v>36108</v>
      </c>
      <c r="DV30" s="328">
        <v>36108</v>
      </c>
      <c r="DW30" s="326">
        <v>0</v>
      </c>
      <c r="DX30" s="327">
        <v>1282612</v>
      </c>
      <c r="DY30" s="327">
        <v>2244119</v>
      </c>
      <c r="DZ30" s="327">
        <v>3324440</v>
      </c>
      <c r="EA30" s="327">
        <v>1747114</v>
      </c>
      <c r="EB30" s="327">
        <v>592920</v>
      </c>
      <c r="EC30" s="328">
        <v>9191205</v>
      </c>
      <c r="ED30" s="330">
        <v>9227313</v>
      </c>
      <c r="EE30" s="326">
        <v>0</v>
      </c>
      <c r="EF30" s="331">
        <v>0</v>
      </c>
      <c r="EG30" s="328">
        <v>0</v>
      </c>
      <c r="EH30" s="326">
        <v>0</v>
      </c>
      <c r="EI30" s="327">
        <v>169045</v>
      </c>
      <c r="EJ30" s="327">
        <v>309045</v>
      </c>
      <c r="EK30" s="327">
        <v>286527</v>
      </c>
      <c r="EL30" s="327">
        <v>561578</v>
      </c>
      <c r="EM30" s="327">
        <v>0</v>
      </c>
      <c r="EN30" s="331">
        <v>1326195</v>
      </c>
      <c r="EO30" s="330">
        <v>1326195</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759037</v>
      </c>
      <c r="FM30" s="327">
        <v>1341369</v>
      </c>
      <c r="FN30" s="328">
        <v>2100406</v>
      </c>
      <c r="FO30" s="326">
        <v>0</v>
      </c>
      <c r="FP30" s="327">
        <v>1350340</v>
      </c>
      <c r="FQ30" s="327">
        <v>4298998</v>
      </c>
      <c r="FR30" s="327">
        <v>2022545</v>
      </c>
      <c r="FS30" s="327">
        <v>2305929</v>
      </c>
      <c r="FT30" s="327">
        <v>1224366</v>
      </c>
      <c r="FU30" s="328">
        <v>11202178</v>
      </c>
      <c r="FV30" s="330">
        <v>13302584</v>
      </c>
      <c r="FW30" s="333">
        <v>564637</v>
      </c>
      <c r="FX30" s="327">
        <v>1240209</v>
      </c>
      <c r="FY30" s="331">
        <v>1804846</v>
      </c>
      <c r="FZ30" s="332">
        <v>0</v>
      </c>
      <c r="GA30" s="327">
        <v>1140820</v>
      </c>
      <c r="GB30" s="327">
        <v>4003190</v>
      </c>
      <c r="GC30" s="327">
        <v>1970273</v>
      </c>
      <c r="GD30" s="327">
        <v>1772330</v>
      </c>
      <c r="GE30" s="327">
        <v>1224366</v>
      </c>
      <c r="GF30" s="328">
        <v>10110979</v>
      </c>
      <c r="GG30" s="334">
        <v>11915825</v>
      </c>
      <c r="GH30" s="333">
        <v>0</v>
      </c>
      <c r="GI30" s="327">
        <v>27900</v>
      </c>
      <c r="GJ30" s="331">
        <v>27900</v>
      </c>
      <c r="GK30" s="332">
        <v>0</v>
      </c>
      <c r="GL30" s="327">
        <v>32670</v>
      </c>
      <c r="GM30" s="327">
        <v>19008</v>
      </c>
      <c r="GN30" s="327">
        <v>52272</v>
      </c>
      <c r="GO30" s="327">
        <v>50749</v>
      </c>
      <c r="GP30" s="327">
        <v>0</v>
      </c>
      <c r="GQ30" s="328">
        <v>154699</v>
      </c>
      <c r="GR30" s="330">
        <v>182599</v>
      </c>
      <c r="GS30" s="326">
        <v>194400</v>
      </c>
      <c r="GT30" s="327">
        <v>73260</v>
      </c>
      <c r="GU30" s="328">
        <v>267660</v>
      </c>
      <c r="GV30" s="326">
        <v>0</v>
      </c>
      <c r="GW30" s="327">
        <v>176850</v>
      </c>
      <c r="GX30" s="327">
        <v>276800</v>
      </c>
      <c r="GY30" s="327">
        <v>0</v>
      </c>
      <c r="GZ30" s="327">
        <v>482850</v>
      </c>
      <c r="HA30" s="327">
        <v>0</v>
      </c>
      <c r="HB30" s="331">
        <v>936500</v>
      </c>
      <c r="HC30" s="330">
        <v>1204160</v>
      </c>
      <c r="HD30" s="326">
        <v>198852</v>
      </c>
      <c r="HE30" s="327">
        <v>639849</v>
      </c>
      <c r="HF30" s="331">
        <v>838701</v>
      </c>
      <c r="HG30" s="332">
        <v>0</v>
      </c>
      <c r="HH30" s="327">
        <v>3946475</v>
      </c>
      <c r="HI30" s="327">
        <v>1824047</v>
      </c>
      <c r="HJ30" s="327">
        <v>3185446</v>
      </c>
      <c r="HK30" s="327">
        <v>3622364</v>
      </c>
      <c r="HL30" s="327">
        <v>3554207</v>
      </c>
      <c r="HM30" s="328">
        <v>16132539</v>
      </c>
      <c r="HN30" s="329">
        <v>16971240</v>
      </c>
      <c r="HO30" s="333">
        <v>539321</v>
      </c>
      <c r="HP30" s="327">
        <v>960732</v>
      </c>
      <c r="HQ30" s="328">
        <v>1500053</v>
      </c>
      <c r="HR30" s="326">
        <v>0</v>
      </c>
      <c r="HS30" s="327">
        <v>4648959</v>
      </c>
      <c r="HT30" s="327">
        <v>4104405</v>
      </c>
      <c r="HU30" s="327">
        <v>2460336</v>
      </c>
      <c r="HV30" s="327">
        <v>1731299</v>
      </c>
      <c r="HW30" s="327">
        <v>1003342</v>
      </c>
      <c r="HX30" s="331">
        <v>13948341</v>
      </c>
      <c r="HY30" s="330">
        <v>15448394</v>
      </c>
      <c r="HZ30" s="358">
        <v>0</v>
      </c>
      <c r="IA30" s="356">
        <v>248843</v>
      </c>
      <c r="IB30" s="358">
        <v>248843</v>
      </c>
      <c r="IC30" s="355">
        <v>0</v>
      </c>
      <c r="ID30" s="356">
        <v>6784875</v>
      </c>
      <c r="IE30" s="357">
        <v>5669994</v>
      </c>
      <c r="IF30" s="358">
        <v>4480726</v>
      </c>
      <c r="IG30" s="356">
        <v>3321376</v>
      </c>
      <c r="IH30" s="358">
        <v>597338</v>
      </c>
      <c r="II30" s="359">
        <v>20854309</v>
      </c>
      <c r="IJ30" s="358">
        <v>21103152</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13">
        <v>0</v>
      </c>
      <c r="IZ30" s="345">
        <v>0</v>
      </c>
      <c r="JA30" s="345">
        <v>0</v>
      </c>
      <c r="JB30" s="345">
        <v>0</v>
      </c>
      <c r="JC30" s="345">
        <v>0</v>
      </c>
      <c r="JD30" s="345">
        <v>0</v>
      </c>
      <c r="JE30" s="349">
        <v>0</v>
      </c>
      <c r="JF30" s="350">
        <v>0</v>
      </c>
      <c r="JG30" s="348">
        <v>0</v>
      </c>
      <c r="JH30" s="345">
        <v>0</v>
      </c>
      <c r="JI30" s="346">
        <v>0</v>
      </c>
      <c r="JJ30" s="351">
        <v>0</v>
      </c>
      <c r="JK30" s="345">
        <v>3497757</v>
      </c>
      <c r="JL30" s="345">
        <v>2950658</v>
      </c>
      <c r="JM30" s="345">
        <v>1300395</v>
      </c>
      <c r="JN30" s="345">
        <v>693080</v>
      </c>
      <c r="JO30" s="345">
        <v>0</v>
      </c>
      <c r="JP30" s="349">
        <v>8441890</v>
      </c>
      <c r="JQ30" s="347">
        <v>8441890</v>
      </c>
      <c r="JR30" s="348">
        <v>0</v>
      </c>
      <c r="JS30" s="345">
        <v>0</v>
      </c>
      <c r="JT30" s="346">
        <v>0</v>
      </c>
      <c r="JU30" s="351">
        <v>0</v>
      </c>
      <c r="JV30" s="345">
        <v>0</v>
      </c>
      <c r="JW30" s="345">
        <v>0</v>
      </c>
      <c r="JX30" s="345">
        <v>0</v>
      </c>
      <c r="JY30" s="345">
        <v>0</v>
      </c>
      <c r="JZ30" s="345">
        <v>0</v>
      </c>
      <c r="KA30" s="349">
        <v>0</v>
      </c>
      <c r="KB30" s="347">
        <v>0</v>
      </c>
      <c r="KC30" s="352">
        <v>0</v>
      </c>
      <c r="KD30" s="353">
        <v>248843</v>
      </c>
      <c r="KE30" s="349">
        <v>248843</v>
      </c>
      <c r="KF30" s="351">
        <v>0</v>
      </c>
      <c r="KG30" s="345">
        <v>668585</v>
      </c>
      <c r="KH30" s="345">
        <v>1136415</v>
      </c>
      <c r="KI30" s="345">
        <v>241334</v>
      </c>
      <c r="KJ30" s="345">
        <v>1146166</v>
      </c>
      <c r="KK30" s="345">
        <v>0</v>
      </c>
      <c r="KL30" s="349">
        <v>3192500</v>
      </c>
      <c r="KM30" s="354">
        <v>3441343</v>
      </c>
      <c r="KN30" s="342">
        <v>0</v>
      </c>
      <c r="KO30" s="343">
        <v>0</v>
      </c>
      <c r="KP30" s="344">
        <v>0</v>
      </c>
      <c r="KQ30" s="413">
        <v>0</v>
      </c>
      <c r="KR30" s="345">
        <v>2618533</v>
      </c>
      <c r="KS30" s="345">
        <v>1582921</v>
      </c>
      <c r="KT30" s="345">
        <v>2938997</v>
      </c>
      <c r="KU30" s="345">
        <v>1482130</v>
      </c>
      <c r="KV30" s="345">
        <v>597338</v>
      </c>
      <c r="KW30" s="349">
        <v>9219919</v>
      </c>
      <c r="KX30" s="347">
        <v>9219919</v>
      </c>
      <c r="KY30" s="348">
        <v>0</v>
      </c>
      <c r="KZ30" s="345">
        <v>0</v>
      </c>
      <c r="LA30" s="349">
        <v>0</v>
      </c>
      <c r="LB30" s="413">
        <v>0</v>
      </c>
      <c r="LC30" s="345">
        <v>0</v>
      </c>
      <c r="LD30" s="345">
        <v>0</v>
      </c>
      <c r="LE30" s="345">
        <v>0</v>
      </c>
      <c r="LF30" s="345">
        <v>0</v>
      </c>
      <c r="LG30" s="345">
        <v>0</v>
      </c>
      <c r="LH30" s="349">
        <v>0</v>
      </c>
      <c r="LI30" s="350">
        <v>0</v>
      </c>
      <c r="LJ30" s="348">
        <v>0</v>
      </c>
      <c r="LK30" s="345">
        <v>0</v>
      </c>
      <c r="LL30" s="349">
        <v>0</v>
      </c>
      <c r="LM30" s="413">
        <v>0</v>
      </c>
      <c r="LN30" s="345">
        <v>0</v>
      </c>
      <c r="LO30" s="345">
        <v>0</v>
      </c>
      <c r="LP30" s="345">
        <v>0</v>
      </c>
      <c r="LQ30" s="345">
        <v>0</v>
      </c>
      <c r="LR30" s="345">
        <v>0</v>
      </c>
      <c r="LS30" s="349">
        <v>0</v>
      </c>
      <c r="LT30" s="347">
        <v>0</v>
      </c>
      <c r="LU30" s="348">
        <v>0</v>
      </c>
      <c r="LV30" s="345">
        <v>0</v>
      </c>
      <c r="LW30" s="349">
        <v>0</v>
      </c>
      <c r="LX30" s="413">
        <v>0</v>
      </c>
      <c r="LY30" s="345">
        <v>0</v>
      </c>
      <c r="LZ30" s="345">
        <v>0</v>
      </c>
      <c r="MA30" s="345">
        <v>0</v>
      </c>
      <c r="MB30" s="345">
        <v>0</v>
      </c>
      <c r="MC30" s="345">
        <v>0</v>
      </c>
      <c r="MD30" s="349">
        <v>0</v>
      </c>
      <c r="ME30" s="350">
        <v>0</v>
      </c>
      <c r="MF30" s="348">
        <v>0</v>
      </c>
      <c r="MG30" s="345">
        <v>0</v>
      </c>
      <c r="MH30" s="349">
        <v>0</v>
      </c>
      <c r="MI30" s="413">
        <v>0</v>
      </c>
      <c r="MJ30" s="345">
        <v>2723610</v>
      </c>
      <c r="MK30" s="345">
        <v>10412643</v>
      </c>
      <c r="ML30" s="345">
        <v>23867013</v>
      </c>
      <c r="MM30" s="345">
        <v>38905716</v>
      </c>
      <c r="MN30" s="345">
        <v>20768433</v>
      </c>
      <c r="MO30" s="349">
        <v>96677415</v>
      </c>
      <c r="MP30" s="354">
        <v>96677415</v>
      </c>
      <c r="MQ30" s="348">
        <v>0</v>
      </c>
      <c r="MR30" s="345">
        <v>0</v>
      </c>
      <c r="MS30" s="349">
        <v>0</v>
      </c>
      <c r="MT30" s="413">
        <v>0</v>
      </c>
      <c r="MU30" s="345">
        <v>196718</v>
      </c>
      <c r="MV30" s="345">
        <v>1456632</v>
      </c>
      <c r="MW30" s="345">
        <v>16002095</v>
      </c>
      <c r="MX30" s="345">
        <v>22424511</v>
      </c>
      <c r="MY30" s="345">
        <v>14328500</v>
      </c>
      <c r="MZ30" s="349">
        <v>54408456</v>
      </c>
      <c r="NA30" s="354">
        <v>54408456</v>
      </c>
      <c r="NB30" s="348">
        <v>0</v>
      </c>
      <c r="NC30" s="345">
        <v>0</v>
      </c>
      <c r="ND30" s="349">
        <v>0</v>
      </c>
      <c r="NE30" s="413">
        <v>0</v>
      </c>
      <c r="NF30" s="345">
        <v>2526892</v>
      </c>
      <c r="NG30" s="345">
        <v>8956011</v>
      </c>
      <c r="NH30" s="345">
        <v>7864918</v>
      </c>
      <c r="NI30" s="345">
        <v>16481205</v>
      </c>
      <c r="NJ30" s="345">
        <v>5550797</v>
      </c>
      <c r="NK30" s="349">
        <v>41379823</v>
      </c>
      <c r="NL30" s="347">
        <v>41379823</v>
      </c>
      <c r="NM30" s="348">
        <v>0</v>
      </c>
      <c r="NN30" s="345">
        <v>0</v>
      </c>
      <c r="NO30" s="349">
        <v>0</v>
      </c>
      <c r="NP30" s="413">
        <v>0</v>
      </c>
      <c r="NQ30" s="345">
        <v>0</v>
      </c>
      <c r="NR30" s="345">
        <v>0</v>
      </c>
      <c r="NS30" s="345">
        <v>0</v>
      </c>
      <c r="NT30" s="345">
        <v>0</v>
      </c>
      <c r="NU30" s="345">
        <v>0</v>
      </c>
      <c r="NV30" s="349">
        <v>0</v>
      </c>
      <c r="NW30" s="350">
        <v>0</v>
      </c>
      <c r="NX30" s="348">
        <v>0</v>
      </c>
      <c r="NY30" s="345">
        <v>0</v>
      </c>
      <c r="NZ30" s="349">
        <v>0</v>
      </c>
      <c r="OA30" s="413">
        <v>0</v>
      </c>
      <c r="OB30" s="345">
        <v>0</v>
      </c>
      <c r="OC30" s="345">
        <v>0</v>
      </c>
      <c r="OD30" s="345">
        <v>0</v>
      </c>
      <c r="OE30" s="345">
        <v>0</v>
      </c>
      <c r="OF30" s="345">
        <v>889136</v>
      </c>
      <c r="OG30" s="349">
        <v>889136</v>
      </c>
      <c r="OH30" s="350">
        <v>889136</v>
      </c>
      <c r="OI30" s="348">
        <v>2219544</v>
      </c>
      <c r="OJ30" s="345">
        <v>5446728</v>
      </c>
      <c r="OK30" s="346">
        <v>7666272</v>
      </c>
      <c r="OL30" s="351">
        <v>0</v>
      </c>
      <c r="OM30" s="345">
        <v>43351915</v>
      </c>
      <c r="ON30" s="345">
        <v>53288723</v>
      </c>
      <c r="OO30" s="345">
        <v>56520942</v>
      </c>
      <c r="OP30" s="345">
        <v>71494616</v>
      </c>
      <c r="OQ30" s="345">
        <v>42222995</v>
      </c>
      <c r="OR30" s="349">
        <v>266879191</v>
      </c>
      <c r="OS30" s="354">
        <v>274545463</v>
      </c>
    </row>
    <row r="31" spans="2:409" s="70" customFormat="1" ht="21" customHeight="1" x14ac:dyDescent="0.2">
      <c r="B31" s="410" t="s">
        <v>26</v>
      </c>
      <c r="C31" s="326">
        <v>2418306</v>
      </c>
      <c r="D31" s="327">
        <v>2981729</v>
      </c>
      <c r="E31" s="328">
        <v>5400035</v>
      </c>
      <c r="F31" s="329">
        <v>0</v>
      </c>
      <c r="G31" s="327">
        <v>24050519</v>
      </c>
      <c r="H31" s="327">
        <v>37578015</v>
      </c>
      <c r="I31" s="327">
        <v>28080564</v>
      </c>
      <c r="J31" s="327">
        <v>19628998</v>
      </c>
      <c r="K31" s="327">
        <v>26279960</v>
      </c>
      <c r="L31" s="367">
        <v>135618056</v>
      </c>
      <c r="M31" s="330">
        <v>141018091</v>
      </c>
      <c r="N31" s="326">
        <v>668065</v>
      </c>
      <c r="O31" s="327">
        <v>675829</v>
      </c>
      <c r="P31" s="328">
        <v>1343894</v>
      </c>
      <c r="Q31" s="326">
        <v>0</v>
      </c>
      <c r="R31" s="327">
        <v>6318903</v>
      </c>
      <c r="S31" s="327">
        <v>12033147</v>
      </c>
      <c r="T31" s="327">
        <v>9759806</v>
      </c>
      <c r="U31" s="327">
        <v>7070580</v>
      </c>
      <c r="V31" s="327">
        <v>13287101</v>
      </c>
      <c r="W31" s="328">
        <v>48469537</v>
      </c>
      <c r="X31" s="330">
        <v>49813431</v>
      </c>
      <c r="Y31" s="326">
        <v>0</v>
      </c>
      <c r="Z31" s="327">
        <v>0</v>
      </c>
      <c r="AA31" s="328">
        <v>0</v>
      </c>
      <c r="AB31" s="326">
        <v>0</v>
      </c>
      <c r="AC31" s="327">
        <v>2409909</v>
      </c>
      <c r="AD31" s="327">
        <v>6648861</v>
      </c>
      <c r="AE31" s="327">
        <v>5929636</v>
      </c>
      <c r="AF31" s="327">
        <v>3627610</v>
      </c>
      <c r="AG31" s="327">
        <v>8302847</v>
      </c>
      <c r="AH31" s="328">
        <v>26918863</v>
      </c>
      <c r="AI31" s="330">
        <v>26918863</v>
      </c>
      <c r="AJ31" s="326">
        <v>0</v>
      </c>
      <c r="AK31" s="327">
        <v>0</v>
      </c>
      <c r="AL31" s="328">
        <v>0</v>
      </c>
      <c r="AM31" s="326">
        <v>0</v>
      </c>
      <c r="AN31" s="327">
        <v>0</v>
      </c>
      <c r="AO31" s="327">
        <v>120037</v>
      </c>
      <c r="AP31" s="327">
        <v>240073</v>
      </c>
      <c r="AQ31" s="327">
        <v>561655</v>
      </c>
      <c r="AR31" s="327">
        <v>1086183</v>
      </c>
      <c r="AS31" s="328">
        <v>2007948</v>
      </c>
      <c r="AT31" s="330">
        <v>2007948</v>
      </c>
      <c r="AU31" s="326">
        <v>518109</v>
      </c>
      <c r="AV31" s="327">
        <v>556639</v>
      </c>
      <c r="AW31" s="328">
        <v>1074748</v>
      </c>
      <c r="AX31" s="326">
        <v>0</v>
      </c>
      <c r="AY31" s="327">
        <v>2869318</v>
      </c>
      <c r="AZ31" s="327">
        <v>3995629</v>
      </c>
      <c r="BA31" s="327">
        <v>2120602</v>
      </c>
      <c r="BB31" s="327">
        <v>1875465</v>
      </c>
      <c r="BC31" s="327">
        <v>2965146</v>
      </c>
      <c r="BD31" s="328">
        <v>13826160</v>
      </c>
      <c r="BE31" s="330">
        <v>14900908</v>
      </c>
      <c r="BF31" s="326">
        <v>34978</v>
      </c>
      <c r="BG31" s="327">
        <v>66387</v>
      </c>
      <c r="BH31" s="331">
        <v>101365</v>
      </c>
      <c r="BI31" s="332">
        <v>0</v>
      </c>
      <c r="BJ31" s="327">
        <v>161649</v>
      </c>
      <c r="BK31" s="327">
        <v>90967</v>
      </c>
      <c r="BL31" s="327">
        <v>162982</v>
      </c>
      <c r="BM31" s="327">
        <v>62608</v>
      </c>
      <c r="BN31" s="327">
        <v>109038</v>
      </c>
      <c r="BO31" s="328">
        <v>587244</v>
      </c>
      <c r="BP31" s="330">
        <v>688609</v>
      </c>
      <c r="BQ31" s="326">
        <v>114978</v>
      </c>
      <c r="BR31" s="327">
        <v>52803</v>
      </c>
      <c r="BS31" s="328">
        <v>167781</v>
      </c>
      <c r="BT31" s="326">
        <v>0</v>
      </c>
      <c r="BU31" s="327">
        <v>878027</v>
      </c>
      <c r="BV31" s="327">
        <v>1177653</v>
      </c>
      <c r="BW31" s="327">
        <v>1306513</v>
      </c>
      <c r="BX31" s="327">
        <v>943242</v>
      </c>
      <c r="BY31" s="327">
        <v>823887</v>
      </c>
      <c r="BZ31" s="328">
        <v>5129322</v>
      </c>
      <c r="CA31" s="330">
        <v>5297103</v>
      </c>
      <c r="CB31" s="326">
        <v>113322</v>
      </c>
      <c r="CC31" s="327">
        <v>282332</v>
      </c>
      <c r="CD31" s="328">
        <v>395654</v>
      </c>
      <c r="CE31" s="326">
        <v>0</v>
      </c>
      <c r="CF31" s="327">
        <v>6805591</v>
      </c>
      <c r="CG31" s="327">
        <v>10500394</v>
      </c>
      <c r="CH31" s="327">
        <v>6175921</v>
      </c>
      <c r="CI31" s="327">
        <v>2232922</v>
      </c>
      <c r="CJ31" s="327">
        <v>3001612</v>
      </c>
      <c r="CK31" s="328">
        <v>28716440</v>
      </c>
      <c r="CL31" s="330">
        <v>29112094</v>
      </c>
      <c r="CM31" s="326">
        <v>0</v>
      </c>
      <c r="CN31" s="327">
        <v>0</v>
      </c>
      <c r="CO31" s="328">
        <v>0</v>
      </c>
      <c r="CP31" s="332">
        <v>0</v>
      </c>
      <c r="CQ31" s="327">
        <v>5715859</v>
      </c>
      <c r="CR31" s="327">
        <v>8462269</v>
      </c>
      <c r="CS31" s="327">
        <v>5030778</v>
      </c>
      <c r="CT31" s="327">
        <v>1323684</v>
      </c>
      <c r="CU31" s="327">
        <v>2475047</v>
      </c>
      <c r="CV31" s="328">
        <v>23007637</v>
      </c>
      <c r="CW31" s="330">
        <v>23007637</v>
      </c>
      <c r="CX31" s="326">
        <v>113322</v>
      </c>
      <c r="CY31" s="327">
        <v>282332</v>
      </c>
      <c r="CZ31" s="328">
        <v>395654</v>
      </c>
      <c r="DA31" s="326">
        <v>0</v>
      </c>
      <c r="DB31" s="327">
        <v>1089732</v>
      </c>
      <c r="DC31" s="327">
        <v>2038125</v>
      </c>
      <c r="DD31" s="327">
        <v>1145143</v>
      </c>
      <c r="DE31" s="327">
        <v>909238</v>
      </c>
      <c r="DF31" s="327">
        <v>526565</v>
      </c>
      <c r="DG31" s="328">
        <v>5708803</v>
      </c>
      <c r="DH31" s="330">
        <v>6104457</v>
      </c>
      <c r="DI31" s="326">
        <v>20647</v>
      </c>
      <c r="DJ31" s="327">
        <v>66633</v>
      </c>
      <c r="DK31" s="331">
        <v>87280</v>
      </c>
      <c r="DL31" s="332">
        <v>0</v>
      </c>
      <c r="DM31" s="327">
        <v>772851</v>
      </c>
      <c r="DN31" s="327">
        <v>1845494</v>
      </c>
      <c r="DO31" s="327">
        <v>2181115</v>
      </c>
      <c r="DP31" s="327">
        <v>1684807</v>
      </c>
      <c r="DQ31" s="327">
        <v>2962833</v>
      </c>
      <c r="DR31" s="328">
        <v>9447100</v>
      </c>
      <c r="DS31" s="330">
        <v>9534380</v>
      </c>
      <c r="DT31" s="326">
        <v>20647</v>
      </c>
      <c r="DU31" s="327">
        <v>66633</v>
      </c>
      <c r="DV31" s="328">
        <v>87280</v>
      </c>
      <c r="DW31" s="326">
        <v>0</v>
      </c>
      <c r="DX31" s="327">
        <v>686958</v>
      </c>
      <c r="DY31" s="327">
        <v>1758419</v>
      </c>
      <c r="DZ31" s="327">
        <v>1922853</v>
      </c>
      <c r="EA31" s="327">
        <v>1493204</v>
      </c>
      <c r="EB31" s="327">
        <v>2767508</v>
      </c>
      <c r="EC31" s="328">
        <v>8628942</v>
      </c>
      <c r="ED31" s="330">
        <v>8716222</v>
      </c>
      <c r="EE31" s="326">
        <v>0</v>
      </c>
      <c r="EF31" s="331">
        <v>0</v>
      </c>
      <c r="EG31" s="328">
        <v>0</v>
      </c>
      <c r="EH31" s="326">
        <v>0</v>
      </c>
      <c r="EI31" s="327">
        <v>85893</v>
      </c>
      <c r="EJ31" s="327">
        <v>87075</v>
      </c>
      <c r="EK31" s="327">
        <v>258262</v>
      </c>
      <c r="EL31" s="327">
        <v>191603</v>
      </c>
      <c r="EM31" s="327">
        <v>195325</v>
      </c>
      <c r="EN31" s="331">
        <v>818158</v>
      </c>
      <c r="EO31" s="330">
        <v>818158</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661544</v>
      </c>
      <c r="FM31" s="327">
        <v>1003755</v>
      </c>
      <c r="FN31" s="328">
        <v>1665299</v>
      </c>
      <c r="FO31" s="326">
        <v>0</v>
      </c>
      <c r="FP31" s="327">
        <v>1244033</v>
      </c>
      <c r="FQ31" s="327">
        <v>3653685</v>
      </c>
      <c r="FR31" s="327">
        <v>2058885</v>
      </c>
      <c r="FS31" s="327">
        <v>1706912</v>
      </c>
      <c r="FT31" s="327">
        <v>1796054</v>
      </c>
      <c r="FU31" s="328">
        <v>10459569</v>
      </c>
      <c r="FV31" s="330">
        <v>12124868</v>
      </c>
      <c r="FW31" s="333">
        <v>420424</v>
      </c>
      <c r="FX31" s="327">
        <v>684507</v>
      </c>
      <c r="FY31" s="331">
        <v>1104931</v>
      </c>
      <c r="FZ31" s="332">
        <v>0</v>
      </c>
      <c r="GA31" s="327">
        <v>1024996</v>
      </c>
      <c r="GB31" s="327">
        <v>2894459</v>
      </c>
      <c r="GC31" s="327">
        <v>1862666</v>
      </c>
      <c r="GD31" s="327">
        <v>1613474</v>
      </c>
      <c r="GE31" s="327">
        <v>1796054</v>
      </c>
      <c r="GF31" s="328">
        <v>9191649</v>
      </c>
      <c r="GG31" s="334">
        <v>10296580</v>
      </c>
      <c r="GH31" s="333">
        <v>73414</v>
      </c>
      <c r="GI31" s="327">
        <v>19008</v>
      </c>
      <c r="GJ31" s="331">
        <v>92422</v>
      </c>
      <c r="GK31" s="332">
        <v>0</v>
      </c>
      <c r="GL31" s="327">
        <v>117562</v>
      </c>
      <c r="GM31" s="327">
        <v>151726</v>
      </c>
      <c r="GN31" s="327">
        <v>56287</v>
      </c>
      <c r="GO31" s="327">
        <v>53028</v>
      </c>
      <c r="GP31" s="327">
        <v>0</v>
      </c>
      <c r="GQ31" s="328">
        <v>378603</v>
      </c>
      <c r="GR31" s="330">
        <v>471025</v>
      </c>
      <c r="GS31" s="326">
        <v>167706</v>
      </c>
      <c r="GT31" s="327">
        <v>300240</v>
      </c>
      <c r="GU31" s="328">
        <v>467946</v>
      </c>
      <c r="GV31" s="326">
        <v>0</v>
      </c>
      <c r="GW31" s="327">
        <v>101475</v>
      </c>
      <c r="GX31" s="327">
        <v>607500</v>
      </c>
      <c r="GY31" s="327">
        <v>139932</v>
      </c>
      <c r="GZ31" s="327">
        <v>40410</v>
      </c>
      <c r="HA31" s="327">
        <v>0</v>
      </c>
      <c r="HB31" s="331">
        <v>889317</v>
      </c>
      <c r="HC31" s="330">
        <v>1357263</v>
      </c>
      <c r="HD31" s="326">
        <v>495106</v>
      </c>
      <c r="HE31" s="327">
        <v>305539</v>
      </c>
      <c r="HF31" s="331">
        <v>800645</v>
      </c>
      <c r="HG31" s="332">
        <v>0</v>
      </c>
      <c r="HH31" s="327">
        <v>4892057</v>
      </c>
      <c r="HI31" s="327">
        <v>4877601</v>
      </c>
      <c r="HJ31" s="327">
        <v>5218205</v>
      </c>
      <c r="HK31" s="327">
        <v>5354954</v>
      </c>
      <c r="HL31" s="327">
        <v>3635427</v>
      </c>
      <c r="HM31" s="328">
        <v>23978244</v>
      </c>
      <c r="HN31" s="329">
        <v>24778889</v>
      </c>
      <c r="HO31" s="333">
        <v>459622</v>
      </c>
      <c r="HP31" s="327">
        <v>647641</v>
      </c>
      <c r="HQ31" s="328">
        <v>1107263</v>
      </c>
      <c r="HR31" s="326">
        <v>0</v>
      </c>
      <c r="HS31" s="327">
        <v>4017084</v>
      </c>
      <c r="HT31" s="327">
        <v>4667694</v>
      </c>
      <c r="HU31" s="327">
        <v>2686632</v>
      </c>
      <c r="HV31" s="327">
        <v>1578823</v>
      </c>
      <c r="HW31" s="327">
        <v>1596933</v>
      </c>
      <c r="HX31" s="331">
        <v>14547166</v>
      </c>
      <c r="HY31" s="330">
        <v>15654429</v>
      </c>
      <c r="HZ31" s="335">
        <v>0</v>
      </c>
      <c r="IA31" s="336">
        <v>0</v>
      </c>
      <c r="IB31" s="337">
        <v>0</v>
      </c>
      <c r="IC31" s="338">
        <v>0</v>
      </c>
      <c r="ID31" s="336">
        <v>4589435</v>
      </c>
      <c r="IE31" s="339">
        <v>8363856</v>
      </c>
      <c r="IF31" s="337">
        <v>10639213</v>
      </c>
      <c r="IG31" s="336">
        <v>5894378</v>
      </c>
      <c r="IH31" s="337">
        <v>3459360</v>
      </c>
      <c r="II31" s="340">
        <v>32946242</v>
      </c>
      <c r="IJ31" s="341">
        <v>32946242</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13">
        <v>0</v>
      </c>
      <c r="IZ31" s="345">
        <v>0</v>
      </c>
      <c r="JA31" s="345">
        <v>0</v>
      </c>
      <c r="JB31" s="345">
        <v>0</v>
      </c>
      <c r="JC31" s="345">
        <v>0</v>
      </c>
      <c r="JD31" s="345">
        <v>0</v>
      </c>
      <c r="JE31" s="349">
        <v>0</v>
      </c>
      <c r="JF31" s="350">
        <v>0</v>
      </c>
      <c r="JG31" s="348">
        <v>0</v>
      </c>
      <c r="JH31" s="345">
        <v>0</v>
      </c>
      <c r="JI31" s="346">
        <v>0</v>
      </c>
      <c r="JJ31" s="351">
        <v>0</v>
      </c>
      <c r="JK31" s="345">
        <v>2654260</v>
      </c>
      <c r="JL31" s="345">
        <v>3158259</v>
      </c>
      <c r="JM31" s="345">
        <v>3383164</v>
      </c>
      <c r="JN31" s="345">
        <v>1608763</v>
      </c>
      <c r="JO31" s="345">
        <v>782081</v>
      </c>
      <c r="JP31" s="349">
        <v>11586527</v>
      </c>
      <c r="JQ31" s="347">
        <v>11586527</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416699</v>
      </c>
      <c r="KH31" s="345">
        <v>1650832</v>
      </c>
      <c r="KI31" s="345">
        <v>1951972</v>
      </c>
      <c r="KJ31" s="345">
        <v>304736</v>
      </c>
      <c r="KK31" s="345">
        <v>1815540</v>
      </c>
      <c r="KL31" s="349">
        <v>6139779</v>
      </c>
      <c r="KM31" s="354">
        <v>6139779</v>
      </c>
      <c r="KN31" s="342">
        <v>0</v>
      </c>
      <c r="KO31" s="343">
        <v>0</v>
      </c>
      <c r="KP31" s="344">
        <v>0</v>
      </c>
      <c r="KQ31" s="413">
        <v>0</v>
      </c>
      <c r="KR31" s="345">
        <v>1518476</v>
      </c>
      <c r="KS31" s="345">
        <v>3554765</v>
      </c>
      <c r="KT31" s="345">
        <v>5304077</v>
      </c>
      <c r="KU31" s="345">
        <v>3980879</v>
      </c>
      <c r="KV31" s="345">
        <v>861739</v>
      </c>
      <c r="KW31" s="349">
        <v>15219936</v>
      </c>
      <c r="KX31" s="347">
        <v>15219936</v>
      </c>
      <c r="KY31" s="348">
        <v>0</v>
      </c>
      <c r="KZ31" s="345">
        <v>0</v>
      </c>
      <c r="LA31" s="349">
        <v>0</v>
      </c>
      <c r="LB31" s="413">
        <v>0</v>
      </c>
      <c r="LC31" s="345">
        <v>0</v>
      </c>
      <c r="LD31" s="345">
        <v>0</v>
      </c>
      <c r="LE31" s="345">
        <v>0</v>
      </c>
      <c r="LF31" s="345">
        <v>0</v>
      </c>
      <c r="LG31" s="345">
        <v>0</v>
      </c>
      <c r="LH31" s="349">
        <v>0</v>
      </c>
      <c r="LI31" s="350">
        <v>0</v>
      </c>
      <c r="LJ31" s="348">
        <v>0</v>
      </c>
      <c r="LK31" s="345">
        <v>0</v>
      </c>
      <c r="LL31" s="349">
        <v>0</v>
      </c>
      <c r="LM31" s="413">
        <v>0</v>
      </c>
      <c r="LN31" s="345">
        <v>0</v>
      </c>
      <c r="LO31" s="345">
        <v>0</v>
      </c>
      <c r="LP31" s="345">
        <v>0</v>
      </c>
      <c r="LQ31" s="345">
        <v>0</v>
      </c>
      <c r="LR31" s="345">
        <v>0</v>
      </c>
      <c r="LS31" s="349">
        <v>0</v>
      </c>
      <c r="LT31" s="347">
        <v>0</v>
      </c>
      <c r="LU31" s="348">
        <v>0</v>
      </c>
      <c r="LV31" s="345">
        <v>0</v>
      </c>
      <c r="LW31" s="349">
        <v>0</v>
      </c>
      <c r="LX31" s="413">
        <v>0</v>
      </c>
      <c r="LY31" s="345">
        <v>0</v>
      </c>
      <c r="LZ31" s="345">
        <v>0</v>
      </c>
      <c r="MA31" s="345">
        <v>0</v>
      </c>
      <c r="MB31" s="345">
        <v>0</v>
      </c>
      <c r="MC31" s="345">
        <v>0</v>
      </c>
      <c r="MD31" s="349">
        <v>0</v>
      </c>
      <c r="ME31" s="350">
        <v>0</v>
      </c>
      <c r="MF31" s="348">
        <v>0</v>
      </c>
      <c r="MG31" s="345">
        <v>0</v>
      </c>
      <c r="MH31" s="349">
        <v>0</v>
      </c>
      <c r="MI31" s="413">
        <v>0</v>
      </c>
      <c r="MJ31" s="345">
        <v>1258147</v>
      </c>
      <c r="MK31" s="345">
        <v>4522806</v>
      </c>
      <c r="ML31" s="345">
        <v>18079838</v>
      </c>
      <c r="MM31" s="345">
        <v>25017847</v>
      </c>
      <c r="MN31" s="345">
        <v>20115892</v>
      </c>
      <c r="MO31" s="349">
        <v>68994530</v>
      </c>
      <c r="MP31" s="354">
        <v>68994530</v>
      </c>
      <c r="MQ31" s="348">
        <v>0</v>
      </c>
      <c r="MR31" s="345">
        <v>0</v>
      </c>
      <c r="MS31" s="349">
        <v>0</v>
      </c>
      <c r="MT31" s="413">
        <v>0</v>
      </c>
      <c r="MU31" s="345">
        <v>338870</v>
      </c>
      <c r="MV31" s="345">
        <v>1050407</v>
      </c>
      <c r="MW31" s="345">
        <v>9737175</v>
      </c>
      <c r="MX31" s="345">
        <v>18663350</v>
      </c>
      <c r="MY31" s="345">
        <v>14707068</v>
      </c>
      <c r="MZ31" s="349">
        <v>44496870</v>
      </c>
      <c r="NA31" s="354">
        <v>44496870</v>
      </c>
      <c r="NB31" s="348">
        <v>0</v>
      </c>
      <c r="NC31" s="345">
        <v>0</v>
      </c>
      <c r="ND31" s="349">
        <v>0</v>
      </c>
      <c r="NE31" s="413">
        <v>0</v>
      </c>
      <c r="NF31" s="345">
        <v>919277</v>
      </c>
      <c r="NG31" s="345">
        <v>3161373</v>
      </c>
      <c r="NH31" s="345">
        <v>8342663</v>
      </c>
      <c r="NI31" s="345">
        <v>6354497</v>
      </c>
      <c r="NJ31" s="345">
        <v>4059285</v>
      </c>
      <c r="NK31" s="349">
        <v>22837095</v>
      </c>
      <c r="NL31" s="347">
        <v>22837095</v>
      </c>
      <c r="NM31" s="348">
        <v>0</v>
      </c>
      <c r="NN31" s="345">
        <v>0</v>
      </c>
      <c r="NO31" s="349">
        <v>0</v>
      </c>
      <c r="NP31" s="413">
        <v>0</v>
      </c>
      <c r="NQ31" s="345">
        <v>0</v>
      </c>
      <c r="NR31" s="345">
        <v>0</v>
      </c>
      <c r="NS31" s="345">
        <v>0</v>
      </c>
      <c r="NT31" s="345">
        <v>0</v>
      </c>
      <c r="NU31" s="345">
        <v>0</v>
      </c>
      <c r="NV31" s="349">
        <v>0</v>
      </c>
      <c r="NW31" s="350">
        <v>0</v>
      </c>
      <c r="NX31" s="348">
        <v>0</v>
      </c>
      <c r="NY31" s="345">
        <v>0</v>
      </c>
      <c r="NZ31" s="349">
        <v>0</v>
      </c>
      <c r="OA31" s="413">
        <v>0</v>
      </c>
      <c r="OB31" s="345">
        <v>0</v>
      </c>
      <c r="OC31" s="345">
        <v>311026</v>
      </c>
      <c r="OD31" s="345">
        <v>0</v>
      </c>
      <c r="OE31" s="345">
        <v>0</v>
      </c>
      <c r="OF31" s="345">
        <v>1349539</v>
      </c>
      <c r="OG31" s="349">
        <v>1660565</v>
      </c>
      <c r="OH31" s="350">
        <v>1660565</v>
      </c>
      <c r="OI31" s="348">
        <v>2418306</v>
      </c>
      <c r="OJ31" s="345">
        <v>2981729</v>
      </c>
      <c r="OK31" s="346">
        <v>5400035</v>
      </c>
      <c r="OL31" s="351">
        <v>0</v>
      </c>
      <c r="OM31" s="345">
        <v>29898101</v>
      </c>
      <c r="ON31" s="345">
        <v>50464677</v>
      </c>
      <c r="OO31" s="345">
        <v>56799615</v>
      </c>
      <c r="OP31" s="345">
        <v>50541223</v>
      </c>
      <c r="OQ31" s="345">
        <v>49855212</v>
      </c>
      <c r="OR31" s="349">
        <v>237558828</v>
      </c>
      <c r="OS31" s="354">
        <v>242958863</v>
      </c>
    </row>
    <row r="32" spans="2:409" s="70" customFormat="1" ht="21" customHeight="1" x14ac:dyDescent="0.2">
      <c r="B32" s="410" t="s">
        <v>27</v>
      </c>
      <c r="C32" s="326">
        <v>3536316</v>
      </c>
      <c r="D32" s="327">
        <v>7276798</v>
      </c>
      <c r="E32" s="328">
        <v>10813114</v>
      </c>
      <c r="F32" s="329">
        <v>0</v>
      </c>
      <c r="G32" s="327">
        <v>27326598</v>
      </c>
      <c r="H32" s="327">
        <v>22912665</v>
      </c>
      <c r="I32" s="327">
        <v>22963482</v>
      </c>
      <c r="J32" s="327">
        <v>23482918</v>
      </c>
      <c r="K32" s="327">
        <v>17488862</v>
      </c>
      <c r="L32" s="367">
        <v>114174525</v>
      </c>
      <c r="M32" s="330">
        <v>124987639</v>
      </c>
      <c r="N32" s="326">
        <v>739787</v>
      </c>
      <c r="O32" s="327">
        <v>1952932</v>
      </c>
      <c r="P32" s="328">
        <v>2692719</v>
      </c>
      <c r="Q32" s="326">
        <v>0</v>
      </c>
      <c r="R32" s="327">
        <v>5137136</v>
      </c>
      <c r="S32" s="327">
        <v>6592930</v>
      </c>
      <c r="T32" s="327">
        <v>6927096</v>
      </c>
      <c r="U32" s="327">
        <v>8278314</v>
      </c>
      <c r="V32" s="327">
        <v>8597707</v>
      </c>
      <c r="W32" s="328">
        <v>35533183</v>
      </c>
      <c r="X32" s="330">
        <v>38225902</v>
      </c>
      <c r="Y32" s="326">
        <v>0</v>
      </c>
      <c r="Z32" s="327">
        <v>0</v>
      </c>
      <c r="AA32" s="328">
        <v>0</v>
      </c>
      <c r="AB32" s="326">
        <v>0</v>
      </c>
      <c r="AC32" s="327">
        <v>2719069</v>
      </c>
      <c r="AD32" s="327">
        <v>3341826</v>
      </c>
      <c r="AE32" s="327">
        <v>3918584</v>
      </c>
      <c r="AF32" s="327">
        <v>4841103</v>
      </c>
      <c r="AG32" s="327">
        <v>4949697</v>
      </c>
      <c r="AH32" s="328">
        <v>19770279</v>
      </c>
      <c r="AI32" s="330">
        <v>19770279</v>
      </c>
      <c r="AJ32" s="326">
        <v>0</v>
      </c>
      <c r="AK32" s="327">
        <v>0</v>
      </c>
      <c r="AL32" s="328">
        <v>0</v>
      </c>
      <c r="AM32" s="326">
        <v>0</v>
      </c>
      <c r="AN32" s="327">
        <v>64942</v>
      </c>
      <c r="AO32" s="327">
        <v>78680</v>
      </c>
      <c r="AP32" s="327">
        <v>323662</v>
      </c>
      <c r="AQ32" s="327">
        <v>592165</v>
      </c>
      <c r="AR32" s="327">
        <v>836161</v>
      </c>
      <c r="AS32" s="328">
        <v>1895610</v>
      </c>
      <c r="AT32" s="330">
        <v>1895610</v>
      </c>
      <c r="AU32" s="326">
        <v>606047</v>
      </c>
      <c r="AV32" s="327">
        <v>1577609</v>
      </c>
      <c r="AW32" s="328">
        <v>2183656</v>
      </c>
      <c r="AX32" s="326">
        <v>0</v>
      </c>
      <c r="AY32" s="327">
        <v>1280223</v>
      </c>
      <c r="AZ32" s="327">
        <v>2377190</v>
      </c>
      <c r="BA32" s="327">
        <v>1667958</v>
      </c>
      <c r="BB32" s="327">
        <v>1925081</v>
      </c>
      <c r="BC32" s="327">
        <v>2155590</v>
      </c>
      <c r="BD32" s="328">
        <v>9406042</v>
      </c>
      <c r="BE32" s="330">
        <v>11589698</v>
      </c>
      <c r="BF32" s="326">
        <v>34637</v>
      </c>
      <c r="BG32" s="327">
        <v>90409</v>
      </c>
      <c r="BH32" s="331">
        <v>125046</v>
      </c>
      <c r="BI32" s="332">
        <v>0</v>
      </c>
      <c r="BJ32" s="327">
        <v>26832</v>
      </c>
      <c r="BK32" s="327">
        <v>0</v>
      </c>
      <c r="BL32" s="327">
        <v>89442</v>
      </c>
      <c r="BM32" s="327">
        <v>28437</v>
      </c>
      <c r="BN32" s="327">
        <v>50501</v>
      </c>
      <c r="BO32" s="328">
        <v>195212</v>
      </c>
      <c r="BP32" s="330">
        <v>320258</v>
      </c>
      <c r="BQ32" s="326">
        <v>99103</v>
      </c>
      <c r="BR32" s="327">
        <v>284914</v>
      </c>
      <c r="BS32" s="328">
        <v>384017</v>
      </c>
      <c r="BT32" s="326">
        <v>0</v>
      </c>
      <c r="BU32" s="327">
        <v>1046070</v>
      </c>
      <c r="BV32" s="327">
        <v>795234</v>
      </c>
      <c r="BW32" s="327">
        <v>927450</v>
      </c>
      <c r="BX32" s="327">
        <v>891528</v>
      </c>
      <c r="BY32" s="327">
        <v>605758</v>
      </c>
      <c r="BZ32" s="328">
        <v>4266040</v>
      </c>
      <c r="CA32" s="330">
        <v>4650057</v>
      </c>
      <c r="CB32" s="326">
        <v>445109</v>
      </c>
      <c r="CC32" s="327">
        <v>1378808</v>
      </c>
      <c r="CD32" s="328">
        <v>1823917</v>
      </c>
      <c r="CE32" s="326">
        <v>0</v>
      </c>
      <c r="CF32" s="327">
        <v>8184064</v>
      </c>
      <c r="CG32" s="327">
        <v>6149990</v>
      </c>
      <c r="CH32" s="327">
        <v>4931227</v>
      </c>
      <c r="CI32" s="327">
        <v>4524232</v>
      </c>
      <c r="CJ32" s="327">
        <v>2027997</v>
      </c>
      <c r="CK32" s="328">
        <v>25817510</v>
      </c>
      <c r="CL32" s="330">
        <v>27641427</v>
      </c>
      <c r="CM32" s="326">
        <v>0</v>
      </c>
      <c r="CN32" s="327">
        <v>0</v>
      </c>
      <c r="CO32" s="328">
        <v>0</v>
      </c>
      <c r="CP32" s="332">
        <v>0</v>
      </c>
      <c r="CQ32" s="327">
        <v>6953453</v>
      </c>
      <c r="CR32" s="327">
        <v>4042610</v>
      </c>
      <c r="CS32" s="327">
        <v>3404547</v>
      </c>
      <c r="CT32" s="327">
        <v>4107537</v>
      </c>
      <c r="CU32" s="327">
        <v>1331563</v>
      </c>
      <c r="CV32" s="328">
        <v>19839710</v>
      </c>
      <c r="CW32" s="330">
        <v>19839710</v>
      </c>
      <c r="CX32" s="326">
        <v>445109</v>
      </c>
      <c r="CY32" s="327">
        <v>1378808</v>
      </c>
      <c r="CZ32" s="328">
        <v>1823917</v>
      </c>
      <c r="DA32" s="326">
        <v>0</v>
      </c>
      <c r="DB32" s="327">
        <v>1230611</v>
      </c>
      <c r="DC32" s="327">
        <v>2107380</v>
      </c>
      <c r="DD32" s="327">
        <v>1526680</v>
      </c>
      <c r="DE32" s="327">
        <v>416695</v>
      </c>
      <c r="DF32" s="327">
        <v>696434</v>
      </c>
      <c r="DG32" s="328">
        <v>5977800</v>
      </c>
      <c r="DH32" s="330">
        <v>7801717</v>
      </c>
      <c r="DI32" s="326">
        <v>16711</v>
      </c>
      <c r="DJ32" s="327">
        <v>83839</v>
      </c>
      <c r="DK32" s="331">
        <v>100550</v>
      </c>
      <c r="DL32" s="332">
        <v>0</v>
      </c>
      <c r="DM32" s="327">
        <v>911349</v>
      </c>
      <c r="DN32" s="327">
        <v>641608</v>
      </c>
      <c r="DO32" s="327">
        <v>1731375</v>
      </c>
      <c r="DP32" s="327">
        <v>1130741</v>
      </c>
      <c r="DQ32" s="327">
        <v>704852</v>
      </c>
      <c r="DR32" s="328">
        <v>5119925</v>
      </c>
      <c r="DS32" s="330">
        <v>5220475</v>
      </c>
      <c r="DT32" s="326">
        <v>0</v>
      </c>
      <c r="DU32" s="327">
        <v>25851</v>
      </c>
      <c r="DV32" s="328">
        <v>25851</v>
      </c>
      <c r="DW32" s="326">
        <v>0</v>
      </c>
      <c r="DX32" s="327">
        <v>853126</v>
      </c>
      <c r="DY32" s="327">
        <v>593204</v>
      </c>
      <c r="DZ32" s="327">
        <v>1403951</v>
      </c>
      <c r="EA32" s="327">
        <v>1016612</v>
      </c>
      <c r="EB32" s="327">
        <v>481249</v>
      </c>
      <c r="EC32" s="328">
        <v>4348142</v>
      </c>
      <c r="ED32" s="330">
        <v>4373993</v>
      </c>
      <c r="EE32" s="326">
        <v>16711</v>
      </c>
      <c r="EF32" s="331">
        <v>57988</v>
      </c>
      <c r="EG32" s="328">
        <v>74699</v>
      </c>
      <c r="EH32" s="326">
        <v>0</v>
      </c>
      <c r="EI32" s="327">
        <v>58223</v>
      </c>
      <c r="EJ32" s="327">
        <v>48404</v>
      </c>
      <c r="EK32" s="327">
        <v>327424</v>
      </c>
      <c r="EL32" s="327">
        <v>114129</v>
      </c>
      <c r="EM32" s="327">
        <v>223603</v>
      </c>
      <c r="EN32" s="331">
        <v>771783</v>
      </c>
      <c r="EO32" s="330">
        <v>846482</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806809</v>
      </c>
      <c r="FM32" s="327">
        <v>1467303</v>
      </c>
      <c r="FN32" s="328">
        <v>2274112</v>
      </c>
      <c r="FO32" s="326">
        <v>0</v>
      </c>
      <c r="FP32" s="327">
        <v>712304</v>
      </c>
      <c r="FQ32" s="327">
        <v>1675396</v>
      </c>
      <c r="FR32" s="327">
        <v>1555066</v>
      </c>
      <c r="FS32" s="327">
        <v>1481645</v>
      </c>
      <c r="FT32" s="327">
        <v>1621074</v>
      </c>
      <c r="FU32" s="328">
        <v>7045485</v>
      </c>
      <c r="FV32" s="330">
        <v>9319597</v>
      </c>
      <c r="FW32" s="333">
        <v>479529</v>
      </c>
      <c r="FX32" s="327">
        <v>1192695</v>
      </c>
      <c r="FY32" s="331">
        <v>1672224</v>
      </c>
      <c r="FZ32" s="332">
        <v>0</v>
      </c>
      <c r="GA32" s="327">
        <v>563804</v>
      </c>
      <c r="GB32" s="327">
        <v>1609216</v>
      </c>
      <c r="GC32" s="327">
        <v>1531861</v>
      </c>
      <c r="GD32" s="327">
        <v>1460085</v>
      </c>
      <c r="GE32" s="327">
        <v>1403914</v>
      </c>
      <c r="GF32" s="328">
        <v>6568880</v>
      </c>
      <c r="GG32" s="334">
        <v>8241104</v>
      </c>
      <c r="GH32" s="333">
        <v>50370</v>
      </c>
      <c r="GI32" s="327">
        <v>19008</v>
      </c>
      <c r="GJ32" s="331">
        <v>69378</v>
      </c>
      <c r="GK32" s="332">
        <v>0</v>
      </c>
      <c r="GL32" s="327">
        <v>0</v>
      </c>
      <c r="GM32" s="327">
        <v>66180</v>
      </c>
      <c r="GN32" s="327">
        <v>23205</v>
      </c>
      <c r="GO32" s="327">
        <v>21560</v>
      </c>
      <c r="GP32" s="327">
        <v>170000</v>
      </c>
      <c r="GQ32" s="328">
        <v>280945</v>
      </c>
      <c r="GR32" s="330">
        <v>350323</v>
      </c>
      <c r="GS32" s="326">
        <v>276910</v>
      </c>
      <c r="GT32" s="327">
        <v>255600</v>
      </c>
      <c r="GU32" s="328">
        <v>532510</v>
      </c>
      <c r="GV32" s="326">
        <v>0</v>
      </c>
      <c r="GW32" s="327">
        <v>148500</v>
      </c>
      <c r="GX32" s="327">
        <v>0</v>
      </c>
      <c r="GY32" s="327">
        <v>0</v>
      </c>
      <c r="GZ32" s="327">
        <v>0</v>
      </c>
      <c r="HA32" s="327">
        <v>47160</v>
      </c>
      <c r="HB32" s="331">
        <v>195660</v>
      </c>
      <c r="HC32" s="330">
        <v>728170</v>
      </c>
      <c r="HD32" s="326">
        <v>864276</v>
      </c>
      <c r="HE32" s="327">
        <v>1482631</v>
      </c>
      <c r="HF32" s="331">
        <v>2346907</v>
      </c>
      <c r="HG32" s="332">
        <v>0</v>
      </c>
      <c r="HH32" s="327">
        <v>8827954</v>
      </c>
      <c r="HI32" s="327">
        <v>5508354</v>
      </c>
      <c r="HJ32" s="327">
        <v>5924668</v>
      </c>
      <c r="HK32" s="327">
        <v>6348491</v>
      </c>
      <c r="HL32" s="327">
        <v>3585395</v>
      </c>
      <c r="HM32" s="328">
        <v>30194862</v>
      </c>
      <c r="HN32" s="329">
        <v>32541769</v>
      </c>
      <c r="HO32" s="333">
        <v>663624</v>
      </c>
      <c r="HP32" s="327">
        <v>911285</v>
      </c>
      <c r="HQ32" s="328">
        <v>1574909</v>
      </c>
      <c r="HR32" s="326">
        <v>0</v>
      </c>
      <c r="HS32" s="327">
        <v>3553791</v>
      </c>
      <c r="HT32" s="327">
        <v>2344387</v>
      </c>
      <c r="HU32" s="327">
        <v>1894050</v>
      </c>
      <c r="HV32" s="327">
        <v>1719495</v>
      </c>
      <c r="HW32" s="327">
        <v>951837</v>
      </c>
      <c r="HX32" s="331">
        <v>10463560</v>
      </c>
      <c r="HY32" s="330">
        <v>12038469</v>
      </c>
      <c r="HZ32" s="358">
        <v>0</v>
      </c>
      <c r="IA32" s="356">
        <v>0</v>
      </c>
      <c r="IB32" s="358">
        <v>0</v>
      </c>
      <c r="IC32" s="355">
        <v>0</v>
      </c>
      <c r="ID32" s="356">
        <v>5666659</v>
      </c>
      <c r="IE32" s="357">
        <v>5422800</v>
      </c>
      <c r="IF32" s="358">
        <v>6778785</v>
      </c>
      <c r="IG32" s="356">
        <v>5725038</v>
      </c>
      <c r="IH32" s="358">
        <v>3181033</v>
      </c>
      <c r="II32" s="359">
        <v>26774315</v>
      </c>
      <c r="IJ32" s="358">
        <v>26774315</v>
      </c>
      <c r="IK32" s="342">
        <v>0</v>
      </c>
      <c r="IL32" s="343">
        <v>0</v>
      </c>
      <c r="IM32" s="344">
        <v>0</v>
      </c>
      <c r="IN32" s="404">
        <v>0</v>
      </c>
      <c r="IO32" s="345">
        <v>0</v>
      </c>
      <c r="IP32" s="345">
        <v>0</v>
      </c>
      <c r="IQ32" s="345">
        <v>173104</v>
      </c>
      <c r="IR32" s="345">
        <v>0</v>
      </c>
      <c r="IS32" s="345">
        <v>0</v>
      </c>
      <c r="IT32" s="346">
        <v>173104</v>
      </c>
      <c r="IU32" s="347">
        <v>173104</v>
      </c>
      <c r="IV32" s="348">
        <v>0</v>
      </c>
      <c r="IW32" s="345">
        <v>0</v>
      </c>
      <c r="IX32" s="349">
        <v>0</v>
      </c>
      <c r="IY32" s="413">
        <v>0</v>
      </c>
      <c r="IZ32" s="345">
        <v>0</v>
      </c>
      <c r="JA32" s="345">
        <v>0</v>
      </c>
      <c r="JB32" s="345">
        <v>0</v>
      </c>
      <c r="JC32" s="345">
        <v>0</v>
      </c>
      <c r="JD32" s="345">
        <v>0</v>
      </c>
      <c r="JE32" s="349">
        <v>0</v>
      </c>
      <c r="JF32" s="350">
        <v>0</v>
      </c>
      <c r="JG32" s="348">
        <v>0</v>
      </c>
      <c r="JH32" s="345">
        <v>0</v>
      </c>
      <c r="JI32" s="346">
        <v>0</v>
      </c>
      <c r="JJ32" s="351">
        <v>0</v>
      </c>
      <c r="JK32" s="345">
        <v>1860265</v>
      </c>
      <c r="JL32" s="345">
        <v>928202</v>
      </c>
      <c r="JM32" s="345">
        <v>499198</v>
      </c>
      <c r="JN32" s="345">
        <v>220120</v>
      </c>
      <c r="JO32" s="345">
        <v>293501</v>
      </c>
      <c r="JP32" s="349">
        <v>3801286</v>
      </c>
      <c r="JQ32" s="347">
        <v>3801286</v>
      </c>
      <c r="JR32" s="348">
        <v>0</v>
      </c>
      <c r="JS32" s="345">
        <v>0</v>
      </c>
      <c r="JT32" s="346">
        <v>0</v>
      </c>
      <c r="JU32" s="351">
        <v>0</v>
      </c>
      <c r="JV32" s="345">
        <v>338790</v>
      </c>
      <c r="JW32" s="345">
        <v>49698</v>
      </c>
      <c r="JX32" s="345">
        <v>349126</v>
      </c>
      <c r="JY32" s="345">
        <v>254464</v>
      </c>
      <c r="JZ32" s="345">
        <v>0</v>
      </c>
      <c r="KA32" s="349">
        <v>992078</v>
      </c>
      <c r="KB32" s="347">
        <v>992078</v>
      </c>
      <c r="KC32" s="352">
        <v>0</v>
      </c>
      <c r="KD32" s="353">
        <v>0</v>
      </c>
      <c r="KE32" s="349">
        <v>0</v>
      </c>
      <c r="KF32" s="351">
        <v>0</v>
      </c>
      <c r="KG32" s="345">
        <v>1499703</v>
      </c>
      <c r="KH32" s="345">
        <v>1375003</v>
      </c>
      <c r="KI32" s="345">
        <v>1108561</v>
      </c>
      <c r="KJ32" s="345">
        <v>1035068</v>
      </c>
      <c r="KK32" s="345">
        <v>0</v>
      </c>
      <c r="KL32" s="349">
        <v>5018335</v>
      </c>
      <c r="KM32" s="354">
        <v>5018335</v>
      </c>
      <c r="KN32" s="342">
        <v>0</v>
      </c>
      <c r="KO32" s="343">
        <v>0</v>
      </c>
      <c r="KP32" s="344">
        <v>0</v>
      </c>
      <c r="KQ32" s="413">
        <v>0</v>
      </c>
      <c r="KR32" s="345">
        <v>1447968</v>
      </c>
      <c r="KS32" s="345">
        <v>2497929</v>
      </c>
      <c r="KT32" s="345">
        <v>1808149</v>
      </c>
      <c r="KU32" s="345">
        <v>1413185</v>
      </c>
      <c r="KV32" s="345">
        <v>817595</v>
      </c>
      <c r="KW32" s="349">
        <v>7984826</v>
      </c>
      <c r="KX32" s="347">
        <v>7984826</v>
      </c>
      <c r="KY32" s="348">
        <v>0</v>
      </c>
      <c r="KZ32" s="345">
        <v>0</v>
      </c>
      <c r="LA32" s="349">
        <v>0</v>
      </c>
      <c r="LB32" s="413">
        <v>0</v>
      </c>
      <c r="LC32" s="345">
        <v>0</v>
      </c>
      <c r="LD32" s="345">
        <v>0</v>
      </c>
      <c r="LE32" s="345">
        <v>0</v>
      </c>
      <c r="LF32" s="345">
        <v>0</v>
      </c>
      <c r="LG32" s="345">
        <v>0</v>
      </c>
      <c r="LH32" s="349">
        <v>0</v>
      </c>
      <c r="LI32" s="350">
        <v>0</v>
      </c>
      <c r="LJ32" s="348">
        <v>0</v>
      </c>
      <c r="LK32" s="345">
        <v>0</v>
      </c>
      <c r="LL32" s="349">
        <v>0</v>
      </c>
      <c r="LM32" s="413">
        <v>0</v>
      </c>
      <c r="LN32" s="345">
        <v>0</v>
      </c>
      <c r="LO32" s="345">
        <v>0</v>
      </c>
      <c r="LP32" s="345">
        <v>2014200</v>
      </c>
      <c r="LQ32" s="345">
        <v>2802201</v>
      </c>
      <c r="LR32" s="345">
        <v>1730792</v>
      </c>
      <c r="LS32" s="349">
        <v>6547193</v>
      </c>
      <c r="LT32" s="347">
        <v>6547193</v>
      </c>
      <c r="LU32" s="348">
        <v>0</v>
      </c>
      <c r="LV32" s="345">
        <v>0</v>
      </c>
      <c r="LW32" s="349">
        <v>0</v>
      </c>
      <c r="LX32" s="413">
        <v>0</v>
      </c>
      <c r="LY32" s="345">
        <v>519933</v>
      </c>
      <c r="LZ32" s="345">
        <v>571968</v>
      </c>
      <c r="MA32" s="345">
        <v>826447</v>
      </c>
      <c r="MB32" s="345">
        <v>0</v>
      </c>
      <c r="MC32" s="345">
        <v>339145</v>
      </c>
      <c r="MD32" s="349">
        <v>2257493</v>
      </c>
      <c r="ME32" s="350">
        <v>2257493</v>
      </c>
      <c r="MF32" s="348">
        <v>0</v>
      </c>
      <c r="MG32" s="345">
        <v>0</v>
      </c>
      <c r="MH32" s="349">
        <v>0</v>
      </c>
      <c r="MI32" s="413">
        <v>0</v>
      </c>
      <c r="MJ32" s="345">
        <v>2058330</v>
      </c>
      <c r="MK32" s="345">
        <v>4510356</v>
      </c>
      <c r="ML32" s="345">
        <v>12726249</v>
      </c>
      <c r="MM32" s="345">
        <v>23177813</v>
      </c>
      <c r="MN32" s="345">
        <v>15741748</v>
      </c>
      <c r="MO32" s="349">
        <v>58214496</v>
      </c>
      <c r="MP32" s="354">
        <v>58214496</v>
      </c>
      <c r="MQ32" s="348">
        <v>0</v>
      </c>
      <c r="MR32" s="345">
        <v>0</v>
      </c>
      <c r="MS32" s="349">
        <v>0</v>
      </c>
      <c r="MT32" s="413">
        <v>0</v>
      </c>
      <c r="MU32" s="345">
        <v>500274</v>
      </c>
      <c r="MV32" s="345">
        <v>674560</v>
      </c>
      <c r="MW32" s="345">
        <v>7403697</v>
      </c>
      <c r="MX32" s="345">
        <v>15947721</v>
      </c>
      <c r="MY32" s="345">
        <v>11494963</v>
      </c>
      <c r="MZ32" s="349">
        <v>36021215</v>
      </c>
      <c r="NA32" s="354">
        <v>36021215</v>
      </c>
      <c r="NB32" s="348">
        <v>0</v>
      </c>
      <c r="NC32" s="345">
        <v>0</v>
      </c>
      <c r="ND32" s="349">
        <v>0</v>
      </c>
      <c r="NE32" s="413">
        <v>0</v>
      </c>
      <c r="NF32" s="345">
        <v>1558056</v>
      </c>
      <c r="NG32" s="345">
        <v>3835796</v>
      </c>
      <c r="NH32" s="345">
        <v>5322552</v>
      </c>
      <c r="NI32" s="345">
        <v>6833058</v>
      </c>
      <c r="NJ32" s="345">
        <v>3078826</v>
      </c>
      <c r="NK32" s="349">
        <v>20628288</v>
      </c>
      <c r="NL32" s="347">
        <v>20628288</v>
      </c>
      <c r="NM32" s="348">
        <v>0</v>
      </c>
      <c r="NN32" s="345">
        <v>0</v>
      </c>
      <c r="NO32" s="349">
        <v>0</v>
      </c>
      <c r="NP32" s="413">
        <v>0</v>
      </c>
      <c r="NQ32" s="345">
        <v>0</v>
      </c>
      <c r="NR32" s="345">
        <v>0</v>
      </c>
      <c r="NS32" s="345">
        <v>0</v>
      </c>
      <c r="NT32" s="345">
        <v>0</v>
      </c>
      <c r="NU32" s="345">
        <v>0</v>
      </c>
      <c r="NV32" s="349">
        <v>0</v>
      </c>
      <c r="NW32" s="350">
        <v>0</v>
      </c>
      <c r="NX32" s="348">
        <v>0</v>
      </c>
      <c r="NY32" s="345">
        <v>0</v>
      </c>
      <c r="NZ32" s="349">
        <v>0</v>
      </c>
      <c r="OA32" s="413">
        <v>0</v>
      </c>
      <c r="OB32" s="345">
        <v>0</v>
      </c>
      <c r="OC32" s="345">
        <v>0</v>
      </c>
      <c r="OD32" s="345">
        <v>0</v>
      </c>
      <c r="OE32" s="345">
        <v>397034</v>
      </c>
      <c r="OF32" s="345">
        <v>1167959</v>
      </c>
      <c r="OG32" s="349">
        <v>1564993</v>
      </c>
      <c r="OH32" s="350">
        <v>1564993</v>
      </c>
      <c r="OI32" s="348">
        <v>3536316</v>
      </c>
      <c r="OJ32" s="345">
        <v>7276798</v>
      </c>
      <c r="OK32" s="346">
        <v>10813114</v>
      </c>
      <c r="OL32" s="351">
        <v>0</v>
      </c>
      <c r="OM32" s="345">
        <v>35051587</v>
      </c>
      <c r="ON32" s="345">
        <v>32845821</v>
      </c>
      <c r="OO32" s="345">
        <v>42468516</v>
      </c>
      <c r="OP32" s="345">
        <v>52385769</v>
      </c>
      <c r="OQ32" s="345">
        <v>36411643</v>
      </c>
      <c r="OR32" s="349">
        <v>199163336</v>
      </c>
      <c r="OS32" s="354">
        <v>209976450</v>
      </c>
    </row>
    <row r="33" spans="2:409" s="70" customFormat="1" ht="21" customHeight="1" x14ac:dyDescent="0.2">
      <c r="B33" s="410" t="s">
        <v>28</v>
      </c>
      <c r="C33" s="326">
        <v>187914</v>
      </c>
      <c r="D33" s="327">
        <v>566130</v>
      </c>
      <c r="E33" s="328">
        <v>754044</v>
      </c>
      <c r="F33" s="329">
        <v>0</v>
      </c>
      <c r="G33" s="327">
        <v>6414706</v>
      </c>
      <c r="H33" s="327">
        <v>10242822</v>
      </c>
      <c r="I33" s="327">
        <v>5867179</v>
      </c>
      <c r="J33" s="327">
        <v>6072477</v>
      </c>
      <c r="K33" s="327">
        <v>5485864</v>
      </c>
      <c r="L33" s="367">
        <v>34083048</v>
      </c>
      <c r="M33" s="330">
        <v>34837092</v>
      </c>
      <c r="N33" s="326">
        <v>60291</v>
      </c>
      <c r="O33" s="327">
        <v>109413</v>
      </c>
      <c r="P33" s="328">
        <v>169704</v>
      </c>
      <c r="Q33" s="326">
        <v>0</v>
      </c>
      <c r="R33" s="327">
        <v>1186579</v>
      </c>
      <c r="S33" s="327">
        <v>2192350</v>
      </c>
      <c r="T33" s="327">
        <v>798625</v>
      </c>
      <c r="U33" s="327">
        <v>1509976</v>
      </c>
      <c r="V33" s="327">
        <v>1961011</v>
      </c>
      <c r="W33" s="328">
        <v>7648541</v>
      </c>
      <c r="X33" s="330">
        <v>7818245</v>
      </c>
      <c r="Y33" s="326">
        <v>0</v>
      </c>
      <c r="Z33" s="327">
        <v>0</v>
      </c>
      <c r="AA33" s="328">
        <v>0</v>
      </c>
      <c r="AB33" s="326">
        <v>0</v>
      </c>
      <c r="AC33" s="327">
        <v>712207</v>
      </c>
      <c r="AD33" s="327">
        <v>1212292</v>
      </c>
      <c r="AE33" s="327">
        <v>179984</v>
      </c>
      <c r="AF33" s="327">
        <v>471103</v>
      </c>
      <c r="AG33" s="327">
        <v>1227334</v>
      </c>
      <c r="AH33" s="328">
        <v>3802920</v>
      </c>
      <c r="AI33" s="330">
        <v>3802920</v>
      </c>
      <c r="AJ33" s="326">
        <v>0</v>
      </c>
      <c r="AK33" s="327">
        <v>0</v>
      </c>
      <c r="AL33" s="328">
        <v>0</v>
      </c>
      <c r="AM33" s="326">
        <v>0</v>
      </c>
      <c r="AN33" s="327">
        <v>0</v>
      </c>
      <c r="AO33" s="327">
        <v>0</v>
      </c>
      <c r="AP33" s="327">
        <v>0</v>
      </c>
      <c r="AQ33" s="327">
        <v>116895</v>
      </c>
      <c r="AR33" s="327">
        <v>129884</v>
      </c>
      <c r="AS33" s="328">
        <v>246779</v>
      </c>
      <c r="AT33" s="330">
        <v>246779</v>
      </c>
      <c r="AU33" s="326">
        <v>55125</v>
      </c>
      <c r="AV33" s="327">
        <v>104031</v>
      </c>
      <c r="AW33" s="328">
        <v>159156</v>
      </c>
      <c r="AX33" s="326">
        <v>0</v>
      </c>
      <c r="AY33" s="327">
        <v>302400</v>
      </c>
      <c r="AZ33" s="327">
        <v>746608</v>
      </c>
      <c r="BA33" s="327">
        <v>392709</v>
      </c>
      <c r="BB33" s="327">
        <v>731423</v>
      </c>
      <c r="BC33" s="327">
        <v>336891</v>
      </c>
      <c r="BD33" s="328">
        <v>2510031</v>
      </c>
      <c r="BE33" s="330">
        <v>2669187</v>
      </c>
      <c r="BF33" s="326">
        <v>0</v>
      </c>
      <c r="BG33" s="327">
        <v>0</v>
      </c>
      <c r="BH33" s="331">
        <v>0</v>
      </c>
      <c r="BI33" s="332">
        <v>0</v>
      </c>
      <c r="BJ33" s="327">
        <v>29192</v>
      </c>
      <c r="BK33" s="327">
        <v>0</v>
      </c>
      <c r="BL33" s="327">
        <v>80242</v>
      </c>
      <c r="BM33" s="327">
        <v>26747</v>
      </c>
      <c r="BN33" s="327">
        <v>29192</v>
      </c>
      <c r="BO33" s="328">
        <v>165373</v>
      </c>
      <c r="BP33" s="330">
        <v>165373</v>
      </c>
      <c r="BQ33" s="326">
        <v>5166</v>
      </c>
      <c r="BR33" s="327">
        <v>5382</v>
      </c>
      <c r="BS33" s="328">
        <v>10548</v>
      </c>
      <c r="BT33" s="326">
        <v>0</v>
      </c>
      <c r="BU33" s="327">
        <v>142780</v>
      </c>
      <c r="BV33" s="327">
        <v>233450</v>
      </c>
      <c r="BW33" s="327">
        <v>145690</v>
      </c>
      <c r="BX33" s="327">
        <v>163808</v>
      </c>
      <c r="BY33" s="327">
        <v>237710</v>
      </c>
      <c r="BZ33" s="328">
        <v>923438</v>
      </c>
      <c r="CA33" s="330">
        <v>933986</v>
      </c>
      <c r="CB33" s="326">
        <v>21456</v>
      </c>
      <c r="CC33" s="327">
        <v>170587</v>
      </c>
      <c r="CD33" s="328">
        <v>192043</v>
      </c>
      <c r="CE33" s="326">
        <v>0</v>
      </c>
      <c r="CF33" s="327">
        <v>2449224</v>
      </c>
      <c r="CG33" s="327">
        <v>4106781</v>
      </c>
      <c r="CH33" s="327">
        <v>2275281</v>
      </c>
      <c r="CI33" s="327">
        <v>2214636</v>
      </c>
      <c r="CJ33" s="327">
        <v>572115</v>
      </c>
      <c r="CK33" s="328">
        <v>11618037</v>
      </c>
      <c r="CL33" s="330">
        <v>11810080</v>
      </c>
      <c r="CM33" s="326">
        <v>0</v>
      </c>
      <c r="CN33" s="327">
        <v>0</v>
      </c>
      <c r="CO33" s="328">
        <v>0</v>
      </c>
      <c r="CP33" s="332">
        <v>0</v>
      </c>
      <c r="CQ33" s="327">
        <v>1795583</v>
      </c>
      <c r="CR33" s="327">
        <v>3061270</v>
      </c>
      <c r="CS33" s="327">
        <v>1831537</v>
      </c>
      <c r="CT33" s="327">
        <v>1082839</v>
      </c>
      <c r="CU33" s="327">
        <v>315447</v>
      </c>
      <c r="CV33" s="328">
        <v>8086676</v>
      </c>
      <c r="CW33" s="330">
        <v>8086676</v>
      </c>
      <c r="CX33" s="326">
        <v>21456</v>
      </c>
      <c r="CY33" s="327">
        <v>170587</v>
      </c>
      <c r="CZ33" s="328">
        <v>192043</v>
      </c>
      <c r="DA33" s="326">
        <v>0</v>
      </c>
      <c r="DB33" s="327">
        <v>653641</v>
      </c>
      <c r="DC33" s="327">
        <v>1045511</v>
      </c>
      <c r="DD33" s="327">
        <v>443744</v>
      </c>
      <c r="DE33" s="327">
        <v>1131797</v>
      </c>
      <c r="DF33" s="327">
        <v>256668</v>
      </c>
      <c r="DG33" s="328">
        <v>3531361</v>
      </c>
      <c r="DH33" s="330">
        <v>3723404</v>
      </c>
      <c r="DI33" s="326">
        <v>0</v>
      </c>
      <c r="DJ33" s="327">
        <v>0</v>
      </c>
      <c r="DK33" s="331">
        <v>0</v>
      </c>
      <c r="DL33" s="332">
        <v>0</v>
      </c>
      <c r="DM33" s="327">
        <v>214829</v>
      </c>
      <c r="DN33" s="327">
        <v>322199</v>
      </c>
      <c r="DO33" s="327">
        <v>818143</v>
      </c>
      <c r="DP33" s="327">
        <v>810107</v>
      </c>
      <c r="DQ33" s="327">
        <v>679391</v>
      </c>
      <c r="DR33" s="328">
        <v>2844669</v>
      </c>
      <c r="DS33" s="330">
        <v>2844669</v>
      </c>
      <c r="DT33" s="326">
        <v>0</v>
      </c>
      <c r="DU33" s="327">
        <v>0</v>
      </c>
      <c r="DV33" s="328">
        <v>0</v>
      </c>
      <c r="DW33" s="326">
        <v>0</v>
      </c>
      <c r="DX33" s="327">
        <v>166663</v>
      </c>
      <c r="DY33" s="327">
        <v>322199</v>
      </c>
      <c r="DZ33" s="327">
        <v>635673</v>
      </c>
      <c r="EA33" s="327">
        <v>670769</v>
      </c>
      <c r="EB33" s="327">
        <v>642133</v>
      </c>
      <c r="EC33" s="328">
        <v>2437437</v>
      </c>
      <c r="ED33" s="330">
        <v>2437437</v>
      </c>
      <c r="EE33" s="326">
        <v>0</v>
      </c>
      <c r="EF33" s="331">
        <v>0</v>
      </c>
      <c r="EG33" s="328">
        <v>0</v>
      </c>
      <c r="EH33" s="326">
        <v>0</v>
      </c>
      <c r="EI33" s="327">
        <v>48166</v>
      </c>
      <c r="EJ33" s="327">
        <v>0</v>
      </c>
      <c r="EK33" s="327">
        <v>182470</v>
      </c>
      <c r="EL33" s="327">
        <v>139338</v>
      </c>
      <c r="EM33" s="327">
        <v>37258</v>
      </c>
      <c r="EN33" s="331">
        <v>407232</v>
      </c>
      <c r="EO33" s="330">
        <v>407232</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69327</v>
      </c>
      <c r="FM33" s="327">
        <v>153940</v>
      </c>
      <c r="FN33" s="328">
        <v>223267</v>
      </c>
      <c r="FO33" s="326">
        <v>0</v>
      </c>
      <c r="FP33" s="327">
        <v>400976</v>
      </c>
      <c r="FQ33" s="327">
        <v>1013196</v>
      </c>
      <c r="FR33" s="327">
        <v>546324</v>
      </c>
      <c r="FS33" s="327">
        <v>531681</v>
      </c>
      <c r="FT33" s="327">
        <v>255060</v>
      </c>
      <c r="FU33" s="328">
        <v>2747237</v>
      </c>
      <c r="FV33" s="330">
        <v>2970504</v>
      </c>
      <c r="FW33" s="333">
        <v>23292</v>
      </c>
      <c r="FX33" s="327">
        <v>153940</v>
      </c>
      <c r="FY33" s="331">
        <v>177232</v>
      </c>
      <c r="FZ33" s="332">
        <v>0</v>
      </c>
      <c r="GA33" s="327">
        <v>336176</v>
      </c>
      <c r="GB33" s="327">
        <v>837531</v>
      </c>
      <c r="GC33" s="327">
        <v>423924</v>
      </c>
      <c r="GD33" s="327">
        <v>531681</v>
      </c>
      <c r="GE33" s="327">
        <v>255060</v>
      </c>
      <c r="GF33" s="328">
        <v>2384372</v>
      </c>
      <c r="GG33" s="334">
        <v>2561604</v>
      </c>
      <c r="GH33" s="333">
        <v>46035</v>
      </c>
      <c r="GI33" s="327">
        <v>0</v>
      </c>
      <c r="GJ33" s="331">
        <v>46035</v>
      </c>
      <c r="GK33" s="332">
        <v>0</v>
      </c>
      <c r="GL33" s="327">
        <v>0</v>
      </c>
      <c r="GM33" s="327">
        <v>27165</v>
      </c>
      <c r="GN33" s="327">
        <v>0</v>
      </c>
      <c r="GO33" s="327">
        <v>0</v>
      </c>
      <c r="GP33" s="327">
        <v>0</v>
      </c>
      <c r="GQ33" s="328">
        <v>27165</v>
      </c>
      <c r="GR33" s="330">
        <v>73200</v>
      </c>
      <c r="GS33" s="326">
        <v>0</v>
      </c>
      <c r="GT33" s="327">
        <v>0</v>
      </c>
      <c r="GU33" s="328">
        <v>0</v>
      </c>
      <c r="GV33" s="326">
        <v>0</v>
      </c>
      <c r="GW33" s="327">
        <v>64800</v>
      </c>
      <c r="GX33" s="327">
        <v>148500</v>
      </c>
      <c r="GY33" s="327">
        <v>122400</v>
      </c>
      <c r="GZ33" s="327">
        <v>0</v>
      </c>
      <c r="HA33" s="327">
        <v>0</v>
      </c>
      <c r="HB33" s="331">
        <v>335700</v>
      </c>
      <c r="HC33" s="330">
        <v>335700</v>
      </c>
      <c r="HD33" s="326">
        <v>0</v>
      </c>
      <c r="HE33" s="327">
        <v>0</v>
      </c>
      <c r="HF33" s="331">
        <v>0</v>
      </c>
      <c r="HG33" s="332">
        <v>0</v>
      </c>
      <c r="HH33" s="327">
        <v>886711</v>
      </c>
      <c r="HI33" s="327">
        <v>1438368</v>
      </c>
      <c r="HJ33" s="327">
        <v>662952</v>
      </c>
      <c r="HK33" s="327">
        <v>483417</v>
      </c>
      <c r="HL33" s="327">
        <v>1778229</v>
      </c>
      <c r="HM33" s="328">
        <v>5249677</v>
      </c>
      <c r="HN33" s="329">
        <v>5249677</v>
      </c>
      <c r="HO33" s="333">
        <v>36840</v>
      </c>
      <c r="HP33" s="327">
        <v>132190</v>
      </c>
      <c r="HQ33" s="328">
        <v>169030</v>
      </c>
      <c r="HR33" s="326">
        <v>0</v>
      </c>
      <c r="HS33" s="327">
        <v>1276387</v>
      </c>
      <c r="HT33" s="327">
        <v>1169928</v>
      </c>
      <c r="HU33" s="327">
        <v>765854</v>
      </c>
      <c r="HV33" s="327">
        <v>522660</v>
      </c>
      <c r="HW33" s="327">
        <v>240058</v>
      </c>
      <c r="HX33" s="331">
        <v>3974887</v>
      </c>
      <c r="HY33" s="330">
        <v>4143917</v>
      </c>
      <c r="HZ33" s="335">
        <v>0</v>
      </c>
      <c r="IA33" s="336">
        <v>0</v>
      </c>
      <c r="IB33" s="337">
        <v>0</v>
      </c>
      <c r="IC33" s="338">
        <v>0</v>
      </c>
      <c r="ID33" s="336">
        <v>1814879</v>
      </c>
      <c r="IE33" s="339">
        <v>1726752</v>
      </c>
      <c r="IF33" s="337">
        <v>1699039</v>
      </c>
      <c r="IG33" s="336">
        <v>1491390</v>
      </c>
      <c r="IH33" s="337">
        <v>1486510</v>
      </c>
      <c r="II33" s="340">
        <v>8218570</v>
      </c>
      <c r="IJ33" s="341">
        <v>8218570</v>
      </c>
      <c r="IK33" s="342">
        <v>0</v>
      </c>
      <c r="IL33" s="343">
        <v>0</v>
      </c>
      <c r="IM33" s="344">
        <v>0</v>
      </c>
      <c r="IN33" s="404">
        <v>0</v>
      </c>
      <c r="IO33" s="345">
        <v>0</v>
      </c>
      <c r="IP33" s="345">
        <v>0</v>
      </c>
      <c r="IQ33" s="345">
        <v>0</v>
      </c>
      <c r="IR33" s="345">
        <v>0</v>
      </c>
      <c r="IS33" s="345">
        <v>249633</v>
      </c>
      <c r="IT33" s="346">
        <v>249633</v>
      </c>
      <c r="IU33" s="347">
        <v>249633</v>
      </c>
      <c r="IV33" s="348">
        <v>0</v>
      </c>
      <c r="IW33" s="345">
        <v>0</v>
      </c>
      <c r="IX33" s="349">
        <v>0</v>
      </c>
      <c r="IY33" s="413">
        <v>0</v>
      </c>
      <c r="IZ33" s="345">
        <v>0</v>
      </c>
      <c r="JA33" s="345">
        <v>0</v>
      </c>
      <c r="JB33" s="345">
        <v>0</v>
      </c>
      <c r="JC33" s="345">
        <v>0</v>
      </c>
      <c r="JD33" s="345">
        <v>0</v>
      </c>
      <c r="JE33" s="349">
        <v>0</v>
      </c>
      <c r="JF33" s="350">
        <v>0</v>
      </c>
      <c r="JG33" s="348">
        <v>0</v>
      </c>
      <c r="JH33" s="345">
        <v>0</v>
      </c>
      <c r="JI33" s="346">
        <v>0</v>
      </c>
      <c r="JJ33" s="351">
        <v>0</v>
      </c>
      <c r="JK33" s="345">
        <v>832329</v>
      </c>
      <c r="JL33" s="345">
        <v>565028</v>
      </c>
      <c r="JM33" s="345">
        <v>396018</v>
      </c>
      <c r="JN33" s="345">
        <v>174498</v>
      </c>
      <c r="JO33" s="345">
        <v>47157</v>
      </c>
      <c r="JP33" s="349">
        <v>2015030</v>
      </c>
      <c r="JQ33" s="347">
        <v>2015030</v>
      </c>
      <c r="JR33" s="348">
        <v>0</v>
      </c>
      <c r="JS33" s="345">
        <v>0</v>
      </c>
      <c r="JT33" s="346">
        <v>0</v>
      </c>
      <c r="JU33" s="351">
        <v>0</v>
      </c>
      <c r="JV33" s="345">
        <v>430670</v>
      </c>
      <c r="JW33" s="345">
        <v>319499</v>
      </c>
      <c r="JX33" s="345">
        <v>153632</v>
      </c>
      <c r="JY33" s="345">
        <v>342603</v>
      </c>
      <c r="JZ33" s="345">
        <v>0</v>
      </c>
      <c r="KA33" s="349">
        <v>1246404</v>
      </c>
      <c r="KB33" s="347">
        <v>1246404</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13">
        <v>0</v>
      </c>
      <c r="KR33" s="345">
        <v>551880</v>
      </c>
      <c r="KS33" s="345">
        <v>842225</v>
      </c>
      <c r="KT33" s="345">
        <v>1149389</v>
      </c>
      <c r="KU33" s="345">
        <v>622947</v>
      </c>
      <c r="KV33" s="345">
        <v>1189720</v>
      </c>
      <c r="KW33" s="349">
        <v>4356161</v>
      </c>
      <c r="KX33" s="347">
        <v>4356161</v>
      </c>
      <c r="KY33" s="348">
        <v>0</v>
      </c>
      <c r="KZ33" s="345">
        <v>0</v>
      </c>
      <c r="LA33" s="349">
        <v>0</v>
      </c>
      <c r="LB33" s="413">
        <v>0</v>
      </c>
      <c r="LC33" s="345">
        <v>0</v>
      </c>
      <c r="LD33" s="345">
        <v>0</v>
      </c>
      <c r="LE33" s="345">
        <v>0</v>
      </c>
      <c r="LF33" s="345">
        <v>0</v>
      </c>
      <c r="LG33" s="345">
        <v>0</v>
      </c>
      <c r="LH33" s="349">
        <v>0</v>
      </c>
      <c r="LI33" s="350">
        <v>0</v>
      </c>
      <c r="LJ33" s="348">
        <v>0</v>
      </c>
      <c r="LK33" s="345">
        <v>0</v>
      </c>
      <c r="LL33" s="349">
        <v>0</v>
      </c>
      <c r="LM33" s="413">
        <v>0</v>
      </c>
      <c r="LN33" s="345">
        <v>0</v>
      </c>
      <c r="LO33" s="345">
        <v>0</v>
      </c>
      <c r="LP33" s="345">
        <v>0</v>
      </c>
      <c r="LQ33" s="345">
        <v>351342</v>
      </c>
      <c r="LR33" s="345">
        <v>0</v>
      </c>
      <c r="LS33" s="349">
        <v>351342</v>
      </c>
      <c r="LT33" s="347">
        <v>351342</v>
      </c>
      <c r="LU33" s="348">
        <v>0</v>
      </c>
      <c r="LV33" s="345">
        <v>0</v>
      </c>
      <c r="LW33" s="349">
        <v>0</v>
      </c>
      <c r="LX33" s="413">
        <v>0</v>
      </c>
      <c r="LY33" s="345">
        <v>0</v>
      </c>
      <c r="LZ33" s="345">
        <v>0</v>
      </c>
      <c r="MA33" s="345">
        <v>0</v>
      </c>
      <c r="MB33" s="345">
        <v>0</v>
      </c>
      <c r="MC33" s="345">
        <v>0</v>
      </c>
      <c r="MD33" s="349">
        <v>0</v>
      </c>
      <c r="ME33" s="350">
        <v>0</v>
      </c>
      <c r="MF33" s="348">
        <v>0</v>
      </c>
      <c r="MG33" s="345">
        <v>0</v>
      </c>
      <c r="MH33" s="349">
        <v>0</v>
      </c>
      <c r="MI33" s="413">
        <v>0</v>
      </c>
      <c r="MJ33" s="345">
        <v>825563</v>
      </c>
      <c r="MK33" s="345">
        <v>1746631</v>
      </c>
      <c r="ML33" s="345">
        <v>5535924</v>
      </c>
      <c r="MM33" s="345">
        <v>9353836</v>
      </c>
      <c r="MN33" s="345">
        <v>6269780</v>
      </c>
      <c r="MO33" s="349">
        <v>23731734</v>
      </c>
      <c r="MP33" s="354">
        <v>23731734</v>
      </c>
      <c r="MQ33" s="348">
        <v>0</v>
      </c>
      <c r="MR33" s="345">
        <v>0</v>
      </c>
      <c r="MS33" s="349">
        <v>0</v>
      </c>
      <c r="MT33" s="413">
        <v>0</v>
      </c>
      <c r="MU33" s="345">
        <v>0</v>
      </c>
      <c r="MV33" s="345">
        <v>0</v>
      </c>
      <c r="MW33" s="345">
        <v>2954387</v>
      </c>
      <c r="MX33" s="345">
        <v>5994455</v>
      </c>
      <c r="MY33" s="345">
        <v>5198136</v>
      </c>
      <c r="MZ33" s="349">
        <v>14146978</v>
      </c>
      <c r="NA33" s="354">
        <v>14146978</v>
      </c>
      <c r="NB33" s="348">
        <v>0</v>
      </c>
      <c r="NC33" s="345">
        <v>0</v>
      </c>
      <c r="ND33" s="349">
        <v>0</v>
      </c>
      <c r="NE33" s="413">
        <v>0</v>
      </c>
      <c r="NF33" s="345">
        <v>825563</v>
      </c>
      <c r="NG33" s="345">
        <v>1746631</v>
      </c>
      <c r="NH33" s="345">
        <v>2581537</v>
      </c>
      <c r="NI33" s="345">
        <v>2919568</v>
      </c>
      <c r="NJ33" s="345">
        <v>1071644</v>
      </c>
      <c r="NK33" s="349">
        <v>9144943</v>
      </c>
      <c r="NL33" s="347">
        <v>9144943</v>
      </c>
      <c r="NM33" s="348">
        <v>0</v>
      </c>
      <c r="NN33" s="345">
        <v>0</v>
      </c>
      <c r="NO33" s="349">
        <v>0</v>
      </c>
      <c r="NP33" s="413">
        <v>0</v>
      </c>
      <c r="NQ33" s="345">
        <v>0</v>
      </c>
      <c r="NR33" s="345">
        <v>0</v>
      </c>
      <c r="NS33" s="345">
        <v>0</v>
      </c>
      <c r="NT33" s="345">
        <v>0</v>
      </c>
      <c r="NU33" s="345">
        <v>0</v>
      </c>
      <c r="NV33" s="349">
        <v>0</v>
      </c>
      <c r="NW33" s="350">
        <v>0</v>
      </c>
      <c r="NX33" s="348">
        <v>0</v>
      </c>
      <c r="NY33" s="345">
        <v>0</v>
      </c>
      <c r="NZ33" s="349">
        <v>0</v>
      </c>
      <c r="OA33" s="413">
        <v>0</v>
      </c>
      <c r="OB33" s="345">
        <v>0</v>
      </c>
      <c r="OC33" s="345">
        <v>0</v>
      </c>
      <c r="OD33" s="345">
        <v>0</v>
      </c>
      <c r="OE33" s="345">
        <v>439813</v>
      </c>
      <c r="OF33" s="345">
        <v>0</v>
      </c>
      <c r="OG33" s="349">
        <v>439813</v>
      </c>
      <c r="OH33" s="350">
        <v>439813</v>
      </c>
      <c r="OI33" s="348">
        <v>187914</v>
      </c>
      <c r="OJ33" s="345">
        <v>566130</v>
      </c>
      <c r="OK33" s="346">
        <v>754044</v>
      </c>
      <c r="OL33" s="351">
        <v>0</v>
      </c>
      <c r="OM33" s="345">
        <v>9055148</v>
      </c>
      <c r="ON33" s="345">
        <v>13716205</v>
      </c>
      <c r="OO33" s="345">
        <v>13102142</v>
      </c>
      <c r="OP33" s="345">
        <v>16917703</v>
      </c>
      <c r="OQ33" s="345">
        <v>13242154</v>
      </c>
      <c r="OR33" s="349">
        <v>66033352</v>
      </c>
      <c r="OS33" s="354">
        <v>66787396</v>
      </c>
    </row>
    <row r="34" spans="2:409" s="70" customFormat="1" ht="21" customHeight="1" x14ac:dyDescent="0.2">
      <c r="B34" s="410" t="s">
        <v>29</v>
      </c>
      <c r="C34" s="326">
        <v>792709</v>
      </c>
      <c r="D34" s="327">
        <v>1173481</v>
      </c>
      <c r="E34" s="328">
        <v>1966190</v>
      </c>
      <c r="F34" s="329">
        <v>0</v>
      </c>
      <c r="G34" s="327">
        <v>8620235</v>
      </c>
      <c r="H34" s="327">
        <v>11502749</v>
      </c>
      <c r="I34" s="327">
        <v>10372858</v>
      </c>
      <c r="J34" s="327">
        <v>10318265</v>
      </c>
      <c r="K34" s="327">
        <v>7695197</v>
      </c>
      <c r="L34" s="367">
        <v>48509304</v>
      </c>
      <c r="M34" s="330">
        <v>50475494</v>
      </c>
      <c r="N34" s="326">
        <v>119920</v>
      </c>
      <c r="O34" s="327">
        <v>229891</v>
      </c>
      <c r="P34" s="328">
        <v>349811</v>
      </c>
      <c r="Q34" s="326">
        <v>0</v>
      </c>
      <c r="R34" s="327">
        <v>2203577</v>
      </c>
      <c r="S34" s="327">
        <v>3232320</v>
      </c>
      <c r="T34" s="327">
        <v>2633315</v>
      </c>
      <c r="U34" s="327">
        <v>3915399</v>
      </c>
      <c r="V34" s="327">
        <v>3792197</v>
      </c>
      <c r="W34" s="328">
        <v>15776808</v>
      </c>
      <c r="X34" s="330">
        <v>16126619</v>
      </c>
      <c r="Y34" s="326">
        <v>0</v>
      </c>
      <c r="Z34" s="327">
        <v>0</v>
      </c>
      <c r="AA34" s="328">
        <v>0</v>
      </c>
      <c r="AB34" s="326">
        <v>0</v>
      </c>
      <c r="AC34" s="327">
        <v>910227</v>
      </c>
      <c r="AD34" s="327">
        <v>1603939</v>
      </c>
      <c r="AE34" s="327">
        <v>1555703</v>
      </c>
      <c r="AF34" s="327">
        <v>2695281</v>
      </c>
      <c r="AG34" s="327">
        <v>2301162</v>
      </c>
      <c r="AH34" s="328">
        <v>9066312</v>
      </c>
      <c r="AI34" s="330">
        <v>9066312</v>
      </c>
      <c r="AJ34" s="326">
        <v>0</v>
      </c>
      <c r="AK34" s="327">
        <v>0</v>
      </c>
      <c r="AL34" s="328">
        <v>0</v>
      </c>
      <c r="AM34" s="326">
        <v>0</v>
      </c>
      <c r="AN34" s="327">
        <v>0</v>
      </c>
      <c r="AO34" s="327">
        <v>66430</v>
      </c>
      <c r="AP34" s="327">
        <v>27465</v>
      </c>
      <c r="AQ34" s="327">
        <v>111120</v>
      </c>
      <c r="AR34" s="327">
        <v>258981</v>
      </c>
      <c r="AS34" s="328">
        <v>463996</v>
      </c>
      <c r="AT34" s="330">
        <v>463996</v>
      </c>
      <c r="AU34" s="326">
        <v>54695</v>
      </c>
      <c r="AV34" s="327">
        <v>148754</v>
      </c>
      <c r="AW34" s="328">
        <v>203449</v>
      </c>
      <c r="AX34" s="326">
        <v>0</v>
      </c>
      <c r="AY34" s="327">
        <v>901640</v>
      </c>
      <c r="AZ34" s="327">
        <v>1094759</v>
      </c>
      <c r="BA34" s="327">
        <v>715865</v>
      </c>
      <c r="BB34" s="327">
        <v>725421</v>
      </c>
      <c r="BC34" s="327">
        <v>844558</v>
      </c>
      <c r="BD34" s="328">
        <v>4282243</v>
      </c>
      <c r="BE34" s="330">
        <v>4485692</v>
      </c>
      <c r="BF34" s="326">
        <v>0</v>
      </c>
      <c r="BG34" s="327">
        <v>71831</v>
      </c>
      <c r="BH34" s="331">
        <v>71831</v>
      </c>
      <c r="BI34" s="332">
        <v>0</v>
      </c>
      <c r="BJ34" s="327">
        <v>108973</v>
      </c>
      <c r="BK34" s="327">
        <v>110207</v>
      </c>
      <c r="BL34" s="327">
        <v>74174</v>
      </c>
      <c r="BM34" s="327">
        <v>34399</v>
      </c>
      <c r="BN34" s="327">
        <v>47530</v>
      </c>
      <c r="BO34" s="328">
        <v>375283</v>
      </c>
      <c r="BP34" s="330">
        <v>447114</v>
      </c>
      <c r="BQ34" s="326">
        <v>65225</v>
      </c>
      <c r="BR34" s="327">
        <v>9306</v>
      </c>
      <c r="BS34" s="328">
        <v>74531</v>
      </c>
      <c r="BT34" s="326">
        <v>0</v>
      </c>
      <c r="BU34" s="327">
        <v>282737</v>
      </c>
      <c r="BV34" s="327">
        <v>356985</v>
      </c>
      <c r="BW34" s="327">
        <v>260108</v>
      </c>
      <c r="BX34" s="327">
        <v>349178</v>
      </c>
      <c r="BY34" s="327">
        <v>339966</v>
      </c>
      <c r="BZ34" s="328">
        <v>1588974</v>
      </c>
      <c r="CA34" s="330">
        <v>1663505</v>
      </c>
      <c r="CB34" s="326">
        <v>66091</v>
      </c>
      <c r="CC34" s="327">
        <v>255875</v>
      </c>
      <c r="CD34" s="328">
        <v>321966</v>
      </c>
      <c r="CE34" s="326">
        <v>0</v>
      </c>
      <c r="CF34" s="327">
        <v>2717629</v>
      </c>
      <c r="CG34" s="327">
        <v>3971472</v>
      </c>
      <c r="CH34" s="327">
        <v>3738467</v>
      </c>
      <c r="CI34" s="327">
        <v>1686321</v>
      </c>
      <c r="CJ34" s="327">
        <v>699549</v>
      </c>
      <c r="CK34" s="328">
        <v>12813438</v>
      </c>
      <c r="CL34" s="330">
        <v>13135404</v>
      </c>
      <c r="CM34" s="326">
        <v>0</v>
      </c>
      <c r="CN34" s="327">
        <v>0</v>
      </c>
      <c r="CO34" s="328">
        <v>0</v>
      </c>
      <c r="CP34" s="332">
        <v>0</v>
      </c>
      <c r="CQ34" s="327">
        <v>1857498</v>
      </c>
      <c r="CR34" s="327">
        <v>3017437</v>
      </c>
      <c r="CS34" s="327">
        <v>2623564</v>
      </c>
      <c r="CT34" s="327">
        <v>1294085</v>
      </c>
      <c r="CU34" s="327">
        <v>494895</v>
      </c>
      <c r="CV34" s="328">
        <v>9287479</v>
      </c>
      <c r="CW34" s="330">
        <v>9287479</v>
      </c>
      <c r="CX34" s="326">
        <v>66091</v>
      </c>
      <c r="CY34" s="327">
        <v>255875</v>
      </c>
      <c r="CZ34" s="328">
        <v>321966</v>
      </c>
      <c r="DA34" s="326">
        <v>0</v>
      </c>
      <c r="DB34" s="327">
        <v>860131</v>
      </c>
      <c r="DC34" s="327">
        <v>954035</v>
      </c>
      <c r="DD34" s="327">
        <v>1114903</v>
      </c>
      <c r="DE34" s="327">
        <v>392236</v>
      </c>
      <c r="DF34" s="327">
        <v>204654</v>
      </c>
      <c r="DG34" s="328">
        <v>3525959</v>
      </c>
      <c r="DH34" s="330">
        <v>3847925</v>
      </c>
      <c r="DI34" s="326">
        <v>0</v>
      </c>
      <c r="DJ34" s="327">
        <v>0</v>
      </c>
      <c r="DK34" s="331">
        <v>0</v>
      </c>
      <c r="DL34" s="332">
        <v>0</v>
      </c>
      <c r="DM34" s="327">
        <v>332354</v>
      </c>
      <c r="DN34" s="327">
        <v>461316</v>
      </c>
      <c r="DO34" s="327">
        <v>1162602</v>
      </c>
      <c r="DP34" s="327">
        <v>650248</v>
      </c>
      <c r="DQ34" s="327">
        <v>1153345</v>
      </c>
      <c r="DR34" s="328">
        <v>3759865</v>
      </c>
      <c r="DS34" s="330">
        <v>3759865</v>
      </c>
      <c r="DT34" s="326">
        <v>0</v>
      </c>
      <c r="DU34" s="327">
        <v>0</v>
      </c>
      <c r="DV34" s="328">
        <v>0</v>
      </c>
      <c r="DW34" s="326">
        <v>0</v>
      </c>
      <c r="DX34" s="327">
        <v>141286</v>
      </c>
      <c r="DY34" s="327">
        <v>434663</v>
      </c>
      <c r="DZ34" s="327">
        <v>959956</v>
      </c>
      <c r="EA34" s="327">
        <v>650248</v>
      </c>
      <c r="EB34" s="327">
        <v>1139859</v>
      </c>
      <c r="EC34" s="328">
        <v>3326012</v>
      </c>
      <c r="ED34" s="330">
        <v>3326012</v>
      </c>
      <c r="EE34" s="326">
        <v>0</v>
      </c>
      <c r="EF34" s="331">
        <v>0</v>
      </c>
      <c r="EG34" s="328">
        <v>0</v>
      </c>
      <c r="EH34" s="326">
        <v>0</v>
      </c>
      <c r="EI34" s="327">
        <v>191068</v>
      </c>
      <c r="EJ34" s="327">
        <v>26653</v>
      </c>
      <c r="EK34" s="327">
        <v>202646</v>
      </c>
      <c r="EL34" s="327">
        <v>0</v>
      </c>
      <c r="EM34" s="327">
        <v>13486</v>
      </c>
      <c r="EN34" s="331">
        <v>433853</v>
      </c>
      <c r="EO34" s="330">
        <v>433853</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294241</v>
      </c>
      <c r="FM34" s="327">
        <v>506124</v>
      </c>
      <c r="FN34" s="328">
        <v>800365</v>
      </c>
      <c r="FO34" s="326">
        <v>0</v>
      </c>
      <c r="FP34" s="327">
        <v>542497</v>
      </c>
      <c r="FQ34" s="327">
        <v>1423109</v>
      </c>
      <c r="FR34" s="327">
        <v>836973</v>
      </c>
      <c r="FS34" s="327">
        <v>876370</v>
      </c>
      <c r="FT34" s="327">
        <v>603954</v>
      </c>
      <c r="FU34" s="328">
        <v>4282903</v>
      </c>
      <c r="FV34" s="330">
        <v>5083268</v>
      </c>
      <c r="FW34" s="333">
        <v>199300</v>
      </c>
      <c r="FX34" s="327">
        <v>236124</v>
      </c>
      <c r="FY34" s="331">
        <v>435424</v>
      </c>
      <c r="FZ34" s="332">
        <v>0</v>
      </c>
      <c r="GA34" s="327">
        <v>463297</v>
      </c>
      <c r="GB34" s="327">
        <v>1161114</v>
      </c>
      <c r="GC34" s="327">
        <v>831605</v>
      </c>
      <c r="GD34" s="327">
        <v>850630</v>
      </c>
      <c r="GE34" s="327">
        <v>603954</v>
      </c>
      <c r="GF34" s="328">
        <v>3910600</v>
      </c>
      <c r="GG34" s="334">
        <v>4346024</v>
      </c>
      <c r="GH34" s="333">
        <v>0</v>
      </c>
      <c r="GI34" s="327">
        <v>0</v>
      </c>
      <c r="GJ34" s="331">
        <v>0</v>
      </c>
      <c r="GK34" s="332">
        <v>0</v>
      </c>
      <c r="GL34" s="327">
        <v>0</v>
      </c>
      <c r="GM34" s="327">
        <v>83795</v>
      </c>
      <c r="GN34" s="327">
        <v>5368</v>
      </c>
      <c r="GO34" s="327">
        <v>0</v>
      </c>
      <c r="GP34" s="327">
        <v>0</v>
      </c>
      <c r="GQ34" s="328">
        <v>89163</v>
      </c>
      <c r="GR34" s="330">
        <v>89163</v>
      </c>
      <c r="GS34" s="326">
        <v>94941</v>
      </c>
      <c r="GT34" s="327">
        <v>270000</v>
      </c>
      <c r="GU34" s="328">
        <v>364941</v>
      </c>
      <c r="GV34" s="326">
        <v>0</v>
      </c>
      <c r="GW34" s="327">
        <v>79200</v>
      </c>
      <c r="GX34" s="327">
        <v>178200</v>
      </c>
      <c r="GY34" s="327">
        <v>0</v>
      </c>
      <c r="GZ34" s="327">
        <v>25740</v>
      </c>
      <c r="HA34" s="327">
        <v>0</v>
      </c>
      <c r="HB34" s="331">
        <v>283140</v>
      </c>
      <c r="HC34" s="330">
        <v>648081</v>
      </c>
      <c r="HD34" s="326">
        <v>157757</v>
      </c>
      <c r="HE34" s="327">
        <v>0</v>
      </c>
      <c r="HF34" s="331">
        <v>157757</v>
      </c>
      <c r="HG34" s="332">
        <v>0</v>
      </c>
      <c r="HH34" s="327">
        <v>1501285</v>
      </c>
      <c r="HI34" s="327">
        <v>930711</v>
      </c>
      <c r="HJ34" s="327">
        <v>876361</v>
      </c>
      <c r="HK34" s="327">
        <v>2404563</v>
      </c>
      <c r="HL34" s="327">
        <v>1006516</v>
      </c>
      <c r="HM34" s="328">
        <v>6719436</v>
      </c>
      <c r="HN34" s="329">
        <v>6877193</v>
      </c>
      <c r="HO34" s="333">
        <v>154700</v>
      </c>
      <c r="HP34" s="327">
        <v>181591</v>
      </c>
      <c r="HQ34" s="328">
        <v>336291</v>
      </c>
      <c r="HR34" s="326">
        <v>0</v>
      </c>
      <c r="HS34" s="327">
        <v>1322893</v>
      </c>
      <c r="HT34" s="327">
        <v>1483821</v>
      </c>
      <c r="HU34" s="327">
        <v>1125140</v>
      </c>
      <c r="HV34" s="327">
        <v>785364</v>
      </c>
      <c r="HW34" s="327">
        <v>439636</v>
      </c>
      <c r="HX34" s="331">
        <v>5156854</v>
      </c>
      <c r="HY34" s="330">
        <v>5493145</v>
      </c>
      <c r="HZ34" s="358">
        <v>64422</v>
      </c>
      <c r="IA34" s="356">
        <v>0</v>
      </c>
      <c r="IB34" s="358">
        <v>64422</v>
      </c>
      <c r="IC34" s="355">
        <v>0</v>
      </c>
      <c r="ID34" s="356">
        <v>2674951</v>
      </c>
      <c r="IE34" s="357">
        <v>4878008</v>
      </c>
      <c r="IF34" s="358">
        <v>7380490</v>
      </c>
      <c r="IG34" s="356">
        <v>3976134</v>
      </c>
      <c r="IH34" s="358">
        <v>3129273</v>
      </c>
      <c r="II34" s="359">
        <v>22038856</v>
      </c>
      <c r="IJ34" s="358">
        <v>22103278</v>
      </c>
      <c r="IK34" s="342">
        <v>0</v>
      </c>
      <c r="IL34" s="343">
        <v>0</v>
      </c>
      <c r="IM34" s="344">
        <v>0</v>
      </c>
      <c r="IN34" s="404">
        <v>0</v>
      </c>
      <c r="IO34" s="345">
        <v>116511</v>
      </c>
      <c r="IP34" s="345">
        <v>0</v>
      </c>
      <c r="IQ34" s="345">
        <v>140120</v>
      </c>
      <c r="IR34" s="345">
        <v>0</v>
      </c>
      <c r="IS34" s="345">
        <v>0</v>
      </c>
      <c r="IT34" s="346">
        <v>256631</v>
      </c>
      <c r="IU34" s="347">
        <v>256631</v>
      </c>
      <c r="IV34" s="348">
        <v>0</v>
      </c>
      <c r="IW34" s="345">
        <v>0</v>
      </c>
      <c r="IX34" s="349">
        <v>0</v>
      </c>
      <c r="IY34" s="413">
        <v>0</v>
      </c>
      <c r="IZ34" s="345">
        <v>0</v>
      </c>
      <c r="JA34" s="345">
        <v>0</v>
      </c>
      <c r="JB34" s="345">
        <v>0</v>
      </c>
      <c r="JC34" s="345">
        <v>0</v>
      </c>
      <c r="JD34" s="345">
        <v>0</v>
      </c>
      <c r="JE34" s="349">
        <v>0</v>
      </c>
      <c r="JF34" s="350">
        <v>0</v>
      </c>
      <c r="JG34" s="348">
        <v>0</v>
      </c>
      <c r="JH34" s="345">
        <v>0</v>
      </c>
      <c r="JI34" s="346">
        <v>0</v>
      </c>
      <c r="JJ34" s="351">
        <v>0</v>
      </c>
      <c r="JK34" s="345">
        <v>635937</v>
      </c>
      <c r="JL34" s="345">
        <v>1120061</v>
      </c>
      <c r="JM34" s="345">
        <v>1043987</v>
      </c>
      <c r="JN34" s="345">
        <v>435087</v>
      </c>
      <c r="JO34" s="345">
        <v>0</v>
      </c>
      <c r="JP34" s="349">
        <v>3235072</v>
      </c>
      <c r="JQ34" s="347">
        <v>3235072</v>
      </c>
      <c r="JR34" s="348">
        <v>0</v>
      </c>
      <c r="JS34" s="345">
        <v>0</v>
      </c>
      <c r="JT34" s="346">
        <v>0</v>
      </c>
      <c r="JU34" s="351">
        <v>0</v>
      </c>
      <c r="JV34" s="345">
        <v>285034</v>
      </c>
      <c r="JW34" s="345">
        <v>227698</v>
      </c>
      <c r="JX34" s="345">
        <v>0</v>
      </c>
      <c r="JY34" s="345">
        <v>0</v>
      </c>
      <c r="JZ34" s="345">
        <v>0</v>
      </c>
      <c r="KA34" s="349">
        <v>512732</v>
      </c>
      <c r="KB34" s="347">
        <v>512732</v>
      </c>
      <c r="KC34" s="352">
        <v>64422</v>
      </c>
      <c r="KD34" s="353">
        <v>0</v>
      </c>
      <c r="KE34" s="349">
        <v>64422</v>
      </c>
      <c r="KF34" s="351">
        <v>0</v>
      </c>
      <c r="KG34" s="345">
        <v>302328</v>
      </c>
      <c r="KH34" s="345">
        <v>864224</v>
      </c>
      <c r="KI34" s="345">
        <v>556326</v>
      </c>
      <c r="KJ34" s="345">
        <v>1502793</v>
      </c>
      <c r="KK34" s="345">
        <v>649809</v>
      </c>
      <c r="KL34" s="349">
        <v>3875480</v>
      </c>
      <c r="KM34" s="354">
        <v>3939902</v>
      </c>
      <c r="KN34" s="342">
        <v>0</v>
      </c>
      <c r="KO34" s="343">
        <v>0</v>
      </c>
      <c r="KP34" s="344">
        <v>0</v>
      </c>
      <c r="KQ34" s="413">
        <v>0</v>
      </c>
      <c r="KR34" s="345">
        <v>1335141</v>
      </c>
      <c r="KS34" s="345">
        <v>2666025</v>
      </c>
      <c r="KT34" s="345">
        <v>2396511</v>
      </c>
      <c r="KU34" s="345">
        <v>593262</v>
      </c>
      <c r="KV34" s="345">
        <v>858546</v>
      </c>
      <c r="KW34" s="349">
        <v>7849485</v>
      </c>
      <c r="KX34" s="347">
        <v>7849485</v>
      </c>
      <c r="KY34" s="348">
        <v>0</v>
      </c>
      <c r="KZ34" s="345">
        <v>0</v>
      </c>
      <c r="LA34" s="349">
        <v>0</v>
      </c>
      <c r="LB34" s="413">
        <v>0</v>
      </c>
      <c r="LC34" s="345">
        <v>0</v>
      </c>
      <c r="LD34" s="345">
        <v>0</v>
      </c>
      <c r="LE34" s="345">
        <v>0</v>
      </c>
      <c r="LF34" s="345">
        <v>0</v>
      </c>
      <c r="LG34" s="345">
        <v>0</v>
      </c>
      <c r="LH34" s="349">
        <v>0</v>
      </c>
      <c r="LI34" s="350">
        <v>0</v>
      </c>
      <c r="LJ34" s="348">
        <v>0</v>
      </c>
      <c r="LK34" s="345">
        <v>0</v>
      </c>
      <c r="LL34" s="349">
        <v>0</v>
      </c>
      <c r="LM34" s="413">
        <v>0</v>
      </c>
      <c r="LN34" s="345">
        <v>0</v>
      </c>
      <c r="LO34" s="345">
        <v>0</v>
      </c>
      <c r="LP34" s="345">
        <v>3243546</v>
      </c>
      <c r="LQ34" s="345">
        <v>1444992</v>
      </c>
      <c r="LR34" s="345">
        <v>1620918</v>
      </c>
      <c r="LS34" s="349">
        <v>6309456</v>
      </c>
      <c r="LT34" s="347">
        <v>6309456</v>
      </c>
      <c r="LU34" s="348">
        <v>0</v>
      </c>
      <c r="LV34" s="345">
        <v>0</v>
      </c>
      <c r="LW34" s="349">
        <v>0</v>
      </c>
      <c r="LX34" s="413">
        <v>0</v>
      </c>
      <c r="LY34" s="345">
        <v>0</v>
      </c>
      <c r="LZ34" s="345">
        <v>0</v>
      </c>
      <c r="MA34" s="345">
        <v>0</v>
      </c>
      <c r="MB34" s="345">
        <v>0</v>
      </c>
      <c r="MC34" s="345">
        <v>0</v>
      </c>
      <c r="MD34" s="349">
        <v>0</v>
      </c>
      <c r="ME34" s="350">
        <v>0</v>
      </c>
      <c r="MF34" s="348">
        <v>0</v>
      </c>
      <c r="MG34" s="345">
        <v>0</v>
      </c>
      <c r="MH34" s="349">
        <v>0</v>
      </c>
      <c r="MI34" s="413">
        <v>0</v>
      </c>
      <c r="MJ34" s="345">
        <v>1099055</v>
      </c>
      <c r="MK34" s="345">
        <v>2177808</v>
      </c>
      <c r="ML34" s="345">
        <v>5463246</v>
      </c>
      <c r="MM34" s="345">
        <v>10718466</v>
      </c>
      <c r="MN34" s="345">
        <v>8963482</v>
      </c>
      <c r="MO34" s="349">
        <v>28422057</v>
      </c>
      <c r="MP34" s="354">
        <v>28422057</v>
      </c>
      <c r="MQ34" s="348">
        <v>0</v>
      </c>
      <c r="MR34" s="345">
        <v>0</v>
      </c>
      <c r="MS34" s="349">
        <v>0</v>
      </c>
      <c r="MT34" s="413">
        <v>0</v>
      </c>
      <c r="MU34" s="345">
        <v>0</v>
      </c>
      <c r="MV34" s="345">
        <v>452640</v>
      </c>
      <c r="MW34" s="345">
        <v>1516487</v>
      </c>
      <c r="MX34" s="345">
        <v>6441303</v>
      </c>
      <c r="MY34" s="345">
        <v>6030546</v>
      </c>
      <c r="MZ34" s="349">
        <v>14440976</v>
      </c>
      <c r="NA34" s="354">
        <v>14440976</v>
      </c>
      <c r="NB34" s="348">
        <v>0</v>
      </c>
      <c r="NC34" s="345">
        <v>0</v>
      </c>
      <c r="ND34" s="349">
        <v>0</v>
      </c>
      <c r="NE34" s="413">
        <v>0</v>
      </c>
      <c r="NF34" s="345">
        <v>1099055</v>
      </c>
      <c r="NG34" s="345">
        <v>1725168</v>
      </c>
      <c r="NH34" s="345">
        <v>3946759</v>
      </c>
      <c r="NI34" s="345">
        <v>4277163</v>
      </c>
      <c r="NJ34" s="345">
        <v>2932936</v>
      </c>
      <c r="NK34" s="349">
        <v>13981081</v>
      </c>
      <c r="NL34" s="347">
        <v>13981081</v>
      </c>
      <c r="NM34" s="348">
        <v>0</v>
      </c>
      <c r="NN34" s="345">
        <v>0</v>
      </c>
      <c r="NO34" s="349">
        <v>0</v>
      </c>
      <c r="NP34" s="413">
        <v>0</v>
      </c>
      <c r="NQ34" s="345">
        <v>0</v>
      </c>
      <c r="NR34" s="345">
        <v>0</v>
      </c>
      <c r="NS34" s="345">
        <v>0</v>
      </c>
      <c r="NT34" s="345">
        <v>0</v>
      </c>
      <c r="NU34" s="345">
        <v>0</v>
      </c>
      <c r="NV34" s="349">
        <v>0</v>
      </c>
      <c r="NW34" s="350">
        <v>0</v>
      </c>
      <c r="NX34" s="348">
        <v>0</v>
      </c>
      <c r="NY34" s="345">
        <v>0</v>
      </c>
      <c r="NZ34" s="349">
        <v>0</v>
      </c>
      <c r="OA34" s="413">
        <v>0</v>
      </c>
      <c r="OB34" s="345">
        <v>0</v>
      </c>
      <c r="OC34" s="345">
        <v>0</v>
      </c>
      <c r="OD34" s="345">
        <v>0</v>
      </c>
      <c r="OE34" s="345">
        <v>0</v>
      </c>
      <c r="OF34" s="345">
        <v>0</v>
      </c>
      <c r="OG34" s="349">
        <v>0</v>
      </c>
      <c r="OH34" s="350">
        <v>0</v>
      </c>
      <c r="OI34" s="348">
        <v>857131</v>
      </c>
      <c r="OJ34" s="345">
        <v>1173481</v>
      </c>
      <c r="OK34" s="346">
        <v>2030612</v>
      </c>
      <c r="OL34" s="351">
        <v>0</v>
      </c>
      <c r="OM34" s="345">
        <v>12394241</v>
      </c>
      <c r="ON34" s="345">
        <v>18558565</v>
      </c>
      <c r="OO34" s="345">
        <v>23216594</v>
      </c>
      <c r="OP34" s="345">
        <v>25012865</v>
      </c>
      <c r="OQ34" s="345">
        <v>19787952</v>
      </c>
      <c r="OR34" s="349">
        <v>98970217</v>
      </c>
      <c r="OS34" s="354">
        <v>101000829</v>
      </c>
    </row>
    <row r="35" spans="2:409" s="70" customFormat="1" ht="21" customHeight="1" x14ac:dyDescent="0.2">
      <c r="B35" s="410" t="s">
        <v>30</v>
      </c>
      <c r="C35" s="326">
        <v>953933</v>
      </c>
      <c r="D35" s="327">
        <v>960541</v>
      </c>
      <c r="E35" s="368">
        <v>1914474</v>
      </c>
      <c r="F35" s="370">
        <v>0</v>
      </c>
      <c r="G35" s="369">
        <v>9041073</v>
      </c>
      <c r="H35" s="369">
        <v>8889429</v>
      </c>
      <c r="I35" s="369">
        <v>9855450</v>
      </c>
      <c r="J35" s="369">
        <v>6637481</v>
      </c>
      <c r="K35" s="369">
        <v>3981643</v>
      </c>
      <c r="L35" s="370">
        <v>38405076</v>
      </c>
      <c r="M35" s="330">
        <v>40319550</v>
      </c>
      <c r="N35" s="326">
        <v>146457</v>
      </c>
      <c r="O35" s="327">
        <v>376284</v>
      </c>
      <c r="P35" s="328">
        <v>522741</v>
      </c>
      <c r="Q35" s="326">
        <v>0</v>
      </c>
      <c r="R35" s="327">
        <v>2936034</v>
      </c>
      <c r="S35" s="327">
        <v>2032267</v>
      </c>
      <c r="T35" s="327">
        <v>3088406</v>
      </c>
      <c r="U35" s="327">
        <v>2752141</v>
      </c>
      <c r="V35" s="327">
        <v>2645983</v>
      </c>
      <c r="W35" s="328">
        <v>13454831</v>
      </c>
      <c r="X35" s="330">
        <v>13977572</v>
      </c>
      <c r="Y35" s="326">
        <v>0</v>
      </c>
      <c r="Z35" s="327">
        <v>0</v>
      </c>
      <c r="AA35" s="328">
        <v>0</v>
      </c>
      <c r="AB35" s="326">
        <v>0</v>
      </c>
      <c r="AC35" s="327">
        <v>1213753</v>
      </c>
      <c r="AD35" s="327">
        <v>892549</v>
      </c>
      <c r="AE35" s="327">
        <v>1711524</v>
      </c>
      <c r="AF35" s="327">
        <v>1555667</v>
      </c>
      <c r="AG35" s="327">
        <v>2011625</v>
      </c>
      <c r="AH35" s="328">
        <v>7385118</v>
      </c>
      <c r="AI35" s="330">
        <v>7385118</v>
      </c>
      <c r="AJ35" s="326">
        <v>0</v>
      </c>
      <c r="AK35" s="327">
        <v>0</v>
      </c>
      <c r="AL35" s="328">
        <v>0</v>
      </c>
      <c r="AM35" s="326">
        <v>0</v>
      </c>
      <c r="AN35" s="327">
        <v>0</v>
      </c>
      <c r="AO35" s="327">
        <v>0</v>
      </c>
      <c r="AP35" s="327">
        <v>0</v>
      </c>
      <c r="AQ35" s="327">
        <v>334034</v>
      </c>
      <c r="AR35" s="327">
        <v>104652</v>
      </c>
      <c r="AS35" s="328">
        <v>438686</v>
      </c>
      <c r="AT35" s="330">
        <v>438686</v>
      </c>
      <c r="AU35" s="326">
        <v>115056</v>
      </c>
      <c r="AV35" s="327">
        <v>371154</v>
      </c>
      <c r="AW35" s="328">
        <v>486210</v>
      </c>
      <c r="AX35" s="326">
        <v>0</v>
      </c>
      <c r="AY35" s="327">
        <v>1194566</v>
      </c>
      <c r="AZ35" s="327">
        <v>750885</v>
      </c>
      <c r="BA35" s="327">
        <v>849821</v>
      </c>
      <c r="BB35" s="327">
        <v>534785</v>
      </c>
      <c r="BC35" s="327">
        <v>443036</v>
      </c>
      <c r="BD35" s="328">
        <v>3773093</v>
      </c>
      <c r="BE35" s="330">
        <v>4259303</v>
      </c>
      <c r="BF35" s="326">
        <v>16695</v>
      </c>
      <c r="BG35" s="327">
        <v>0</v>
      </c>
      <c r="BH35" s="331">
        <v>16695</v>
      </c>
      <c r="BI35" s="332">
        <v>0</v>
      </c>
      <c r="BJ35" s="327">
        <v>113132</v>
      </c>
      <c r="BK35" s="327">
        <v>103471</v>
      </c>
      <c r="BL35" s="327">
        <v>157997</v>
      </c>
      <c r="BM35" s="327">
        <v>0</v>
      </c>
      <c r="BN35" s="327">
        <v>0</v>
      </c>
      <c r="BO35" s="328">
        <v>374600</v>
      </c>
      <c r="BP35" s="330">
        <v>391295</v>
      </c>
      <c r="BQ35" s="326">
        <v>14706</v>
      </c>
      <c r="BR35" s="327">
        <v>5130</v>
      </c>
      <c r="BS35" s="328">
        <v>19836</v>
      </c>
      <c r="BT35" s="326">
        <v>0</v>
      </c>
      <c r="BU35" s="327">
        <v>414583</v>
      </c>
      <c r="BV35" s="327">
        <v>285362</v>
      </c>
      <c r="BW35" s="327">
        <v>369064</v>
      </c>
      <c r="BX35" s="327">
        <v>327655</v>
      </c>
      <c r="BY35" s="327">
        <v>86670</v>
      </c>
      <c r="BZ35" s="328">
        <v>1483334</v>
      </c>
      <c r="CA35" s="330">
        <v>1503170</v>
      </c>
      <c r="CB35" s="326">
        <v>190212</v>
      </c>
      <c r="CC35" s="327">
        <v>214633</v>
      </c>
      <c r="CD35" s="328">
        <v>404845</v>
      </c>
      <c r="CE35" s="326">
        <v>0</v>
      </c>
      <c r="CF35" s="327">
        <v>2371953</v>
      </c>
      <c r="CG35" s="327">
        <v>2195959</v>
      </c>
      <c r="CH35" s="327">
        <v>1747915</v>
      </c>
      <c r="CI35" s="327">
        <v>1343154</v>
      </c>
      <c r="CJ35" s="327">
        <v>270487</v>
      </c>
      <c r="CK35" s="328">
        <v>7929468</v>
      </c>
      <c r="CL35" s="330">
        <v>8334313</v>
      </c>
      <c r="CM35" s="326">
        <v>0</v>
      </c>
      <c r="CN35" s="327">
        <v>0</v>
      </c>
      <c r="CO35" s="328">
        <v>0</v>
      </c>
      <c r="CP35" s="332">
        <v>0</v>
      </c>
      <c r="CQ35" s="327">
        <v>1920937</v>
      </c>
      <c r="CR35" s="327">
        <v>1477674</v>
      </c>
      <c r="CS35" s="327">
        <v>1429501</v>
      </c>
      <c r="CT35" s="327">
        <v>1134973</v>
      </c>
      <c r="CU35" s="327">
        <v>147432</v>
      </c>
      <c r="CV35" s="328">
        <v>6110517</v>
      </c>
      <c r="CW35" s="330">
        <v>6110517</v>
      </c>
      <c r="CX35" s="326">
        <v>190212</v>
      </c>
      <c r="CY35" s="327">
        <v>214633</v>
      </c>
      <c r="CZ35" s="328">
        <v>404845</v>
      </c>
      <c r="DA35" s="326">
        <v>0</v>
      </c>
      <c r="DB35" s="327">
        <v>451016</v>
      </c>
      <c r="DC35" s="327">
        <v>718285</v>
      </c>
      <c r="DD35" s="327">
        <v>318414</v>
      </c>
      <c r="DE35" s="327">
        <v>208181</v>
      </c>
      <c r="DF35" s="327">
        <v>123055</v>
      </c>
      <c r="DG35" s="328">
        <v>1818951</v>
      </c>
      <c r="DH35" s="330">
        <v>2223796</v>
      </c>
      <c r="DI35" s="326">
        <v>0</v>
      </c>
      <c r="DJ35" s="327">
        <v>0</v>
      </c>
      <c r="DK35" s="331">
        <v>0</v>
      </c>
      <c r="DL35" s="332">
        <v>0</v>
      </c>
      <c r="DM35" s="327">
        <v>325815</v>
      </c>
      <c r="DN35" s="327">
        <v>942339</v>
      </c>
      <c r="DO35" s="327">
        <v>1821414</v>
      </c>
      <c r="DP35" s="327">
        <v>434046</v>
      </c>
      <c r="DQ35" s="327">
        <v>0</v>
      </c>
      <c r="DR35" s="328">
        <v>3523614</v>
      </c>
      <c r="DS35" s="330">
        <v>3523614</v>
      </c>
      <c r="DT35" s="326">
        <v>0</v>
      </c>
      <c r="DU35" s="327">
        <v>0</v>
      </c>
      <c r="DV35" s="328">
        <v>0</v>
      </c>
      <c r="DW35" s="326">
        <v>0</v>
      </c>
      <c r="DX35" s="327">
        <v>289149</v>
      </c>
      <c r="DY35" s="327">
        <v>761461</v>
      </c>
      <c r="DZ35" s="327">
        <v>1798510</v>
      </c>
      <c r="EA35" s="327">
        <v>373828</v>
      </c>
      <c r="EB35" s="327">
        <v>0</v>
      </c>
      <c r="EC35" s="328">
        <v>3222948</v>
      </c>
      <c r="ED35" s="330">
        <v>3222948</v>
      </c>
      <c r="EE35" s="326">
        <v>0</v>
      </c>
      <c r="EF35" s="331">
        <v>0</v>
      </c>
      <c r="EG35" s="328">
        <v>0</v>
      </c>
      <c r="EH35" s="326">
        <v>0</v>
      </c>
      <c r="EI35" s="327">
        <v>36666</v>
      </c>
      <c r="EJ35" s="327">
        <v>180878</v>
      </c>
      <c r="EK35" s="327">
        <v>22904</v>
      </c>
      <c r="EL35" s="327">
        <v>60218</v>
      </c>
      <c r="EM35" s="327">
        <v>0</v>
      </c>
      <c r="EN35" s="331">
        <v>300666</v>
      </c>
      <c r="EO35" s="330">
        <v>300666</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365045</v>
      </c>
      <c r="FM35" s="327">
        <v>217764</v>
      </c>
      <c r="FN35" s="328">
        <v>582809</v>
      </c>
      <c r="FO35" s="326">
        <v>0</v>
      </c>
      <c r="FP35" s="327">
        <v>483829</v>
      </c>
      <c r="FQ35" s="327">
        <v>968829</v>
      </c>
      <c r="FR35" s="327">
        <v>918951</v>
      </c>
      <c r="FS35" s="327">
        <v>499651</v>
      </c>
      <c r="FT35" s="327">
        <v>267158</v>
      </c>
      <c r="FU35" s="328">
        <v>3138418</v>
      </c>
      <c r="FV35" s="330">
        <v>3721227</v>
      </c>
      <c r="FW35" s="333">
        <v>257720</v>
      </c>
      <c r="FX35" s="327">
        <v>183114</v>
      </c>
      <c r="FY35" s="331">
        <v>440834</v>
      </c>
      <c r="FZ35" s="332">
        <v>0</v>
      </c>
      <c r="GA35" s="327">
        <v>456829</v>
      </c>
      <c r="GB35" s="327">
        <v>844089</v>
      </c>
      <c r="GC35" s="327">
        <v>887766</v>
      </c>
      <c r="GD35" s="327">
        <v>474241</v>
      </c>
      <c r="GE35" s="327">
        <v>267158</v>
      </c>
      <c r="GF35" s="328">
        <v>2930083</v>
      </c>
      <c r="GG35" s="334">
        <v>3370917</v>
      </c>
      <c r="GH35" s="333">
        <v>48420</v>
      </c>
      <c r="GI35" s="327">
        <v>34650</v>
      </c>
      <c r="GJ35" s="331">
        <v>83070</v>
      </c>
      <c r="GK35" s="332">
        <v>0</v>
      </c>
      <c r="GL35" s="327">
        <v>27000</v>
      </c>
      <c r="GM35" s="327">
        <v>124740</v>
      </c>
      <c r="GN35" s="327">
        <v>31185</v>
      </c>
      <c r="GO35" s="327">
        <v>25410</v>
      </c>
      <c r="GP35" s="327">
        <v>0</v>
      </c>
      <c r="GQ35" s="328">
        <v>208335</v>
      </c>
      <c r="GR35" s="330">
        <v>291405</v>
      </c>
      <c r="GS35" s="326">
        <v>58905</v>
      </c>
      <c r="GT35" s="327">
        <v>0</v>
      </c>
      <c r="GU35" s="328">
        <v>58905</v>
      </c>
      <c r="GV35" s="326">
        <v>0</v>
      </c>
      <c r="GW35" s="327">
        <v>0</v>
      </c>
      <c r="GX35" s="327">
        <v>0</v>
      </c>
      <c r="GY35" s="327">
        <v>0</v>
      </c>
      <c r="GZ35" s="327">
        <v>0</v>
      </c>
      <c r="HA35" s="327">
        <v>0</v>
      </c>
      <c r="HB35" s="331">
        <v>0</v>
      </c>
      <c r="HC35" s="330">
        <v>58905</v>
      </c>
      <c r="HD35" s="326">
        <v>60579</v>
      </c>
      <c r="HE35" s="327">
        <v>0</v>
      </c>
      <c r="HF35" s="331">
        <v>60579</v>
      </c>
      <c r="HG35" s="332">
        <v>0</v>
      </c>
      <c r="HH35" s="327">
        <v>1564076</v>
      </c>
      <c r="HI35" s="327">
        <v>1740053</v>
      </c>
      <c r="HJ35" s="327">
        <v>1368444</v>
      </c>
      <c r="HK35" s="327">
        <v>1206450</v>
      </c>
      <c r="HL35" s="327">
        <v>541724</v>
      </c>
      <c r="HM35" s="328">
        <v>6420747</v>
      </c>
      <c r="HN35" s="329">
        <v>6481326</v>
      </c>
      <c r="HO35" s="333">
        <v>191640</v>
      </c>
      <c r="HP35" s="327">
        <v>151860</v>
      </c>
      <c r="HQ35" s="328">
        <v>343500</v>
      </c>
      <c r="HR35" s="326">
        <v>0</v>
      </c>
      <c r="HS35" s="327">
        <v>1359366</v>
      </c>
      <c r="HT35" s="327">
        <v>1009982</v>
      </c>
      <c r="HU35" s="327">
        <v>910320</v>
      </c>
      <c r="HV35" s="327">
        <v>402039</v>
      </c>
      <c r="HW35" s="327">
        <v>256291</v>
      </c>
      <c r="HX35" s="331">
        <v>3937998</v>
      </c>
      <c r="HY35" s="330">
        <v>4281498</v>
      </c>
      <c r="HZ35" s="335">
        <v>0</v>
      </c>
      <c r="IA35" s="336">
        <v>0</v>
      </c>
      <c r="IB35" s="337">
        <v>0</v>
      </c>
      <c r="IC35" s="338">
        <v>0</v>
      </c>
      <c r="ID35" s="336">
        <v>1878388</v>
      </c>
      <c r="IE35" s="339">
        <v>3125305</v>
      </c>
      <c r="IF35" s="337">
        <v>2109775</v>
      </c>
      <c r="IG35" s="336">
        <v>1127689</v>
      </c>
      <c r="IH35" s="337">
        <v>543798</v>
      </c>
      <c r="II35" s="340">
        <v>8784955</v>
      </c>
      <c r="IJ35" s="341">
        <v>8784955</v>
      </c>
      <c r="IK35" s="342">
        <v>0</v>
      </c>
      <c r="IL35" s="343">
        <v>0</v>
      </c>
      <c r="IM35" s="344">
        <v>0</v>
      </c>
      <c r="IN35" s="404">
        <v>0</v>
      </c>
      <c r="IO35" s="345">
        <v>0</v>
      </c>
      <c r="IP35" s="345">
        <v>235500</v>
      </c>
      <c r="IQ35" s="345">
        <v>254061</v>
      </c>
      <c r="IR35" s="345">
        <v>0</v>
      </c>
      <c r="IS35" s="345">
        <v>0</v>
      </c>
      <c r="IT35" s="346">
        <v>489561</v>
      </c>
      <c r="IU35" s="347">
        <v>489561</v>
      </c>
      <c r="IV35" s="348">
        <v>0</v>
      </c>
      <c r="IW35" s="345">
        <v>0</v>
      </c>
      <c r="IX35" s="349">
        <v>0</v>
      </c>
      <c r="IY35" s="413">
        <v>0</v>
      </c>
      <c r="IZ35" s="345">
        <v>0</v>
      </c>
      <c r="JA35" s="345">
        <v>0</v>
      </c>
      <c r="JB35" s="345">
        <v>0</v>
      </c>
      <c r="JC35" s="345">
        <v>0</v>
      </c>
      <c r="JD35" s="345">
        <v>0</v>
      </c>
      <c r="JE35" s="349">
        <v>0</v>
      </c>
      <c r="JF35" s="350">
        <v>0</v>
      </c>
      <c r="JG35" s="348">
        <v>0</v>
      </c>
      <c r="JH35" s="345">
        <v>0</v>
      </c>
      <c r="JI35" s="346">
        <v>0</v>
      </c>
      <c r="JJ35" s="351">
        <v>0</v>
      </c>
      <c r="JK35" s="345">
        <v>1347505</v>
      </c>
      <c r="JL35" s="345">
        <v>1399594</v>
      </c>
      <c r="JM35" s="345">
        <v>903551</v>
      </c>
      <c r="JN35" s="345">
        <v>0</v>
      </c>
      <c r="JO35" s="345">
        <v>252432</v>
      </c>
      <c r="JP35" s="349">
        <v>3903082</v>
      </c>
      <c r="JQ35" s="347">
        <v>3903082</v>
      </c>
      <c r="JR35" s="348">
        <v>0</v>
      </c>
      <c r="JS35" s="345">
        <v>0</v>
      </c>
      <c r="JT35" s="346">
        <v>0</v>
      </c>
      <c r="JU35" s="351">
        <v>0</v>
      </c>
      <c r="JV35" s="345">
        <v>0</v>
      </c>
      <c r="JW35" s="345">
        <v>39762</v>
      </c>
      <c r="JX35" s="345">
        <v>125246</v>
      </c>
      <c r="JY35" s="345">
        <v>0</v>
      </c>
      <c r="JZ35" s="345">
        <v>0</v>
      </c>
      <c r="KA35" s="349">
        <v>165008</v>
      </c>
      <c r="KB35" s="347">
        <v>165008</v>
      </c>
      <c r="KC35" s="352">
        <v>0</v>
      </c>
      <c r="KD35" s="353">
        <v>0</v>
      </c>
      <c r="KE35" s="349">
        <v>0</v>
      </c>
      <c r="KF35" s="351">
        <v>0</v>
      </c>
      <c r="KG35" s="345">
        <v>0</v>
      </c>
      <c r="KH35" s="345">
        <v>0</v>
      </c>
      <c r="KI35" s="345">
        <v>278163</v>
      </c>
      <c r="KJ35" s="345">
        <v>0</v>
      </c>
      <c r="KK35" s="345">
        <v>0</v>
      </c>
      <c r="KL35" s="349">
        <v>278163</v>
      </c>
      <c r="KM35" s="354">
        <v>278163</v>
      </c>
      <c r="KN35" s="342">
        <v>0</v>
      </c>
      <c r="KO35" s="343">
        <v>0</v>
      </c>
      <c r="KP35" s="344">
        <v>0</v>
      </c>
      <c r="KQ35" s="413">
        <v>0</v>
      </c>
      <c r="KR35" s="345">
        <v>530883</v>
      </c>
      <c r="KS35" s="345">
        <v>1450449</v>
      </c>
      <c r="KT35" s="345">
        <v>548754</v>
      </c>
      <c r="KU35" s="345">
        <v>1127689</v>
      </c>
      <c r="KV35" s="345">
        <v>291366</v>
      </c>
      <c r="KW35" s="349">
        <v>3949141</v>
      </c>
      <c r="KX35" s="347">
        <v>3949141</v>
      </c>
      <c r="KY35" s="348">
        <v>0</v>
      </c>
      <c r="KZ35" s="345">
        <v>0</v>
      </c>
      <c r="LA35" s="349">
        <v>0</v>
      </c>
      <c r="LB35" s="413">
        <v>0</v>
      </c>
      <c r="LC35" s="345">
        <v>0</v>
      </c>
      <c r="LD35" s="345">
        <v>0</v>
      </c>
      <c r="LE35" s="345">
        <v>0</v>
      </c>
      <c r="LF35" s="345">
        <v>0</v>
      </c>
      <c r="LG35" s="345">
        <v>0</v>
      </c>
      <c r="LH35" s="349">
        <v>0</v>
      </c>
      <c r="LI35" s="350">
        <v>0</v>
      </c>
      <c r="LJ35" s="348">
        <v>0</v>
      </c>
      <c r="LK35" s="345">
        <v>0</v>
      </c>
      <c r="LL35" s="349">
        <v>0</v>
      </c>
      <c r="LM35" s="413">
        <v>0</v>
      </c>
      <c r="LN35" s="345">
        <v>0</v>
      </c>
      <c r="LO35" s="345">
        <v>0</v>
      </c>
      <c r="LP35" s="345">
        <v>0</v>
      </c>
      <c r="LQ35" s="345">
        <v>0</v>
      </c>
      <c r="LR35" s="345">
        <v>0</v>
      </c>
      <c r="LS35" s="349">
        <v>0</v>
      </c>
      <c r="LT35" s="347">
        <v>0</v>
      </c>
      <c r="LU35" s="348">
        <v>0</v>
      </c>
      <c r="LV35" s="345">
        <v>0</v>
      </c>
      <c r="LW35" s="349">
        <v>0</v>
      </c>
      <c r="LX35" s="413">
        <v>0</v>
      </c>
      <c r="LY35" s="345">
        <v>0</v>
      </c>
      <c r="LZ35" s="345">
        <v>0</v>
      </c>
      <c r="MA35" s="345">
        <v>0</v>
      </c>
      <c r="MB35" s="345">
        <v>0</v>
      </c>
      <c r="MC35" s="345">
        <v>0</v>
      </c>
      <c r="MD35" s="349">
        <v>0</v>
      </c>
      <c r="ME35" s="350">
        <v>0</v>
      </c>
      <c r="MF35" s="348">
        <v>0</v>
      </c>
      <c r="MG35" s="345">
        <v>0</v>
      </c>
      <c r="MH35" s="349">
        <v>0</v>
      </c>
      <c r="MI35" s="413">
        <v>0</v>
      </c>
      <c r="MJ35" s="345">
        <v>2898200</v>
      </c>
      <c r="MK35" s="345">
        <v>3238948</v>
      </c>
      <c r="ML35" s="345">
        <v>7597837</v>
      </c>
      <c r="MM35" s="345">
        <v>15693790</v>
      </c>
      <c r="MN35" s="345">
        <v>8358444</v>
      </c>
      <c r="MO35" s="349">
        <v>37787219</v>
      </c>
      <c r="MP35" s="354">
        <v>37787219</v>
      </c>
      <c r="MQ35" s="348">
        <v>0</v>
      </c>
      <c r="MR35" s="345">
        <v>0</v>
      </c>
      <c r="MS35" s="349">
        <v>0</v>
      </c>
      <c r="MT35" s="413">
        <v>0</v>
      </c>
      <c r="MU35" s="345">
        <v>0</v>
      </c>
      <c r="MV35" s="345">
        <v>1102212</v>
      </c>
      <c r="MW35" s="345">
        <v>5016861</v>
      </c>
      <c r="MX35" s="345">
        <v>9944145</v>
      </c>
      <c r="MY35" s="345">
        <v>6253303</v>
      </c>
      <c r="MZ35" s="349">
        <v>22316521</v>
      </c>
      <c r="NA35" s="354">
        <v>22316521</v>
      </c>
      <c r="NB35" s="348">
        <v>0</v>
      </c>
      <c r="NC35" s="345">
        <v>0</v>
      </c>
      <c r="ND35" s="349">
        <v>0</v>
      </c>
      <c r="NE35" s="413">
        <v>0</v>
      </c>
      <c r="NF35" s="345">
        <v>2898200</v>
      </c>
      <c r="NG35" s="345">
        <v>2136736</v>
      </c>
      <c r="NH35" s="345">
        <v>2580976</v>
      </c>
      <c r="NI35" s="345">
        <v>5749645</v>
      </c>
      <c r="NJ35" s="345">
        <v>1381235</v>
      </c>
      <c r="NK35" s="349">
        <v>14746792</v>
      </c>
      <c r="NL35" s="347">
        <v>14746792</v>
      </c>
      <c r="NM35" s="348">
        <v>0</v>
      </c>
      <c r="NN35" s="345">
        <v>0</v>
      </c>
      <c r="NO35" s="349">
        <v>0</v>
      </c>
      <c r="NP35" s="413">
        <v>0</v>
      </c>
      <c r="NQ35" s="345">
        <v>0</v>
      </c>
      <c r="NR35" s="345">
        <v>0</v>
      </c>
      <c r="NS35" s="345">
        <v>0</v>
      </c>
      <c r="NT35" s="345">
        <v>0</v>
      </c>
      <c r="NU35" s="345">
        <v>0</v>
      </c>
      <c r="NV35" s="349">
        <v>0</v>
      </c>
      <c r="NW35" s="350">
        <v>0</v>
      </c>
      <c r="NX35" s="348">
        <v>0</v>
      </c>
      <c r="NY35" s="345">
        <v>0</v>
      </c>
      <c r="NZ35" s="349">
        <v>0</v>
      </c>
      <c r="OA35" s="413">
        <v>0</v>
      </c>
      <c r="OB35" s="345">
        <v>0</v>
      </c>
      <c r="OC35" s="345">
        <v>0</v>
      </c>
      <c r="OD35" s="345">
        <v>0</v>
      </c>
      <c r="OE35" s="345">
        <v>0</v>
      </c>
      <c r="OF35" s="345">
        <v>723906</v>
      </c>
      <c r="OG35" s="349">
        <v>723906</v>
      </c>
      <c r="OH35" s="350">
        <v>723906</v>
      </c>
      <c r="OI35" s="348">
        <v>953933</v>
      </c>
      <c r="OJ35" s="345">
        <v>960541</v>
      </c>
      <c r="OK35" s="346">
        <v>1914474</v>
      </c>
      <c r="OL35" s="351">
        <v>0</v>
      </c>
      <c r="OM35" s="345">
        <v>13817661</v>
      </c>
      <c r="ON35" s="345">
        <v>15253682</v>
      </c>
      <c r="OO35" s="345">
        <v>19563062</v>
      </c>
      <c r="OP35" s="345">
        <v>23458960</v>
      </c>
      <c r="OQ35" s="345">
        <v>12883885</v>
      </c>
      <c r="OR35" s="349">
        <v>84977250</v>
      </c>
      <c r="OS35" s="354">
        <v>86891724</v>
      </c>
    </row>
    <row r="36" spans="2:409" s="70" customFormat="1" ht="21" customHeight="1" x14ac:dyDescent="0.2">
      <c r="B36" s="410" t="s">
        <v>31</v>
      </c>
      <c r="C36" s="326">
        <v>654798</v>
      </c>
      <c r="D36" s="327">
        <v>908171</v>
      </c>
      <c r="E36" s="328">
        <v>1562969</v>
      </c>
      <c r="F36" s="329">
        <v>0</v>
      </c>
      <c r="G36" s="327">
        <v>7640172</v>
      </c>
      <c r="H36" s="327">
        <v>8457648</v>
      </c>
      <c r="I36" s="327">
        <v>8966393</v>
      </c>
      <c r="J36" s="327">
        <v>7078280</v>
      </c>
      <c r="K36" s="327">
        <v>3682756</v>
      </c>
      <c r="L36" s="367">
        <v>35825249</v>
      </c>
      <c r="M36" s="330">
        <v>37388218</v>
      </c>
      <c r="N36" s="326">
        <v>80577</v>
      </c>
      <c r="O36" s="327">
        <v>139759</v>
      </c>
      <c r="P36" s="328">
        <v>220336</v>
      </c>
      <c r="Q36" s="326">
        <v>0</v>
      </c>
      <c r="R36" s="327">
        <v>1161981</v>
      </c>
      <c r="S36" s="327">
        <v>1833294</v>
      </c>
      <c r="T36" s="327">
        <v>1673903</v>
      </c>
      <c r="U36" s="327">
        <v>2537830</v>
      </c>
      <c r="V36" s="327">
        <v>1907672</v>
      </c>
      <c r="W36" s="328">
        <v>9114680</v>
      </c>
      <c r="X36" s="330">
        <v>9335016</v>
      </c>
      <c r="Y36" s="326">
        <v>0</v>
      </c>
      <c r="Z36" s="327">
        <v>0</v>
      </c>
      <c r="AA36" s="328">
        <v>0</v>
      </c>
      <c r="AB36" s="326">
        <v>0</v>
      </c>
      <c r="AC36" s="327">
        <v>408841</v>
      </c>
      <c r="AD36" s="327">
        <v>714290</v>
      </c>
      <c r="AE36" s="327">
        <v>592884</v>
      </c>
      <c r="AF36" s="327">
        <v>1106276</v>
      </c>
      <c r="AG36" s="327">
        <v>1259397</v>
      </c>
      <c r="AH36" s="328">
        <v>4081688</v>
      </c>
      <c r="AI36" s="330">
        <v>4081688</v>
      </c>
      <c r="AJ36" s="326">
        <v>0</v>
      </c>
      <c r="AK36" s="327">
        <v>0</v>
      </c>
      <c r="AL36" s="328">
        <v>0</v>
      </c>
      <c r="AM36" s="326">
        <v>0</v>
      </c>
      <c r="AN36" s="327">
        <v>0</v>
      </c>
      <c r="AO36" s="327">
        <v>64942</v>
      </c>
      <c r="AP36" s="327">
        <v>38179</v>
      </c>
      <c r="AQ36" s="327">
        <v>332987</v>
      </c>
      <c r="AR36" s="327">
        <v>187564</v>
      </c>
      <c r="AS36" s="328">
        <v>623672</v>
      </c>
      <c r="AT36" s="330">
        <v>623672</v>
      </c>
      <c r="AU36" s="326">
        <v>58869</v>
      </c>
      <c r="AV36" s="327">
        <v>94617</v>
      </c>
      <c r="AW36" s="328">
        <v>153486</v>
      </c>
      <c r="AX36" s="326">
        <v>0</v>
      </c>
      <c r="AY36" s="327">
        <v>503957</v>
      </c>
      <c r="AZ36" s="327">
        <v>786722</v>
      </c>
      <c r="BA36" s="327">
        <v>838502</v>
      </c>
      <c r="BB36" s="327">
        <v>689793</v>
      </c>
      <c r="BC36" s="327">
        <v>344271</v>
      </c>
      <c r="BD36" s="328">
        <v>3163245</v>
      </c>
      <c r="BE36" s="330">
        <v>3316731</v>
      </c>
      <c r="BF36" s="326">
        <v>0</v>
      </c>
      <c r="BG36" s="327">
        <v>45142</v>
      </c>
      <c r="BH36" s="331">
        <v>45142</v>
      </c>
      <c r="BI36" s="332">
        <v>0</v>
      </c>
      <c r="BJ36" s="327">
        <v>122886</v>
      </c>
      <c r="BK36" s="327">
        <v>43888</v>
      </c>
      <c r="BL36" s="327">
        <v>26576</v>
      </c>
      <c r="BM36" s="327">
        <v>131664</v>
      </c>
      <c r="BN36" s="327">
        <v>0</v>
      </c>
      <c r="BO36" s="328">
        <v>325014</v>
      </c>
      <c r="BP36" s="330">
        <v>370156</v>
      </c>
      <c r="BQ36" s="326">
        <v>21708</v>
      </c>
      <c r="BR36" s="327">
        <v>0</v>
      </c>
      <c r="BS36" s="328">
        <v>21708</v>
      </c>
      <c r="BT36" s="326">
        <v>0</v>
      </c>
      <c r="BU36" s="327">
        <v>126297</v>
      </c>
      <c r="BV36" s="327">
        <v>223452</v>
      </c>
      <c r="BW36" s="327">
        <v>177762</v>
      </c>
      <c r="BX36" s="327">
        <v>277110</v>
      </c>
      <c r="BY36" s="327">
        <v>116440</v>
      </c>
      <c r="BZ36" s="328">
        <v>921061</v>
      </c>
      <c r="CA36" s="330">
        <v>942769</v>
      </c>
      <c r="CB36" s="326">
        <v>134402</v>
      </c>
      <c r="CC36" s="327">
        <v>-38813</v>
      </c>
      <c r="CD36" s="328">
        <v>95589</v>
      </c>
      <c r="CE36" s="326">
        <v>0</v>
      </c>
      <c r="CF36" s="327">
        <v>3030149</v>
      </c>
      <c r="CG36" s="327">
        <v>2573761</v>
      </c>
      <c r="CH36" s="327">
        <v>1902951</v>
      </c>
      <c r="CI36" s="327">
        <v>1078340</v>
      </c>
      <c r="CJ36" s="327">
        <v>740486</v>
      </c>
      <c r="CK36" s="328">
        <v>9325687</v>
      </c>
      <c r="CL36" s="330">
        <v>9421276</v>
      </c>
      <c r="CM36" s="326">
        <v>0</v>
      </c>
      <c r="CN36" s="327">
        <v>0</v>
      </c>
      <c r="CO36" s="328">
        <v>0</v>
      </c>
      <c r="CP36" s="332">
        <v>0</v>
      </c>
      <c r="CQ36" s="327">
        <v>2685720</v>
      </c>
      <c r="CR36" s="327">
        <v>2744245</v>
      </c>
      <c r="CS36" s="327">
        <v>1475924</v>
      </c>
      <c r="CT36" s="327">
        <v>742734</v>
      </c>
      <c r="CU36" s="327">
        <v>639223</v>
      </c>
      <c r="CV36" s="328">
        <v>8287846</v>
      </c>
      <c r="CW36" s="330">
        <v>8287846</v>
      </c>
      <c r="CX36" s="326">
        <v>134402</v>
      </c>
      <c r="CY36" s="327">
        <v>-38813</v>
      </c>
      <c r="CZ36" s="328">
        <v>95589</v>
      </c>
      <c r="DA36" s="326">
        <v>0</v>
      </c>
      <c r="DB36" s="327">
        <v>344429</v>
      </c>
      <c r="DC36" s="327">
        <v>-170484</v>
      </c>
      <c r="DD36" s="327">
        <v>427027</v>
      </c>
      <c r="DE36" s="327">
        <v>335606</v>
      </c>
      <c r="DF36" s="327">
        <v>101263</v>
      </c>
      <c r="DG36" s="328">
        <v>1037841</v>
      </c>
      <c r="DH36" s="330">
        <v>1133430</v>
      </c>
      <c r="DI36" s="326">
        <v>0</v>
      </c>
      <c r="DJ36" s="327">
        <v>43771</v>
      </c>
      <c r="DK36" s="331">
        <v>43771</v>
      </c>
      <c r="DL36" s="332">
        <v>0</v>
      </c>
      <c r="DM36" s="327">
        <v>467324</v>
      </c>
      <c r="DN36" s="327">
        <v>357372</v>
      </c>
      <c r="DO36" s="327">
        <v>2427963</v>
      </c>
      <c r="DP36" s="327">
        <v>337263</v>
      </c>
      <c r="DQ36" s="327">
        <v>145568</v>
      </c>
      <c r="DR36" s="328">
        <v>3735490</v>
      </c>
      <c r="DS36" s="330">
        <v>3779261</v>
      </c>
      <c r="DT36" s="326">
        <v>0</v>
      </c>
      <c r="DU36" s="327">
        <v>43771</v>
      </c>
      <c r="DV36" s="328">
        <v>43771</v>
      </c>
      <c r="DW36" s="326">
        <v>0</v>
      </c>
      <c r="DX36" s="327">
        <v>211091</v>
      </c>
      <c r="DY36" s="327">
        <v>313574</v>
      </c>
      <c r="DZ36" s="327">
        <v>2158910</v>
      </c>
      <c r="EA36" s="327">
        <v>307105</v>
      </c>
      <c r="EB36" s="327">
        <v>30780</v>
      </c>
      <c r="EC36" s="328">
        <v>3021460</v>
      </c>
      <c r="ED36" s="330">
        <v>3065231</v>
      </c>
      <c r="EE36" s="326">
        <v>0</v>
      </c>
      <c r="EF36" s="331">
        <v>0</v>
      </c>
      <c r="EG36" s="328">
        <v>0</v>
      </c>
      <c r="EH36" s="326">
        <v>0</v>
      </c>
      <c r="EI36" s="327">
        <v>256233</v>
      </c>
      <c r="EJ36" s="327">
        <v>43798</v>
      </c>
      <c r="EK36" s="327">
        <v>269053</v>
      </c>
      <c r="EL36" s="327">
        <v>30158</v>
      </c>
      <c r="EM36" s="327">
        <v>114788</v>
      </c>
      <c r="EN36" s="331">
        <v>714030</v>
      </c>
      <c r="EO36" s="330">
        <v>71403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172261</v>
      </c>
      <c r="FM36" s="327">
        <v>474686</v>
      </c>
      <c r="FN36" s="328">
        <v>646947</v>
      </c>
      <c r="FO36" s="326">
        <v>0</v>
      </c>
      <c r="FP36" s="327">
        <v>559563</v>
      </c>
      <c r="FQ36" s="327">
        <v>1155783</v>
      </c>
      <c r="FR36" s="327">
        <v>765994</v>
      </c>
      <c r="FS36" s="327">
        <v>850611</v>
      </c>
      <c r="FT36" s="327">
        <v>340237</v>
      </c>
      <c r="FU36" s="328">
        <v>3672188</v>
      </c>
      <c r="FV36" s="330">
        <v>4319135</v>
      </c>
      <c r="FW36" s="333">
        <v>154204</v>
      </c>
      <c r="FX36" s="327">
        <v>474686</v>
      </c>
      <c r="FY36" s="331">
        <v>628890</v>
      </c>
      <c r="FZ36" s="332">
        <v>0</v>
      </c>
      <c r="GA36" s="327">
        <v>407463</v>
      </c>
      <c r="GB36" s="327">
        <v>1015783</v>
      </c>
      <c r="GC36" s="327">
        <v>738274</v>
      </c>
      <c r="GD36" s="327">
        <v>802571</v>
      </c>
      <c r="GE36" s="327">
        <v>340237</v>
      </c>
      <c r="GF36" s="328">
        <v>3304328</v>
      </c>
      <c r="GG36" s="334">
        <v>3933218</v>
      </c>
      <c r="GH36" s="333">
        <v>18057</v>
      </c>
      <c r="GI36" s="327">
        <v>0</v>
      </c>
      <c r="GJ36" s="331">
        <v>18057</v>
      </c>
      <c r="GK36" s="332">
        <v>0</v>
      </c>
      <c r="GL36" s="327">
        <v>0</v>
      </c>
      <c r="GM36" s="327">
        <v>0</v>
      </c>
      <c r="GN36" s="327">
        <v>27720</v>
      </c>
      <c r="GO36" s="327">
        <v>32200</v>
      </c>
      <c r="GP36" s="327">
        <v>0</v>
      </c>
      <c r="GQ36" s="328">
        <v>59920</v>
      </c>
      <c r="GR36" s="330">
        <v>77977</v>
      </c>
      <c r="GS36" s="326">
        <v>0</v>
      </c>
      <c r="GT36" s="327">
        <v>0</v>
      </c>
      <c r="GU36" s="328">
        <v>0</v>
      </c>
      <c r="GV36" s="326">
        <v>0</v>
      </c>
      <c r="GW36" s="327">
        <v>152100</v>
      </c>
      <c r="GX36" s="327">
        <v>140000</v>
      </c>
      <c r="GY36" s="327">
        <v>0</v>
      </c>
      <c r="GZ36" s="327">
        <v>15840</v>
      </c>
      <c r="HA36" s="327">
        <v>0</v>
      </c>
      <c r="HB36" s="331">
        <v>307940</v>
      </c>
      <c r="HC36" s="330">
        <v>307940</v>
      </c>
      <c r="HD36" s="326">
        <v>117048</v>
      </c>
      <c r="HE36" s="327">
        <v>0</v>
      </c>
      <c r="HF36" s="331">
        <v>117048</v>
      </c>
      <c r="HG36" s="332">
        <v>0</v>
      </c>
      <c r="HH36" s="327">
        <v>1065476</v>
      </c>
      <c r="HI36" s="327">
        <v>1379605</v>
      </c>
      <c r="HJ36" s="327">
        <v>1241122</v>
      </c>
      <c r="HK36" s="327">
        <v>1725996</v>
      </c>
      <c r="HL36" s="327">
        <v>361350</v>
      </c>
      <c r="HM36" s="328">
        <v>5773549</v>
      </c>
      <c r="HN36" s="329">
        <v>5890597</v>
      </c>
      <c r="HO36" s="333">
        <v>150510</v>
      </c>
      <c r="HP36" s="327">
        <v>288768</v>
      </c>
      <c r="HQ36" s="328">
        <v>439278</v>
      </c>
      <c r="HR36" s="326">
        <v>0</v>
      </c>
      <c r="HS36" s="327">
        <v>1355679</v>
      </c>
      <c r="HT36" s="327">
        <v>1157833</v>
      </c>
      <c r="HU36" s="327">
        <v>954460</v>
      </c>
      <c r="HV36" s="327">
        <v>548240</v>
      </c>
      <c r="HW36" s="327">
        <v>187443</v>
      </c>
      <c r="HX36" s="331">
        <v>4203655</v>
      </c>
      <c r="HY36" s="330">
        <v>4642933</v>
      </c>
      <c r="HZ36" s="358">
        <v>0</v>
      </c>
      <c r="IA36" s="356">
        <v>93095</v>
      </c>
      <c r="IB36" s="358">
        <v>93095</v>
      </c>
      <c r="IC36" s="355">
        <v>0</v>
      </c>
      <c r="ID36" s="356">
        <v>3087223</v>
      </c>
      <c r="IE36" s="357">
        <v>5755618</v>
      </c>
      <c r="IF36" s="358">
        <v>7056747</v>
      </c>
      <c r="IG36" s="356">
        <v>4250723</v>
      </c>
      <c r="IH36" s="358">
        <v>1128673</v>
      </c>
      <c r="II36" s="359">
        <v>21278984</v>
      </c>
      <c r="IJ36" s="358">
        <v>21372079</v>
      </c>
      <c r="IK36" s="342">
        <v>0</v>
      </c>
      <c r="IL36" s="343">
        <v>0</v>
      </c>
      <c r="IM36" s="344">
        <v>0</v>
      </c>
      <c r="IN36" s="404">
        <v>0</v>
      </c>
      <c r="IO36" s="345">
        <v>0</v>
      </c>
      <c r="IP36" s="345">
        <v>105390</v>
      </c>
      <c r="IQ36" s="345">
        <v>186498</v>
      </c>
      <c r="IR36" s="345">
        <v>0</v>
      </c>
      <c r="IS36" s="345">
        <v>0</v>
      </c>
      <c r="IT36" s="346">
        <v>291888</v>
      </c>
      <c r="IU36" s="347">
        <v>291888</v>
      </c>
      <c r="IV36" s="348">
        <v>0</v>
      </c>
      <c r="IW36" s="345">
        <v>0</v>
      </c>
      <c r="IX36" s="349">
        <v>0</v>
      </c>
      <c r="IY36" s="413">
        <v>0</v>
      </c>
      <c r="IZ36" s="345">
        <v>0</v>
      </c>
      <c r="JA36" s="345">
        <v>0</v>
      </c>
      <c r="JB36" s="345">
        <v>0</v>
      </c>
      <c r="JC36" s="345">
        <v>0</v>
      </c>
      <c r="JD36" s="345">
        <v>0</v>
      </c>
      <c r="JE36" s="349">
        <v>0</v>
      </c>
      <c r="JF36" s="350">
        <v>0</v>
      </c>
      <c r="JG36" s="348">
        <v>0</v>
      </c>
      <c r="JH36" s="345">
        <v>0</v>
      </c>
      <c r="JI36" s="346">
        <v>0</v>
      </c>
      <c r="JJ36" s="351">
        <v>0</v>
      </c>
      <c r="JK36" s="345">
        <v>718497</v>
      </c>
      <c r="JL36" s="345">
        <v>915613</v>
      </c>
      <c r="JM36" s="345">
        <v>598529</v>
      </c>
      <c r="JN36" s="345">
        <v>48267</v>
      </c>
      <c r="JO36" s="345">
        <v>0</v>
      </c>
      <c r="JP36" s="349">
        <v>2280906</v>
      </c>
      <c r="JQ36" s="347">
        <v>2280906</v>
      </c>
      <c r="JR36" s="348">
        <v>0</v>
      </c>
      <c r="JS36" s="345">
        <v>0</v>
      </c>
      <c r="JT36" s="346">
        <v>0</v>
      </c>
      <c r="JU36" s="351">
        <v>0</v>
      </c>
      <c r="JV36" s="345">
        <v>0</v>
      </c>
      <c r="JW36" s="345">
        <v>0</v>
      </c>
      <c r="JX36" s="345">
        <v>271710</v>
      </c>
      <c r="JY36" s="345">
        <v>199132</v>
      </c>
      <c r="JZ36" s="345">
        <v>0</v>
      </c>
      <c r="KA36" s="349">
        <v>470842</v>
      </c>
      <c r="KB36" s="347">
        <v>470842</v>
      </c>
      <c r="KC36" s="352">
        <v>0</v>
      </c>
      <c r="KD36" s="353">
        <v>93095</v>
      </c>
      <c r="KE36" s="349">
        <v>93095</v>
      </c>
      <c r="KF36" s="351">
        <v>0</v>
      </c>
      <c r="KG36" s="345">
        <v>727028</v>
      </c>
      <c r="KH36" s="345">
        <v>1177951</v>
      </c>
      <c r="KI36" s="345">
        <v>1667561</v>
      </c>
      <c r="KJ36" s="345">
        <v>1196907</v>
      </c>
      <c r="KK36" s="345">
        <v>0</v>
      </c>
      <c r="KL36" s="349">
        <v>4769447</v>
      </c>
      <c r="KM36" s="354">
        <v>4862542</v>
      </c>
      <c r="KN36" s="342">
        <v>0</v>
      </c>
      <c r="KO36" s="343">
        <v>0</v>
      </c>
      <c r="KP36" s="344">
        <v>0</v>
      </c>
      <c r="KQ36" s="413">
        <v>0</v>
      </c>
      <c r="KR36" s="345">
        <v>1641698</v>
      </c>
      <c r="KS36" s="345">
        <v>3556664</v>
      </c>
      <c r="KT36" s="345">
        <v>4332449</v>
      </c>
      <c r="KU36" s="345">
        <v>2571177</v>
      </c>
      <c r="KV36" s="345">
        <v>970192</v>
      </c>
      <c r="KW36" s="349">
        <v>13072180</v>
      </c>
      <c r="KX36" s="347">
        <v>13072180</v>
      </c>
      <c r="KY36" s="348">
        <v>0</v>
      </c>
      <c r="KZ36" s="345">
        <v>0</v>
      </c>
      <c r="LA36" s="349">
        <v>0</v>
      </c>
      <c r="LB36" s="413">
        <v>0</v>
      </c>
      <c r="LC36" s="345">
        <v>0</v>
      </c>
      <c r="LD36" s="345">
        <v>0</v>
      </c>
      <c r="LE36" s="345">
        <v>0</v>
      </c>
      <c r="LF36" s="345">
        <v>0</v>
      </c>
      <c r="LG36" s="345">
        <v>0</v>
      </c>
      <c r="LH36" s="349">
        <v>0</v>
      </c>
      <c r="LI36" s="350">
        <v>0</v>
      </c>
      <c r="LJ36" s="348">
        <v>0</v>
      </c>
      <c r="LK36" s="345">
        <v>0</v>
      </c>
      <c r="LL36" s="349">
        <v>0</v>
      </c>
      <c r="LM36" s="413">
        <v>0</v>
      </c>
      <c r="LN36" s="345">
        <v>0</v>
      </c>
      <c r="LO36" s="345">
        <v>0</v>
      </c>
      <c r="LP36" s="345">
        <v>0</v>
      </c>
      <c r="LQ36" s="345">
        <v>235240</v>
      </c>
      <c r="LR36" s="345">
        <v>158481</v>
      </c>
      <c r="LS36" s="349">
        <v>393721</v>
      </c>
      <c r="LT36" s="347">
        <v>393721</v>
      </c>
      <c r="LU36" s="348">
        <v>0</v>
      </c>
      <c r="LV36" s="345">
        <v>0</v>
      </c>
      <c r="LW36" s="349">
        <v>0</v>
      </c>
      <c r="LX36" s="413">
        <v>0</v>
      </c>
      <c r="LY36" s="345">
        <v>0</v>
      </c>
      <c r="LZ36" s="345">
        <v>0</v>
      </c>
      <c r="MA36" s="345">
        <v>0</v>
      </c>
      <c r="MB36" s="345">
        <v>0</v>
      </c>
      <c r="MC36" s="345">
        <v>0</v>
      </c>
      <c r="MD36" s="349">
        <v>0</v>
      </c>
      <c r="ME36" s="350">
        <v>0</v>
      </c>
      <c r="MF36" s="348">
        <v>0</v>
      </c>
      <c r="MG36" s="345">
        <v>0</v>
      </c>
      <c r="MH36" s="349">
        <v>0</v>
      </c>
      <c r="MI36" s="413">
        <v>0</v>
      </c>
      <c r="MJ36" s="345">
        <v>999131</v>
      </c>
      <c r="MK36" s="345">
        <v>3297572</v>
      </c>
      <c r="ML36" s="345">
        <v>11130878</v>
      </c>
      <c r="MM36" s="345">
        <v>8953872</v>
      </c>
      <c r="MN36" s="345">
        <v>9661334</v>
      </c>
      <c r="MO36" s="349">
        <v>34042787</v>
      </c>
      <c r="MP36" s="354">
        <v>34042787</v>
      </c>
      <c r="MQ36" s="348">
        <v>0</v>
      </c>
      <c r="MR36" s="345">
        <v>0</v>
      </c>
      <c r="MS36" s="349">
        <v>0</v>
      </c>
      <c r="MT36" s="413">
        <v>0</v>
      </c>
      <c r="MU36" s="345">
        <v>198426</v>
      </c>
      <c r="MV36" s="345">
        <v>545303</v>
      </c>
      <c r="MW36" s="345">
        <v>7632633</v>
      </c>
      <c r="MX36" s="345">
        <v>5825269</v>
      </c>
      <c r="MY36" s="345">
        <v>7104315</v>
      </c>
      <c r="MZ36" s="349">
        <v>21305946</v>
      </c>
      <c r="NA36" s="354">
        <v>21305946</v>
      </c>
      <c r="NB36" s="348">
        <v>0</v>
      </c>
      <c r="NC36" s="345">
        <v>0</v>
      </c>
      <c r="ND36" s="349">
        <v>0</v>
      </c>
      <c r="NE36" s="413">
        <v>0</v>
      </c>
      <c r="NF36" s="345">
        <v>515232</v>
      </c>
      <c r="NG36" s="345">
        <v>2752269</v>
      </c>
      <c r="NH36" s="345">
        <v>3498245</v>
      </c>
      <c r="NI36" s="345">
        <v>2329436</v>
      </c>
      <c r="NJ36" s="345">
        <v>1744651</v>
      </c>
      <c r="NK36" s="349">
        <v>10839833</v>
      </c>
      <c r="NL36" s="347">
        <v>10839833</v>
      </c>
      <c r="NM36" s="348">
        <v>0</v>
      </c>
      <c r="NN36" s="345">
        <v>0</v>
      </c>
      <c r="NO36" s="349">
        <v>0</v>
      </c>
      <c r="NP36" s="413">
        <v>0</v>
      </c>
      <c r="NQ36" s="345">
        <v>0</v>
      </c>
      <c r="NR36" s="345">
        <v>0</v>
      </c>
      <c r="NS36" s="345">
        <v>0</v>
      </c>
      <c r="NT36" s="345">
        <v>0</v>
      </c>
      <c r="NU36" s="345">
        <v>0</v>
      </c>
      <c r="NV36" s="349">
        <v>0</v>
      </c>
      <c r="NW36" s="350">
        <v>0</v>
      </c>
      <c r="NX36" s="348">
        <v>0</v>
      </c>
      <c r="NY36" s="345">
        <v>0</v>
      </c>
      <c r="NZ36" s="349">
        <v>0</v>
      </c>
      <c r="OA36" s="413">
        <v>0</v>
      </c>
      <c r="OB36" s="345">
        <v>285473</v>
      </c>
      <c r="OC36" s="345">
        <v>0</v>
      </c>
      <c r="OD36" s="345">
        <v>0</v>
      </c>
      <c r="OE36" s="345">
        <v>799167</v>
      </c>
      <c r="OF36" s="345">
        <v>812368</v>
      </c>
      <c r="OG36" s="349">
        <v>1897008</v>
      </c>
      <c r="OH36" s="350">
        <v>1897008</v>
      </c>
      <c r="OI36" s="348">
        <v>654798</v>
      </c>
      <c r="OJ36" s="345">
        <v>1001266</v>
      </c>
      <c r="OK36" s="346">
        <v>1656064</v>
      </c>
      <c r="OL36" s="351">
        <v>0</v>
      </c>
      <c r="OM36" s="345">
        <v>11726526</v>
      </c>
      <c r="ON36" s="345">
        <v>17510838</v>
      </c>
      <c r="OO36" s="345">
        <v>27154018</v>
      </c>
      <c r="OP36" s="345">
        <v>20282875</v>
      </c>
      <c r="OQ36" s="345">
        <v>14472763</v>
      </c>
      <c r="OR36" s="349">
        <v>91147020</v>
      </c>
      <c r="OS36" s="354">
        <v>92803084</v>
      </c>
    </row>
    <row r="37" spans="2:409" s="70" customFormat="1" ht="21" customHeight="1" x14ac:dyDescent="0.2">
      <c r="B37" s="410" t="s">
        <v>32</v>
      </c>
      <c r="C37" s="326">
        <v>1016108</v>
      </c>
      <c r="D37" s="327">
        <v>1764786</v>
      </c>
      <c r="E37" s="368">
        <v>2780894</v>
      </c>
      <c r="F37" s="370">
        <v>0</v>
      </c>
      <c r="G37" s="369">
        <v>9158118</v>
      </c>
      <c r="H37" s="369">
        <v>12212177</v>
      </c>
      <c r="I37" s="369">
        <v>7908306</v>
      </c>
      <c r="J37" s="369">
        <v>9516671</v>
      </c>
      <c r="K37" s="369">
        <v>5675284</v>
      </c>
      <c r="L37" s="370">
        <v>44470556</v>
      </c>
      <c r="M37" s="330">
        <v>47251450</v>
      </c>
      <c r="N37" s="326">
        <v>268630</v>
      </c>
      <c r="O37" s="327">
        <v>430846</v>
      </c>
      <c r="P37" s="328">
        <v>699476</v>
      </c>
      <c r="Q37" s="326">
        <v>0</v>
      </c>
      <c r="R37" s="327">
        <v>3006274</v>
      </c>
      <c r="S37" s="327">
        <v>2783921</v>
      </c>
      <c r="T37" s="327">
        <v>2037915</v>
      </c>
      <c r="U37" s="327">
        <v>2992351</v>
      </c>
      <c r="V37" s="327">
        <v>2573507</v>
      </c>
      <c r="W37" s="328">
        <v>13393968</v>
      </c>
      <c r="X37" s="330">
        <v>14093444</v>
      </c>
      <c r="Y37" s="326">
        <v>0</v>
      </c>
      <c r="Z37" s="327">
        <v>0</v>
      </c>
      <c r="AA37" s="328">
        <v>0</v>
      </c>
      <c r="AB37" s="326">
        <v>0</v>
      </c>
      <c r="AC37" s="327">
        <v>1255183</v>
      </c>
      <c r="AD37" s="327">
        <v>1292287</v>
      </c>
      <c r="AE37" s="327">
        <v>1059468</v>
      </c>
      <c r="AF37" s="327">
        <v>1072747</v>
      </c>
      <c r="AG37" s="327">
        <v>1395177</v>
      </c>
      <c r="AH37" s="328">
        <v>6074862</v>
      </c>
      <c r="AI37" s="330">
        <v>6074862</v>
      </c>
      <c r="AJ37" s="326">
        <v>0</v>
      </c>
      <c r="AK37" s="327">
        <v>0</v>
      </c>
      <c r="AL37" s="328">
        <v>0</v>
      </c>
      <c r="AM37" s="326">
        <v>0</v>
      </c>
      <c r="AN37" s="327">
        <v>0</v>
      </c>
      <c r="AO37" s="327">
        <v>0</v>
      </c>
      <c r="AP37" s="327">
        <v>0</v>
      </c>
      <c r="AQ37" s="327">
        <v>387658</v>
      </c>
      <c r="AR37" s="327">
        <v>202585</v>
      </c>
      <c r="AS37" s="328">
        <v>590243</v>
      </c>
      <c r="AT37" s="330">
        <v>590243</v>
      </c>
      <c r="AU37" s="326">
        <v>235015</v>
      </c>
      <c r="AV37" s="327">
        <v>333624</v>
      </c>
      <c r="AW37" s="328">
        <v>568639</v>
      </c>
      <c r="AX37" s="326">
        <v>0</v>
      </c>
      <c r="AY37" s="327">
        <v>1174210</v>
      </c>
      <c r="AZ37" s="327">
        <v>1167565</v>
      </c>
      <c r="BA37" s="327">
        <v>578997</v>
      </c>
      <c r="BB37" s="327">
        <v>812809</v>
      </c>
      <c r="BC37" s="327">
        <v>600519</v>
      </c>
      <c r="BD37" s="328">
        <v>4334100</v>
      </c>
      <c r="BE37" s="330">
        <v>4902739</v>
      </c>
      <c r="BF37" s="326">
        <v>0</v>
      </c>
      <c r="BG37" s="327">
        <v>25042</v>
      </c>
      <c r="BH37" s="331">
        <v>25042</v>
      </c>
      <c r="BI37" s="332">
        <v>0</v>
      </c>
      <c r="BJ37" s="327">
        <v>185305</v>
      </c>
      <c r="BK37" s="327">
        <v>0</v>
      </c>
      <c r="BL37" s="327">
        <v>0</v>
      </c>
      <c r="BM37" s="327">
        <v>135565</v>
      </c>
      <c r="BN37" s="327">
        <v>50871</v>
      </c>
      <c r="BO37" s="328">
        <v>371741</v>
      </c>
      <c r="BP37" s="330">
        <v>396783</v>
      </c>
      <c r="BQ37" s="326">
        <v>33615</v>
      </c>
      <c r="BR37" s="327">
        <v>72180</v>
      </c>
      <c r="BS37" s="328">
        <v>105795</v>
      </c>
      <c r="BT37" s="326">
        <v>0</v>
      </c>
      <c r="BU37" s="327">
        <v>391576</v>
      </c>
      <c r="BV37" s="327">
        <v>324069</v>
      </c>
      <c r="BW37" s="327">
        <v>399450</v>
      </c>
      <c r="BX37" s="327">
        <v>583572</v>
      </c>
      <c r="BY37" s="327">
        <v>324355</v>
      </c>
      <c r="BZ37" s="328">
        <v>2023022</v>
      </c>
      <c r="CA37" s="330">
        <v>2128817</v>
      </c>
      <c r="CB37" s="326">
        <v>160798</v>
      </c>
      <c r="CC37" s="327">
        <v>165365</v>
      </c>
      <c r="CD37" s="328">
        <v>326163</v>
      </c>
      <c r="CE37" s="326">
        <v>0</v>
      </c>
      <c r="CF37" s="327">
        <v>3089693</v>
      </c>
      <c r="CG37" s="327">
        <v>4837794</v>
      </c>
      <c r="CH37" s="327">
        <v>2692360</v>
      </c>
      <c r="CI37" s="327">
        <v>2123331</v>
      </c>
      <c r="CJ37" s="327">
        <v>812030</v>
      </c>
      <c r="CK37" s="328">
        <v>13555208</v>
      </c>
      <c r="CL37" s="330">
        <v>13881371</v>
      </c>
      <c r="CM37" s="326">
        <v>0</v>
      </c>
      <c r="CN37" s="327">
        <v>0</v>
      </c>
      <c r="CO37" s="328">
        <v>0</v>
      </c>
      <c r="CP37" s="332">
        <v>0</v>
      </c>
      <c r="CQ37" s="327">
        <v>2517768</v>
      </c>
      <c r="CR37" s="327">
        <v>3864795</v>
      </c>
      <c r="CS37" s="327">
        <v>2403810</v>
      </c>
      <c r="CT37" s="327">
        <v>1785844</v>
      </c>
      <c r="CU37" s="327">
        <v>593931</v>
      </c>
      <c r="CV37" s="328">
        <v>11166148</v>
      </c>
      <c r="CW37" s="330">
        <v>11166148</v>
      </c>
      <c r="CX37" s="326">
        <v>160798</v>
      </c>
      <c r="CY37" s="327">
        <v>165365</v>
      </c>
      <c r="CZ37" s="328">
        <v>326163</v>
      </c>
      <c r="DA37" s="326">
        <v>0</v>
      </c>
      <c r="DB37" s="327">
        <v>571925</v>
      </c>
      <c r="DC37" s="327">
        <v>972999</v>
      </c>
      <c r="DD37" s="327">
        <v>288550</v>
      </c>
      <c r="DE37" s="327">
        <v>337487</v>
      </c>
      <c r="DF37" s="327">
        <v>218099</v>
      </c>
      <c r="DG37" s="328">
        <v>2389060</v>
      </c>
      <c r="DH37" s="330">
        <v>2715223</v>
      </c>
      <c r="DI37" s="326">
        <v>0</v>
      </c>
      <c r="DJ37" s="327">
        <v>0</v>
      </c>
      <c r="DK37" s="331">
        <v>0</v>
      </c>
      <c r="DL37" s="332">
        <v>0</v>
      </c>
      <c r="DM37" s="327">
        <v>146675</v>
      </c>
      <c r="DN37" s="327">
        <v>679575</v>
      </c>
      <c r="DO37" s="327">
        <v>898380</v>
      </c>
      <c r="DP37" s="327">
        <v>181073</v>
      </c>
      <c r="DQ37" s="327">
        <v>364849</v>
      </c>
      <c r="DR37" s="328">
        <v>2270552</v>
      </c>
      <c r="DS37" s="330">
        <v>2270552</v>
      </c>
      <c r="DT37" s="326">
        <v>0</v>
      </c>
      <c r="DU37" s="327">
        <v>0</v>
      </c>
      <c r="DV37" s="328">
        <v>0</v>
      </c>
      <c r="DW37" s="326">
        <v>0</v>
      </c>
      <c r="DX37" s="327">
        <v>146675</v>
      </c>
      <c r="DY37" s="327">
        <v>599051</v>
      </c>
      <c r="DZ37" s="327">
        <v>898380</v>
      </c>
      <c r="EA37" s="327">
        <v>181073</v>
      </c>
      <c r="EB37" s="327">
        <v>113112</v>
      </c>
      <c r="EC37" s="328">
        <v>1938291</v>
      </c>
      <c r="ED37" s="330">
        <v>1938291</v>
      </c>
      <c r="EE37" s="326">
        <v>0</v>
      </c>
      <c r="EF37" s="331">
        <v>0</v>
      </c>
      <c r="EG37" s="328">
        <v>0</v>
      </c>
      <c r="EH37" s="326">
        <v>0</v>
      </c>
      <c r="EI37" s="327">
        <v>0</v>
      </c>
      <c r="EJ37" s="327">
        <v>80524</v>
      </c>
      <c r="EK37" s="327">
        <v>0</v>
      </c>
      <c r="EL37" s="327">
        <v>0</v>
      </c>
      <c r="EM37" s="327">
        <v>251737</v>
      </c>
      <c r="EN37" s="331">
        <v>332261</v>
      </c>
      <c r="EO37" s="330">
        <v>332261</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213354</v>
      </c>
      <c r="FM37" s="327">
        <v>467345</v>
      </c>
      <c r="FN37" s="328">
        <v>680699</v>
      </c>
      <c r="FO37" s="326">
        <v>0</v>
      </c>
      <c r="FP37" s="327">
        <v>807642</v>
      </c>
      <c r="FQ37" s="327">
        <v>1094800</v>
      </c>
      <c r="FR37" s="327">
        <v>647771</v>
      </c>
      <c r="FS37" s="327">
        <v>814777</v>
      </c>
      <c r="FT37" s="327">
        <v>359887</v>
      </c>
      <c r="FU37" s="328">
        <v>3724877</v>
      </c>
      <c r="FV37" s="330">
        <v>4405576</v>
      </c>
      <c r="FW37" s="333">
        <v>182754</v>
      </c>
      <c r="FX37" s="327">
        <v>442397</v>
      </c>
      <c r="FY37" s="331">
        <v>625151</v>
      </c>
      <c r="FZ37" s="332">
        <v>0</v>
      </c>
      <c r="GA37" s="327">
        <v>779922</v>
      </c>
      <c r="GB37" s="327">
        <v>1094800</v>
      </c>
      <c r="GC37" s="327">
        <v>647771</v>
      </c>
      <c r="GD37" s="327">
        <v>732310</v>
      </c>
      <c r="GE37" s="327">
        <v>359887</v>
      </c>
      <c r="GF37" s="328">
        <v>3614690</v>
      </c>
      <c r="GG37" s="334">
        <v>4239841</v>
      </c>
      <c r="GH37" s="333">
        <v>30600</v>
      </c>
      <c r="GI37" s="327">
        <v>24948</v>
      </c>
      <c r="GJ37" s="331">
        <v>55548</v>
      </c>
      <c r="GK37" s="332">
        <v>0</v>
      </c>
      <c r="GL37" s="327">
        <v>27720</v>
      </c>
      <c r="GM37" s="327">
        <v>0</v>
      </c>
      <c r="GN37" s="327">
        <v>0</v>
      </c>
      <c r="GO37" s="327">
        <v>82467</v>
      </c>
      <c r="GP37" s="327">
        <v>0</v>
      </c>
      <c r="GQ37" s="328">
        <v>110187</v>
      </c>
      <c r="GR37" s="330">
        <v>165735</v>
      </c>
      <c r="GS37" s="326">
        <v>0</v>
      </c>
      <c r="GT37" s="327">
        <v>0</v>
      </c>
      <c r="GU37" s="328">
        <v>0</v>
      </c>
      <c r="GV37" s="326">
        <v>0</v>
      </c>
      <c r="GW37" s="327">
        <v>0</v>
      </c>
      <c r="GX37" s="327">
        <v>0</v>
      </c>
      <c r="GY37" s="327">
        <v>0</v>
      </c>
      <c r="GZ37" s="327">
        <v>0</v>
      </c>
      <c r="HA37" s="327">
        <v>0</v>
      </c>
      <c r="HB37" s="331">
        <v>0</v>
      </c>
      <c r="HC37" s="330">
        <v>0</v>
      </c>
      <c r="HD37" s="326">
        <v>202366</v>
      </c>
      <c r="HE37" s="327">
        <v>407770</v>
      </c>
      <c r="HF37" s="331">
        <v>610136</v>
      </c>
      <c r="HG37" s="332">
        <v>0</v>
      </c>
      <c r="HH37" s="327">
        <v>93309</v>
      </c>
      <c r="HI37" s="327">
        <v>1284082</v>
      </c>
      <c r="HJ37" s="327">
        <v>831394</v>
      </c>
      <c r="HK37" s="327">
        <v>2832343</v>
      </c>
      <c r="HL37" s="327">
        <v>1244269</v>
      </c>
      <c r="HM37" s="328">
        <v>6285397</v>
      </c>
      <c r="HN37" s="329">
        <v>6895533</v>
      </c>
      <c r="HO37" s="333">
        <v>170960</v>
      </c>
      <c r="HP37" s="327">
        <v>293460</v>
      </c>
      <c r="HQ37" s="328">
        <v>464420</v>
      </c>
      <c r="HR37" s="326">
        <v>0</v>
      </c>
      <c r="HS37" s="327">
        <v>2014525</v>
      </c>
      <c r="HT37" s="327">
        <v>1532005</v>
      </c>
      <c r="HU37" s="327">
        <v>800486</v>
      </c>
      <c r="HV37" s="327">
        <v>572796</v>
      </c>
      <c r="HW37" s="327">
        <v>320742</v>
      </c>
      <c r="HX37" s="331">
        <v>5240554</v>
      </c>
      <c r="HY37" s="330">
        <v>5704974</v>
      </c>
      <c r="HZ37" s="335">
        <v>87480</v>
      </c>
      <c r="IA37" s="336">
        <v>527796</v>
      </c>
      <c r="IB37" s="337">
        <v>615276</v>
      </c>
      <c r="IC37" s="338">
        <v>0</v>
      </c>
      <c r="ID37" s="336">
        <v>5880843</v>
      </c>
      <c r="IE37" s="339">
        <v>4375882</v>
      </c>
      <c r="IF37" s="337">
        <v>7339636</v>
      </c>
      <c r="IG37" s="336">
        <v>6730561</v>
      </c>
      <c r="IH37" s="337">
        <v>3402447</v>
      </c>
      <c r="II37" s="340">
        <v>27729369</v>
      </c>
      <c r="IJ37" s="341">
        <v>28344645</v>
      </c>
      <c r="IK37" s="342">
        <v>0</v>
      </c>
      <c r="IL37" s="343">
        <v>0</v>
      </c>
      <c r="IM37" s="344">
        <v>0</v>
      </c>
      <c r="IN37" s="404">
        <v>0</v>
      </c>
      <c r="IO37" s="345">
        <v>52864</v>
      </c>
      <c r="IP37" s="345">
        <v>408088</v>
      </c>
      <c r="IQ37" s="345">
        <v>194742</v>
      </c>
      <c r="IR37" s="345">
        <v>240040</v>
      </c>
      <c r="IS37" s="345">
        <v>0</v>
      </c>
      <c r="IT37" s="346">
        <v>895734</v>
      </c>
      <c r="IU37" s="347">
        <v>895734</v>
      </c>
      <c r="IV37" s="348">
        <v>0</v>
      </c>
      <c r="IW37" s="345">
        <v>0</v>
      </c>
      <c r="IX37" s="349">
        <v>0</v>
      </c>
      <c r="IY37" s="413">
        <v>0</v>
      </c>
      <c r="IZ37" s="345">
        <v>0</v>
      </c>
      <c r="JA37" s="345">
        <v>0</v>
      </c>
      <c r="JB37" s="345">
        <v>0</v>
      </c>
      <c r="JC37" s="345">
        <v>0</v>
      </c>
      <c r="JD37" s="345">
        <v>0</v>
      </c>
      <c r="JE37" s="349">
        <v>0</v>
      </c>
      <c r="JF37" s="350">
        <v>0</v>
      </c>
      <c r="JG37" s="348">
        <v>0</v>
      </c>
      <c r="JH37" s="345">
        <v>0</v>
      </c>
      <c r="JI37" s="346">
        <v>0</v>
      </c>
      <c r="JJ37" s="351">
        <v>0</v>
      </c>
      <c r="JK37" s="345">
        <v>2676861</v>
      </c>
      <c r="JL37" s="345">
        <v>2351699</v>
      </c>
      <c r="JM37" s="345">
        <v>1129468</v>
      </c>
      <c r="JN37" s="345">
        <v>956702</v>
      </c>
      <c r="JO37" s="345">
        <v>227051</v>
      </c>
      <c r="JP37" s="349">
        <v>7341781</v>
      </c>
      <c r="JQ37" s="347">
        <v>7341781</v>
      </c>
      <c r="JR37" s="348">
        <v>0</v>
      </c>
      <c r="JS37" s="345">
        <v>0</v>
      </c>
      <c r="JT37" s="346">
        <v>0</v>
      </c>
      <c r="JU37" s="351">
        <v>0</v>
      </c>
      <c r="JV37" s="345">
        <v>442563</v>
      </c>
      <c r="JW37" s="345">
        <v>115021</v>
      </c>
      <c r="JX37" s="345">
        <v>496055</v>
      </c>
      <c r="JY37" s="345">
        <v>0</v>
      </c>
      <c r="JZ37" s="345">
        <v>182008</v>
      </c>
      <c r="KA37" s="349">
        <v>1235647</v>
      </c>
      <c r="KB37" s="347">
        <v>1235647</v>
      </c>
      <c r="KC37" s="352">
        <v>87480</v>
      </c>
      <c r="KD37" s="353">
        <v>272673</v>
      </c>
      <c r="KE37" s="349">
        <v>360153</v>
      </c>
      <c r="KF37" s="351">
        <v>0</v>
      </c>
      <c r="KG37" s="345">
        <v>1543845</v>
      </c>
      <c r="KH37" s="345">
        <v>894996</v>
      </c>
      <c r="KI37" s="345">
        <v>1264851</v>
      </c>
      <c r="KJ37" s="345">
        <v>1158741</v>
      </c>
      <c r="KK37" s="345">
        <v>0</v>
      </c>
      <c r="KL37" s="349">
        <v>4862433</v>
      </c>
      <c r="KM37" s="354">
        <v>5222586</v>
      </c>
      <c r="KN37" s="342">
        <v>0</v>
      </c>
      <c r="KO37" s="343">
        <v>255123</v>
      </c>
      <c r="KP37" s="344">
        <v>255123</v>
      </c>
      <c r="KQ37" s="413">
        <v>0</v>
      </c>
      <c r="KR37" s="345">
        <v>968843</v>
      </c>
      <c r="KS37" s="345">
        <v>606078</v>
      </c>
      <c r="KT37" s="345">
        <v>1657040</v>
      </c>
      <c r="KU37" s="345">
        <v>2993095</v>
      </c>
      <c r="KV37" s="345">
        <v>1692186</v>
      </c>
      <c r="KW37" s="349">
        <v>7917242</v>
      </c>
      <c r="KX37" s="347">
        <v>8172365</v>
      </c>
      <c r="KY37" s="348">
        <v>0</v>
      </c>
      <c r="KZ37" s="345">
        <v>0</v>
      </c>
      <c r="LA37" s="349">
        <v>0</v>
      </c>
      <c r="LB37" s="413">
        <v>0</v>
      </c>
      <c r="LC37" s="345">
        <v>0</v>
      </c>
      <c r="LD37" s="345">
        <v>0</v>
      </c>
      <c r="LE37" s="345">
        <v>0</v>
      </c>
      <c r="LF37" s="345">
        <v>0</v>
      </c>
      <c r="LG37" s="345">
        <v>0</v>
      </c>
      <c r="LH37" s="349">
        <v>0</v>
      </c>
      <c r="LI37" s="350">
        <v>0</v>
      </c>
      <c r="LJ37" s="348">
        <v>0</v>
      </c>
      <c r="LK37" s="345">
        <v>0</v>
      </c>
      <c r="LL37" s="349">
        <v>0</v>
      </c>
      <c r="LM37" s="413">
        <v>0</v>
      </c>
      <c r="LN37" s="345">
        <v>195867</v>
      </c>
      <c r="LO37" s="345">
        <v>0</v>
      </c>
      <c r="LP37" s="345">
        <v>2597480</v>
      </c>
      <c r="LQ37" s="345">
        <v>1381983</v>
      </c>
      <c r="LR37" s="345">
        <v>1301202</v>
      </c>
      <c r="LS37" s="349">
        <v>5476532</v>
      </c>
      <c r="LT37" s="347">
        <v>5476532</v>
      </c>
      <c r="LU37" s="348">
        <v>0</v>
      </c>
      <c r="LV37" s="345">
        <v>0</v>
      </c>
      <c r="LW37" s="349">
        <v>0</v>
      </c>
      <c r="LX37" s="413">
        <v>0</v>
      </c>
      <c r="LY37" s="345">
        <v>0</v>
      </c>
      <c r="LZ37" s="345">
        <v>0</v>
      </c>
      <c r="MA37" s="345">
        <v>0</v>
      </c>
      <c r="MB37" s="345">
        <v>0</v>
      </c>
      <c r="MC37" s="345">
        <v>0</v>
      </c>
      <c r="MD37" s="349">
        <v>0</v>
      </c>
      <c r="ME37" s="350">
        <v>0</v>
      </c>
      <c r="MF37" s="348">
        <v>0</v>
      </c>
      <c r="MG37" s="345">
        <v>0</v>
      </c>
      <c r="MH37" s="349">
        <v>0</v>
      </c>
      <c r="MI37" s="413">
        <v>0</v>
      </c>
      <c r="MJ37" s="345">
        <v>2897064</v>
      </c>
      <c r="MK37" s="345">
        <v>1747673</v>
      </c>
      <c r="ML37" s="345">
        <v>4640255</v>
      </c>
      <c r="MM37" s="345">
        <v>13225731</v>
      </c>
      <c r="MN37" s="345">
        <v>7425490</v>
      </c>
      <c r="MO37" s="349">
        <v>29936213</v>
      </c>
      <c r="MP37" s="354">
        <v>29936213</v>
      </c>
      <c r="MQ37" s="348">
        <v>0</v>
      </c>
      <c r="MR37" s="345">
        <v>0</v>
      </c>
      <c r="MS37" s="349">
        <v>0</v>
      </c>
      <c r="MT37" s="413">
        <v>0</v>
      </c>
      <c r="MU37" s="345">
        <v>496282</v>
      </c>
      <c r="MV37" s="345">
        <v>0</v>
      </c>
      <c r="MW37" s="345">
        <v>2279500</v>
      </c>
      <c r="MX37" s="345">
        <v>7674518</v>
      </c>
      <c r="MY37" s="345">
        <v>5382153</v>
      </c>
      <c r="MZ37" s="349">
        <v>15832453</v>
      </c>
      <c r="NA37" s="354">
        <v>15832453</v>
      </c>
      <c r="NB37" s="348">
        <v>0</v>
      </c>
      <c r="NC37" s="345">
        <v>0</v>
      </c>
      <c r="ND37" s="349">
        <v>0</v>
      </c>
      <c r="NE37" s="413">
        <v>0</v>
      </c>
      <c r="NF37" s="345">
        <v>1845716</v>
      </c>
      <c r="NG37" s="345">
        <v>1747673</v>
      </c>
      <c r="NH37" s="345">
        <v>2360755</v>
      </c>
      <c r="NI37" s="345">
        <v>5551213</v>
      </c>
      <c r="NJ37" s="345">
        <v>771282</v>
      </c>
      <c r="NK37" s="349">
        <v>12276639</v>
      </c>
      <c r="NL37" s="347">
        <v>12276639</v>
      </c>
      <c r="NM37" s="348">
        <v>0</v>
      </c>
      <c r="NN37" s="345">
        <v>0</v>
      </c>
      <c r="NO37" s="349">
        <v>0</v>
      </c>
      <c r="NP37" s="413">
        <v>0</v>
      </c>
      <c r="NQ37" s="345">
        <v>0</v>
      </c>
      <c r="NR37" s="345">
        <v>0</v>
      </c>
      <c r="NS37" s="345">
        <v>0</v>
      </c>
      <c r="NT37" s="345">
        <v>0</v>
      </c>
      <c r="NU37" s="345">
        <v>0</v>
      </c>
      <c r="NV37" s="349">
        <v>0</v>
      </c>
      <c r="NW37" s="350">
        <v>0</v>
      </c>
      <c r="NX37" s="348">
        <v>0</v>
      </c>
      <c r="NY37" s="345">
        <v>0</v>
      </c>
      <c r="NZ37" s="349">
        <v>0</v>
      </c>
      <c r="OA37" s="413">
        <v>0</v>
      </c>
      <c r="OB37" s="345">
        <v>555066</v>
      </c>
      <c r="OC37" s="345">
        <v>0</v>
      </c>
      <c r="OD37" s="345">
        <v>0</v>
      </c>
      <c r="OE37" s="345">
        <v>0</v>
      </c>
      <c r="OF37" s="345">
        <v>1272055</v>
      </c>
      <c r="OG37" s="349">
        <v>1827121</v>
      </c>
      <c r="OH37" s="350">
        <v>1827121</v>
      </c>
      <c r="OI37" s="348">
        <v>1103588</v>
      </c>
      <c r="OJ37" s="345">
        <v>2292582</v>
      </c>
      <c r="OK37" s="346">
        <v>3396170</v>
      </c>
      <c r="OL37" s="351">
        <v>0</v>
      </c>
      <c r="OM37" s="345">
        <v>17936025</v>
      </c>
      <c r="ON37" s="345">
        <v>18335732</v>
      </c>
      <c r="OO37" s="345">
        <v>19888197</v>
      </c>
      <c r="OP37" s="345">
        <v>29472963</v>
      </c>
      <c r="OQ37" s="345">
        <v>16503221</v>
      </c>
      <c r="OR37" s="349">
        <v>102136138</v>
      </c>
      <c r="OS37" s="354">
        <v>105532308</v>
      </c>
    </row>
    <row r="38" spans="2:409" s="70" customFormat="1" ht="21" customHeight="1" x14ac:dyDescent="0.2">
      <c r="B38" s="410" t="s">
        <v>33</v>
      </c>
      <c r="C38" s="326">
        <v>972764</v>
      </c>
      <c r="D38" s="327">
        <v>1758144</v>
      </c>
      <c r="E38" s="328">
        <v>2730908</v>
      </c>
      <c r="F38" s="329">
        <v>0</v>
      </c>
      <c r="G38" s="327">
        <v>8590116</v>
      </c>
      <c r="H38" s="327">
        <v>7973613</v>
      </c>
      <c r="I38" s="327">
        <v>9654287</v>
      </c>
      <c r="J38" s="327">
        <v>2026992</v>
      </c>
      <c r="K38" s="327">
        <v>5241699</v>
      </c>
      <c r="L38" s="367">
        <v>33486707</v>
      </c>
      <c r="M38" s="330">
        <v>36217615</v>
      </c>
      <c r="N38" s="326">
        <v>412677</v>
      </c>
      <c r="O38" s="327">
        <v>812381</v>
      </c>
      <c r="P38" s="328">
        <v>1225058</v>
      </c>
      <c r="Q38" s="326">
        <v>0</v>
      </c>
      <c r="R38" s="327">
        <v>2682436</v>
      </c>
      <c r="S38" s="327">
        <v>2209354</v>
      </c>
      <c r="T38" s="327">
        <v>2414199</v>
      </c>
      <c r="U38" s="327">
        <v>397649</v>
      </c>
      <c r="V38" s="327">
        <v>1725835</v>
      </c>
      <c r="W38" s="328">
        <v>9429473</v>
      </c>
      <c r="X38" s="330">
        <v>10654531</v>
      </c>
      <c r="Y38" s="326">
        <v>0</v>
      </c>
      <c r="Z38" s="327">
        <v>0</v>
      </c>
      <c r="AA38" s="328">
        <v>0</v>
      </c>
      <c r="AB38" s="326">
        <v>0</v>
      </c>
      <c r="AC38" s="327">
        <v>844578</v>
      </c>
      <c r="AD38" s="327">
        <v>967227</v>
      </c>
      <c r="AE38" s="327">
        <v>1450613</v>
      </c>
      <c r="AF38" s="327">
        <v>24287</v>
      </c>
      <c r="AG38" s="327">
        <v>1371999</v>
      </c>
      <c r="AH38" s="328">
        <v>4658704</v>
      </c>
      <c r="AI38" s="330">
        <v>4658704</v>
      </c>
      <c r="AJ38" s="326">
        <v>0</v>
      </c>
      <c r="AK38" s="327">
        <v>0</v>
      </c>
      <c r="AL38" s="328">
        <v>0</v>
      </c>
      <c r="AM38" s="326">
        <v>0</v>
      </c>
      <c r="AN38" s="327">
        <v>0</v>
      </c>
      <c r="AO38" s="327">
        <v>0</v>
      </c>
      <c r="AP38" s="327">
        <v>0</v>
      </c>
      <c r="AQ38" s="327">
        <v>50906</v>
      </c>
      <c r="AR38" s="327">
        <v>53350</v>
      </c>
      <c r="AS38" s="328">
        <v>104256</v>
      </c>
      <c r="AT38" s="330">
        <v>104256</v>
      </c>
      <c r="AU38" s="326">
        <v>0</v>
      </c>
      <c r="AV38" s="327">
        <v>96307</v>
      </c>
      <c r="AW38" s="328">
        <v>96307</v>
      </c>
      <c r="AX38" s="326">
        <v>0</v>
      </c>
      <c r="AY38" s="327">
        <v>625950</v>
      </c>
      <c r="AZ38" s="327">
        <v>433781</v>
      </c>
      <c r="BA38" s="327">
        <v>206921</v>
      </c>
      <c r="BB38" s="327">
        <v>151128</v>
      </c>
      <c r="BC38" s="327">
        <v>60455</v>
      </c>
      <c r="BD38" s="328">
        <v>1478235</v>
      </c>
      <c r="BE38" s="330">
        <v>1574542</v>
      </c>
      <c r="BF38" s="326">
        <v>259698</v>
      </c>
      <c r="BG38" s="327">
        <v>643678</v>
      </c>
      <c r="BH38" s="331">
        <v>903376</v>
      </c>
      <c r="BI38" s="332">
        <v>0</v>
      </c>
      <c r="BJ38" s="327">
        <v>662620</v>
      </c>
      <c r="BK38" s="327">
        <v>244945</v>
      </c>
      <c r="BL38" s="327">
        <v>181452</v>
      </c>
      <c r="BM38" s="327">
        <v>0</v>
      </c>
      <c r="BN38" s="327">
        <v>0</v>
      </c>
      <c r="BO38" s="328">
        <v>1089017</v>
      </c>
      <c r="BP38" s="330">
        <v>1992393</v>
      </c>
      <c r="BQ38" s="326">
        <v>152979</v>
      </c>
      <c r="BR38" s="327">
        <v>72396</v>
      </c>
      <c r="BS38" s="328">
        <v>225375</v>
      </c>
      <c r="BT38" s="326">
        <v>0</v>
      </c>
      <c r="BU38" s="327">
        <v>549288</v>
      </c>
      <c r="BV38" s="327">
        <v>563401</v>
      </c>
      <c r="BW38" s="327">
        <v>575213</v>
      </c>
      <c r="BX38" s="327">
        <v>171328</v>
      </c>
      <c r="BY38" s="327">
        <v>240031</v>
      </c>
      <c r="BZ38" s="328">
        <v>2099261</v>
      </c>
      <c r="CA38" s="330">
        <v>2324636</v>
      </c>
      <c r="CB38" s="326">
        <v>136702</v>
      </c>
      <c r="CC38" s="327">
        <v>394659</v>
      </c>
      <c r="CD38" s="328">
        <v>531361</v>
      </c>
      <c r="CE38" s="326">
        <v>0</v>
      </c>
      <c r="CF38" s="327">
        <v>1360318</v>
      </c>
      <c r="CG38" s="327">
        <v>1192467</v>
      </c>
      <c r="CH38" s="327">
        <v>542980</v>
      </c>
      <c r="CI38" s="327">
        <v>201830</v>
      </c>
      <c r="CJ38" s="327">
        <v>748239</v>
      </c>
      <c r="CK38" s="328">
        <v>4045834</v>
      </c>
      <c r="CL38" s="330">
        <v>4577195</v>
      </c>
      <c r="CM38" s="326">
        <v>0</v>
      </c>
      <c r="CN38" s="327">
        <v>0</v>
      </c>
      <c r="CO38" s="328">
        <v>0</v>
      </c>
      <c r="CP38" s="332">
        <v>0</v>
      </c>
      <c r="CQ38" s="327">
        <v>540359</v>
      </c>
      <c r="CR38" s="327">
        <v>763560</v>
      </c>
      <c r="CS38" s="327">
        <v>542980</v>
      </c>
      <c r="CT38" s="327">
        <v>0</v>
      </c>
      <c r="CU38" s="327">
        <v>644793</v>
      </c>
      <c r="CV38" s="328">
        <v>2491692</v>
      </c>
      <c r="CW38" s="330">
        <v>2491692</v>
      </c>
      <c r="CX38" s="326">
        <v>136702</v>
      </c>
      <c r="CY38" s="327">
        <v>394659</v>
      </c>
      <c r="CZ38" s="328">
        <v>531361</v>
      </c>
      <c r="DA38" s="326">
        <v>0</v>
      </c>
      <c r="DB38" s="327">
        <v>819959</v>
      </c>
      <c r="DC38" s="327">
        <v>428907</v>
      </c>
      <c r="DD38" s="327">
        <v>0</v>
      </c>
      <c r="DE38" s="327">
        <v>201830</v>
      </c>
      <c r="DF38" s="327">
        <v>103446</v>
      </c>
      <c r="DG38" s="328">
        <v>1554142</v>
      </c>
      <c r="DH38" s="330">
        <v>2085503</v>
      </c>
      <c r="DI38" s="326">
        <v>0</v>
      </c>
      <c r="DJ38" s="327">
        <v>0</v>
      </c>
      <c r="DK38" s="331">
        <v>0</v>
      </c>
      <c r="DL38" s="332">
        <v>0</v>
      </c>
      <c r="DM38" s="327">
        <v>197304</v>
      </c>
      <c r="DN38" s="327">
        <v>438037</v>
      </c>
      <c r="DO38" s="327">
        <v>643273</v>
      </c>
      <c r="DP38" s="327">
        <v>0</v>
      </c>
      <c r="DQ38" s="327">
        <v>548038</v>
      </c>
      <c r="DR38" s="328">
        <v>1826652</v>
      </c>
      <c r="DS38" s="330">
        <v>1826652</v>
      </c>
      <c r="DT38" s="326">
        <v>0</v>
      </c>
      <c r="DU38" s="327">
        <v>0</v>
      </c>
      <c r="DV38" s="328">
        <v>0</v>
      </c>
      <c r="DW38" s="326">
        <v>0</v>
      </c>
      <c r="DX38" s="327">
        <v>107662</v>
      </c>
      <c r="DY38" s="327">
        <v>411217</v>
      </c>
      <c r="DZ38" s="327">
        <v>643273</v>
      </c>
      <c r="EA38" s="327">
        <v>0</v>
      </c>
      <c r="EB38" s="327">
        <v>548038</v>
      </c>
      <c r="EC38" s="328">
        <v>1710190</v>
      </c>
      <c r="ED38" s="330">
        <v>1710190</v>
      </c>
      <c r="EE38" s="326">
        <v>0</v>
      </c>
      <c r="EF38" s="331">
        <v>0</v>
      </c>
      <c r="EG38" s="328">
        <v>0</v>
      </c>
      <c r="EH38" s="326">
        <v>0</v>
      </c>
      <c r="EI38" s="327">
        <v>43247</v>
      </c>
      <c r="EJ38" s="327">
        <v>26820</v>
      </c>
      <c r="EK38" s="327">
        <v>0</v>
      </c>
      <c r="EL38" s="327">
        <v>0</v>
      </c>
      <c r="EM38" s="327">
        <v>0</v>
      </c>
      <c r="EN38" s="331">
        <v>70067</v>
      </c>
      <c r="EO38" s="330">
        <v>70067</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46395</v>
      </c>
      <c r="FF38" s="327">
        <v>0</v>
      </c>
      <c r="FG38" s="327">
        <v>0</v>
      </c>
      <c r="FH38" s="327">
        <v>0</v>
      </c>
      <c r="FI38" s="327">
        <v>0</v>
      </c>
      <c r="FJ38" s="328">
        <v>46395</v>
      </c>
      <c r="FK38" s="330">
        <v>46395</v>
      </c>
      <c r="FL38" s="326">
        <v>153352</v>
      </c>
      <c r="FM38" s="327">
        <v>238191</v>
      </c>
      <c r="FN38" s="328">
        <v>391543</v>
      </c>
      <c r="FO38" s="326">
        <v>0</v>
      </c>
      <c r="FP38" s="327">
        <v>341084</v>
      </c>
      <c r="FQ38" s="327">
        <v>376110</v>
      </c>
      <c r="FR38" s="327">
        <v>241326</v>
      </c>
      <c r="FS38" s="327">
        <v>91108</v>
      </c>
      <c r="FT38" s="327">
        <v>240228</v>
      </c>
      <c r="FU38" s="328">
        <v>1289856</v>
      </c>
      <c r="FV38" s="330">
        <v>1681399</v>
      </c>
      <c r="FW38" s="333">
        <v>125632</v>
      </c>
      <c r="FX38" s="327">
        <v>148893</v>
      </c>
      <c r="FY38" s="331">
        <v>274525</v>
      </c>
      <c r="FZ38" s="332">
        <v>0</v>
      </c>
      <c r="GA38" s="327">
        <v>341084</v>
      </c>
      <c r="GB38" s="327">
        <v>376110</v>
      </c>
      <c r="GC38" s="327">
        <v>241326</v>
      </c>
      <c r="GD38" s="327">
        <v>91108</v>
      </c>
      <c r="GE38" s="327">
        <v>240228</v>
      </c>
      <c r="GF38" s="328">
        <v>1289856</v>
      </c>
      <c r="GG38" s="334">
        <v>1564381</v>
      </c>
      <c r="GH38" s="333">
        <v>27720</v>
      </c>
      <c r="GI38" s="327">
        <v>51084</v>
      </c>
      <c r="GJ38" s="331">
        <v>78804</v>
      </c>
      <c r="GK38" s="332">
        <v>0</v>
      </c>
      <c r="GL38" s="327">
        <v>0</v>
      </c>
      <c r="GM38" s="327">
        <v>0</v>
      </c>
      <c r="GN38" s="327">
        <v>0</v>
      </c>
      <c r="GO38" s="327">
        <v>0</v>
      </c>
      <c r="GP38" s="327">
        <v>0</v>
      </c>
      <c r="GQ38" s="328">
        <v>0</v>
      </c>
      <c r="GR38" s="330">
        <v>78804</v>
      </c>
      <c r="GS38" s="326">
        <v>0</v>
      </c>
      <c r="GT38" s="327">
        <v>38214</v>
      </c>
      <c r="GU38" s="328">
        <v>38214</v>
      </c>
      <c r="GV38" s="326">
        <v>0</v>
      </c>
      <c r="GW38" s="327">
        <v>0</v>
      </c>
      <c r="GX38" s="327">
        <v>0</v>
      </c>
      <c r="GY38" s="327">
        <v>0</v>
      </c>
      <c r="GZ38" s="327">
        <v>0</v>
      </c>
      <c r="HA38" s="327">
        <v>0</v>
      </c>
      <c r="HB38" s="331">
        <v>0</v>
      </c>
      <c r="HC38" s="330">
        <v>38214</v>
      </c>
      <c r="HD38" s="326">
        <v>131084</v>
      </c>
      <c r="HE38" s="327">
        <v>106810</v>
      </c>
      <c r="HF38" s="331">
        <v>237894</v>
      </c>
      <c r="HG38" s="332">
        <v>0</v>
      </c>
      <c r="HH38" s="327">
        <v>2820239</v>
      </c>
      <c r="HI38" s="327">
        <v>3229683</v>
      </c>
      <c r="HJ38" s="327">
        <v>5404816</v>
      </c>
      <c r="HK38" s="327">
        <v>1146215</v>
      </c>
      <c r="HL38" s="327">
        <v>1789451</v>
      </c>
      <c r="HM38" s="328">
        <v>14390404</v>
      </c>
      <c r="HN38" s="329">
        <v>14628298</v>
      </c>
      <c r="HO38" s="333">
        <v>138949</v>
      </c>
      <c r="HP38" s="327">
        <v>206103</v>
      </c>
      <c r="HQ38" s="328">
        <v>345052</v>
      </c>
      <c r="HR38" s="326">
        <v>0</v>
      </c>
      <c r="HS38" s="327">
        <v>1188735</v>
      </c>
      <c r="HT38" s="327">
        <v>527962</v>
      </c>
      <c r="HU38" s="327">
        <v>407693</v>
      </c>
      <c r="HV38" s="327">
        <v>190190</v>
      </c>
      <c r="HW38" s="327">
        <v>189908</v>
      </c>
      <c r="HX38" s="331">
        <v>2504488</v>
      </c>
      <c r="HY38" s="330">
        <v>2849540</v>
      </c>
      <c r="HZ38" s="358">
        <v>0</v>
      </c>
      <c r="IA38" s="356">
        <v>250800</v>
      </c>
      <c r="IB38" s="358">
        <v>250800</v>
      </c>
      <c r="IC38" s="338">
        <v>0</v>
      </c>
      <c r="ID38" s="336">
        <v>1636233</v>
      </c>
      <c r="IE38" s="339">
        <v>1027772</v>
      </c>
      <c r="IF38" s="337">
        <v>2850326</v>
      </c>
      <c r="IG38" s="336">
        <v>1051778</v>
      </c>
      <c r="IH38" s="337">
        <v>390189</v>
      </c>
      <c r="II38" s="340">
        <v>6956298</v>
      </c>
      <c r="IJ38" s="358">
        <v>7207098</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13">
        <v>0</v>
      </c>
      <c r="IZ38" s="345">
        <v>0</v>
      </c>
      <c r="JA38" s="345">
        <v>0</v>
      </c>
      <c r="JB38" s="345">
        <v>0</v>
      </c>
      <c r="JC38" s="345">
        <v>0</v>
      </c>
      <c r="JD38" s="345">
        <v>0</v>
      </c>
      <c r="JE38" s="349">
        <v>0</v>
      </c>
      <c r="JF38" s="350">
        <v>0</v>
      </c>
      <c r="JG38" s="348">
        <v>0</v>
      </c>
      <c r="JH38" s="345">
        <v>0</v>
      </c>
      <c r="JI38" s="346">
        <v>0</v>
      </c>
      <c r="JJ38" s="351">
        <v>0</v>
      </c>
      <c r="JK38" s="345">
        <v>1106453</v>
      </c>
      <c r="JL38" s="345">
        <v>474666</v>
      </c>
      <c r="JM38" s="345">
        <v>637175</v>
      </c>
      <c r="JN38" s="345">
        <v>182117</v>
      </c>
      <c r="JO38" s="345">
        <v>94635</v>
      </c>
      <c r="JP38" s="349">
        <v>2495046</v>
      </c>
      <c r="JQ38" s="347">
        <v>2495046</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250800</v>
      </c>
      <c r="KP38" s="344">
        <v>250800</v>
      </c>
      <c r="KQ38" s="413">
        <v>0</v>
      </c>
      <c r="KR38" s="345">
        <v>529780</v>
      </c>
      <c r="KS38" s="345">
        <v>553106</v>
      </c>
      <c r="KT38" s="345">
        <v>2213151</v>
      </c>
      <c r="KU38" s="345">
        <v>869661</v>
      </c>
      <c r="KV38" s="345">
        <v>295554</v>
      </c>
      <c r="KW38" s="349">
        <v>4461252</v>
      </c>
      <c r="KX38" s="347">
        <v>4712052</v>
      </c>
      <c r="KY38" s="348">
        <v>0</v>
      </c>
      <c r="KZ38" s="345">
        <v>0</v>
      </c>
      <c r="LA38" s="349">
        <v>0</v>
      </c>
      <c r="LB38" s="413">
        <v>0</v>
      </c>
      <c r="LC38" s="345">
        <v>0</v>
      </c>
      <c r="LD38" s="345">
        <v>0</v>
      </c>
      <c r="LE38" s="345">
        <v>0</v>
      </c>
      <c r="LF38" s="345">
        <v>0</v>
      </c>
      <c r="LG38" s="345">
        <v>0</v>
      </c>
      <c r="LH38" s="349">
        <v>0</v>
      </c>
      <c r="LI38" s="350">
        <v>0</v>
      </c>
      <c r="LJ38" s="348">
        <v>0</v>
      </c>
      <c r="LK38" s="345">
        <v>0</v>
      </c>
      <c r="LL38" s="349">
        <v>0</v>
      </c>
      <c r="LM38" s="413">
        <v>0</v>
      </c>
      <c r="LN38" s="345">
        <v>0</v>
      </c>
      <c r="LO38" s="345">
        <v>0</v>
      </c>
      <c r="LP38" s="345">
        <v>0</v>
      </c>
      <c r="LQ38" s="345">
        <v>0</v>
      </c>
      <c r="LR38" s="345">
        <v>0</v>
      </c>
      <c r="LS38" s="349">
        <v>0</v>
      </c>
      <c r="LT38" s="347">
        <v>0</v>
      </c>
      <c r="LU38" s="348">
        <v>0</v>
      </c>
      <c r="LV38" s="345">
        <v>0</v>
      </c>
      <c r="LW38" s="349">
        <v>0</v>
      </c>
      <c r="LX38" s="413">
        <v>0</v>
      </c>
      <c r="LY38" s="345">
        <v>0</v>
      </c>
      <c r="LZ38" s="345">
        <v>0</v>
      </c>
      <c r="MA38" s="345">
        <v>0</v>
      </c>
      <c r="MB38" s="345">
        <v>0</v>
      </c>
      <c r="MC38" s="345">
        <v>0</v>
      </c>
      <c r="MD38" s="349">
        <v>0</v>
      </c>
      <c r="ME38" s="350">
        <v>0</v>
      </c>
      <c r="MF38" s="348">
        <v>0</v>
      </c>
      <c r="MG38" s="345">
        <v>0</v>
      </c>
      <c r="MH38" s="349">
        <v>0</v>
      </c>
      <c r="MI38" s="413">
        <v>0</v>
      </c>
      <c r="MJ38" s="345">
        <v>2378263</v>
      </c>
      <c r="MK38" s="345">
        <v>6849827</v>
      </c>
      <c r="ML38" s="345">
        <v>16247902</v>
      </c>
      <c r="MM38" s="345">
        <v>15010930</v>
      </c>
      <c r="MN38" s="345">
        <v>12285263</v>
      </c>
      <c r="MO38" s="349">
        <v>52772185</v>
      </c>
      <c r="MP38" s="354">
        <v>52772185</v>
      </c>
      <c r="MQ38" s="348">
        <v>0</v>
      </c>
      <c r="MR38" s="345">
        <v>0</v>
      </c>
      <c r="MS38" s="349">
        <v>0</v>
      </c>
      <c r="MT38" s="413">
        <v>0</v>
      </c>
      <c r="MU38" s="345">
        <v>173584</v>
      </c>
      <c r="MV38" s="345">
        <v>1158991</v>
      </c>
      <c r="MW38" s="345">
        <v>7849424</v>
      </c>
      <c r="MX38" s="345">
        <v>8631976</v>
      </c>
      <c r="MY38" s="345">
        <v>4929488</v>
      </c>
      <c r="MZ38" s="349">
        <v>22743463</v>
      </c>
      <c r="NA38" s="354">
        <v>22743463</v>
      </c>
      <c r="NB38" s="348">
        <v>0</v>
      </c>
      <c r="NC38" s="345">
        <v>0</v>
      </c>
      <c r="ND38" s="349">
        <v>0</v>
      </c>
      <c r="NE38" s="413">
        <v>0</v>
      </c>
      <c r="NF38" s="345">
        <v>1920341</v>
      </c>
      <c r="NG38" s="345">
        <v>3378905</v>
      </c>
      <c r="NH38" s="345">
        <v>4185310</v>
      </c>
      <c r="NI38" s="345">
        <v>4230317</v>
      </c>
      <c r="NJ38" s="345">
        <v>2633129</v>
      </c>
      <c r="NK38" s="349">
        <v>16348002</v>
      </c>
      <c r="NL38" s="347">
        <v>16348002</v>
      </c>
      <c r="NM38" s="348">
        <v>0</v>
      </c>
      <c r="NN38" s="345">
        <v>0</v>
      </c>
      <c r="NO38" s="349">
        <v>0</v>
      </c>
      <c r="NP38" s="413">
        <v>0</v>
      </c>
      <c r="NQ38" s="345">
        <v>0</v>
      </c>
      <c r="NR38" s="345">
        <v>0</v>
      </c>
      <c r="NS38" s="345">
        <v>0</v>
      </c>
      <c r="NT38" s="345">
        <v>0</v>
      </c>
      <c r="NU38" s="345">
        <v>0</v>
      </c>
      <c r="NV38" s="349">
        <v>0</v>
      </c>
      <c r="NW38" s="350">
        <v>0</v>
      </c>
      <c r="NX38" s="348">
        <v>0</v>
      </c>
      <c r="NY38" s="345">
        <v>0</v>
      </c>
      <c r="NZ38" s="349">
        <v>0</v>
      </c>
      <c r="OA38" s="413">
        <v>0</v>
      </c>
      <c r="OB38" s="345">
        <v>284338</v>
      </c>
      <c r="OC38" s="345">
        <v>2311931</v>
      </c>
      <c r="OD38" s="345">
        <v>4213168</v>
      </c>
      <c r="OE38" s="345">
        <v>2148637</v>
      </c>
      <c r="OF38" s="345">
        <v>4722646</v>
      </c>
      <c r="OG38" s="349">
        <v>13680720</v>
      </c>
      <c r="OH38" s="350">
        <v>13680720</v>
      </c>
      <c r="OI38" s="348">
        <v>972764</v>
      </c>
      <c r="OJ38" s="345">
        <v>2008944</v>
      </c>
      <c r="OK38" s="346">
        <v>2981708</v>
      </c>
      <c r="OL38" s="351">
        <v>0</v>
      </c>
      <c r="OM38" s="345">
        <v>12604612</v>
      </c>
      <c r="ON38" s="345">
        <v>15851212</v>
      </c>
      <c r="OO38" s="345">
        <v>28752515</v>
      </c>
      <c r="OP38" s="345">
        <v>18089700</v>
      </c>
      <c r="OQ38" s="345">
        <v>17917151</v>
      </c>
      <c r="OR38" s="349">
        <v>93215190</v>
      </c>
      <c r="OS38" s="354">
        <v>96196898</v>
      </c>
    </row>
    <row r="39" spans="2:409" s="70" customFormat="1" ht="21" customHeight="1" x14ac:dyDescent="0.2">
      <c r="B39" s="410" t="s">
        <v>34</v>
      </c>
      <c r="C39" s="326">
        <v>666036</v>
      </c>
      <c r="D39" s="327">
        <v>1138121</v>
      </c>
      <c r="E39" s="368">
        <v>1804157</v>
      </c>
      <c r="F39" s="370">
        <v>0</v>
      </c>
      <c r="G39" s="369">
        <v>8386236</v>
      </c>
      <c r="H39" s="369">
        <v>5801359</v>
      </c>
      <c r="I39" s="369">
        <v>4155692</v>
      </c>
      <c r="J39" s="369">
        <v>6087456</v>
      </c>
      <c r="K39" s="369">
        <v>3720141</v>
      </c>
      <c r="L39" s="370">
        <v>28150884</v>
      </c>
      <c r="M39" s="330">
        <v>29955041</v>
      </c>
      <c r="N39" s="326">
        <v>187038</v>
      </c>
      <c r="O39" s="327">
        <v>340776</v>
      </c>
      <c r="P39" s="328">
        <v>527814</v>
      </c>
      <c r="Q39" s="326">
        <v>0</v>
      </c>
      <c r="R39" s="327">
        <v>2049111</v>
      </c>
      <c r="S39" s="327">
        <v>2196329</v>
      </c>
      <c r="T39" s="327">
        <v>933549</v>
      </c>
      <c r="U39" s="327">
        <v>1604856</v>
      </c>
      <c r="V39" s="327">
        <v>1821409</v>
      </c>
      <c r="W39" s="328">
        <v>8605254</v>
      </c>
      <c r="X39" s="330">
        <v>9133068</v>
      </c>
      <c r="Y39" s="326">
        <v>0</v>
      </c>
      <c r="Z39" s="327">
        <v>0</v>
      </c>
      <c r="AA39" s="328">
        <v>0</v>
      </c>
      <c r="AB39" s="326">
        <v>0</v>
      </c>
      <c r="AC39" s="327">
        <v>589933</v>
      </c>
      <c r="AD39" s="327">
        <v>947679</v>
      </c>
      <c r="AE39" s="327">
        <v>504803</v>
      </c>
      <c r="AF39" s="327">
        <v>903328</v>
      </c>
      <c r="AG39" s="327">
        <v>865548</v>
      </c>
      <c r="AH39" s="328">
        <v>3811291</v>
      </c>
      <c r="AI39" s="330">
        <v>3811291</v>
      </c>
      <c r="AJ39" s="326">
        <v>0</v>
      </c>
      <c r="AK39" s="327">
        <v>0</v>
      </c>
      <c r="AL39" s="328">
        <v>0</v>
      </c>
      <c r="AM39" s="326">
        <v>0</v>
      </c>
      <c r="AN39" s="327">
        <v>0</v>
      </c>
      <c r="AO39" s="327">
        <v>63633</v>
      </c>
      <c r="AP39" s="327">
        <v>0</v>
      </c>
      <c r="AQ39" s="327">
        <v>0</v>
      </c>
      <c r="AR39" s="327">
        <v>102546</v>
      </c>
      <c r="AS39" s="328">
        <v>166179</v>
      </c>
      <c r="AT39" s="330">
        <v>166179</v>
      </c>
      <c r="AU39" s="326">
        <v>86634</v>
      </c>
      <c r="AV39" s="327">
        <v>270738</v>
      </c>
      <c r="AW39" s="328">
        <v>357372</v>
      </c>
      <c r="AX39" s="326">
        <v>0</v>
      </c>
      <c r="AY39" s="327">
        <v>856271</v>
      </c>
      <c r="AZ39" s="327">
        <v>723260</v>
      </c>
      <c r="BA39" s="327">
        <v>187997</v>
      </c>
      <c r="BB39" s="327">
        <v>275026</v>
      </c>
      <c r="BC39" s="327">
        <v>460204</v>
      </c>
      <c r="BD39" s="328">
        <v>2502758</v>
      </c>
      <c r="BE39" s="330">
        <v>2860130</v>
      </c>
      <c r="BF39" s="326">
        <v>0</v>
      </c>
      <c r="BG39" s="327">
        <v>0</v>
      </c>
      <c r="BH39" s="331">
        <v>0</v>
      </c>
      <c r="BI39" s="332">
        <v>0</v>
      </c>
      <c r="BJ39" s="327">
        <v>189342</v>
      </c>
      <c r="BK39" s="327">
        <v>133236</v>
      </c>
      <c r="BL39" s="327">
        <v>86400</v>
      </c>
      <c r="BM39" s="327">
        <v>130266</v>
      </c>
      <c r="BN39" s="327">
        <v>101108</v>
      </c>
      <c r="BO39" s="328">
        <v>640352</v>
      </c>
      <c r="BP39" s="330">
        <v>640352</v>
      </c>
      <c r="BQ39" s="326">
        <v>100404</v>
      </c>
      <c r="BR39" s="327">
        <v>70038</v>
      </c>
      <c r="BS39" s="328">
        <v>170442</v>
      </c>
      <c r="BT39" s="326">
        <v>0</v>
      </c>
      <c r="BU39" s="327">
        <v>413565</v>
      </c>
      <c r="BV39" s="327">
        <v>328521</v>
      </c>
      <c r="BW39" s="327">
        <v>154349</v>
      </c>
      <c r="BX39" s="327">
        <v>296236</v>
      </c>
      <c r="BY39" s="327">
        <v>292003</v>
      </c>
      <c r="BZ39" s="328">
        <v>1484674</v>
      </c>
      <c r="CA39" s="330">
        <v>1655116</v>
      </c>
      <c r="CB39" s="326">
        <v>0</v>
      </c>
      <c r="CC39" s="327">
        <v>86868</v>
      </c>
      <c r="CD39" s="328">
        <v>86868</v>
      </c>
      <c r="CE39" s="326">
        <v>0</v>
      </c>
      <c r="CF39" s="327">
        <v>2508341</v>
      </c>
      <c r="CG39" s="327">
        <v>1301569</v>
      </c>
      <c r="CH39" s="327">
        <v>1979666</v>
      </c>
      <c r="CI39" s="327">
        <v>1781434</v>
      </c>
      <c r="CJ39" s="327">
        <v>277074</v>
      </c>
      <c r="CK39" s="328">
        <v>7848084</v>
      </c>
      <c r="CL39" s="330">
        <v>7934952</v>
      </c>
      <c r="CM39" s="326">
        <v>0</v>
      </c>
      <c r="CN39" s="327">
        <v>0</v>
      </c>
      <c r="CO39" s="328">
        <v>0</v>
      </c>
      <c r="CP39" s="332">
        <v>0</v>
      </c>
      <c r="CQ39" s="327">
        <v>1929713</v>
      </c>
      <c r="CR39" s="327">
        <v>1211578</v>
      </c>
      <c r="CS39" s="327">
        <v>1938392</v>
      </c>
      <c r="CT39" s="327">
        <v>1605289</v>
      </c>
      <c r="CU39" s="327">
        <v>277074</v>
      </c>
      <c r="CV39" s="328">
        <v>6962046</v>
      </c>
      <c r="CW39" s="330">
        <v>6962046</v>
      </c>
      <c r="CX39" s="326">
        <v>0</v>
      </c>
      <c r="CY39" s="327">
        <v>86868</v>
      </c>
      <c r="CZ39" s="328">
        <v>86868</v>
      </c>
      <c r="DA39" s="326">
        <v>0</v>
      </c>
      <c r="DB39" s="327">
        <v>578628</v>
      </c>
      <c r="DC39" s="327">
        <v>89991</v>
      </c>
      <c r="DD39" s="327">
        <v>41274</v>
      </c>
      <c r="DE39" s="327">
        <v>176145</v>
      </c>
      <c r="DF39" s="327">
        <v>0</v>
      </c>
      <c r="DG39" s="328">
        <v>886038</v>
      </c>
      <c r="DH39" s="330">
        <v>972906</v>
      </c>
      <c r="DI39" s="326">
        <v>0</v>
      </c>
      <c r="DJ39" s="327">
        <v>0</v>
      </c>
      <c r="DK39" s="331">
        <v>0</v>
      </c>
      <c r="DL39" s="332">
        <v>0</v>
      </c>
      <c r="DM39" s="327">
        <v>178587</v>
      </c>
      <c r="DN39" s="327">
        <v>0</v>
      </c>
      <c r="DO39" s="327">
        <v>136641</v>
      </c>
      <c r="DP39" s="327">
        <v>337581</v>
      </c>
      <c r="DQ39" s="327">
        <v>113742</v>
      </c>
      <c r="DR39" s="328">
        <v>766551</v>
      </c>
      <c r="DS39" s="330">
        <v>766551</v>
      </c>
      <c r="DT39" s="326">
        <v>0</v>
      </c>
      <c r="DU39" s="327">
        <v>0</v>
      </c>
      <c r="DV39" s="328">
        <v>0</v>
      </c>
      <c r="DW39" s="326">
        <v>0</v>
      </c>
      <c r="DX39" s="327">
        <v>129591</v>
      </c>
      <c r="DY39" s="327">
        <v>0</v>
      </c>
      <c r="DZ39" s="327">
        <v>136641</v>
      </c>
      <c r="EA39" s="327">
        <v>337581</v>
      </c>
      <c r="EB39" s="327">
        <v>113742</v>
      </c>
      <c r="EC39" s="328">
        <v>717555</v>
      </c>
      <c r="ED39" s="330">
        <v>717555</v>
      </c>
      <c r="EE39" s="326">
        <v>0</v>
      </c>
      <c r="EF39" s="331">
        <v>0</v>
      </c>
      <c r="EG39" s="328">
        <v>0</v>
      </c>
      <c r="EH39" s="326">
        <v>0</v>
      </c>
      <c r="EI39" s="327">
        <v>48996</v>
      </c>
      <c r="EJ39" s="327">
        <v>0</v>
      </c>
      <c r="EK39" s="327">
        <v>0</v>
      </c>
      <c r="EL39" s="327">
        <v>0</v>
      </c>
      <c r="EM39" s="327">
        <v>0</v>
      </c>
      <c r="EN39" s="331">
        <v>48996</v>
      </c>
      <c r="EO39" s="330">
        <v>48996</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85186</v>
      </c>
      <c r="FM39" s="327">
        <v>285678</v>
      </c>
      <c r="FN39" s="328">
        <v>370864</v>
      </c>
      <c r="FO39" s="326">
        <v>0</v>
      </c>
      <c r="FP39" s="327">
        <v>568149</v>
      </c>
      <c r="FQ39" s="327">
        <v>659921</v>
      </c>
      <c r="FR39" s="327">
        <v>371098</v>
      </c>
      <c r="FS39" s="327">
        <v>435910</v>
      </c>
      <c r="FT39" s="327">
        <v>260958</v>
      </c>
      <c r="FU39" s="328">
        <v>2296036</v>
      </c>
      <c r="FV39" s="330">
        <v>2666900</v>
      </c>
      <c r="FW39" s="333">
        <v>85186</v>
      </c>
      <c r="FX39" s="327">
        <v>166680</v>
      </c>
      <c r="FY39" s="331">
        <v>251866</v>
      </c>
      <c r="FZ39" s="332">
        <v>0</v>
      </c>
      <c r="GA39" s="327">
        <v>536964</v>
      </c>
      <c r="GB39" s="327">
        <v>659921</v>
      </c>
      <c r="GC39" s="327">
        <v>371098</v>
      </c>
      <c r="GD39" s="327">
        <v>404725</v>
      </c>
      <c r="GE39" s="327">
        <v>260958</v>
      </c>
      <c r="GF39" s="328">
        <v>2233666</v>
      </c>
      <c r="GG39" s="334">
        <v>2485532</v>
      </c>
      <c r="GH39" s="333">
        <v>0</v>
      </c>
      <c r="GI39" s="327">
        <v>118998</v>
      </c>
      <c r="GJ39" s="331">
        <v>118998</v>
      </c>
      <c r="GK39" s="332">
        <v>0</v>
      </c>
      <c r="GL39" s="327">
        <v>31185</v>
      </c>
      <c r="GM39" s="327">
        <v>0</v>
      </c>
      <c r="GN39" s="327">
        <v>0</v>
      </c>
      <c r="GO39" s="327">
        <v>31185</v>
      </c>
      <c r="GP39" s="327">
        <v>0</v>
      </c>
      <c r="GQ39" s="328">
        <v>62370</v>
      </c>
      <c r="GR39" s="330">
        <v>181368</v>
      </c>
      <c r="GS39" s="326">
        <v>0</v>
      </c>
      <c r="GT39" s="327">
        <v>0</v>
      </c>
      <c r="GU39" s="328">
        <v>0</v>
      </c>
      <c r="GV39" s="326">
        <v>0</v>
      </c>
      <c r="GW39" s="327">
        <v>0</v>
      </c>
      <c r="GX39" s="327">
        <v>0</v>
      </c>
      <c r="GY39" s="327">
        <v>0</v>
      </c>
      <c r="GZ39" s="327">
        <v>0</v>
      </c>
      <c r="HA39" s="327">
        <v>0</v>
      </c>
      <c r="HB39" s="331">
        <v>0</v>
      </c>
      <c r="HC39" s="330">
        <v>0</v>
      </c>
      <c r="HD39" s="326">
        <v>320092</v>
      </c>
      <c r="HE39" s="327">
        <v>309879</v>
      </c>
      <c r="HF39" s="331">
        <v>629971</v>
      </c>
      <c r="HG39" s="332">
        <v>0</v>
      </c>
      <c r="HH39" s="327">
        <v>1755327</v>
      </c>
      <c r="HI39" s="327">
        <v>1049358</v>
      </c>
      <c r="HJ39" s="327">
        <v>395210</v>
      </c>
      <c r="HK39" s="327">
        <v>1534364</v>
      </c>
      <c r="HL39" s="327">
        <v>1038500</v>
      </c>
      <c r="HM39" s="328">
        <v>5772759</v>
      </c>
      <c r="HN39" s="329">
        <v>6402730</v>
      </c>
      <c r="HO39" s="333">
        <v>73720</v>
      </c>
      <c r="HP39" s="327">
        <v>114920</v>
      </c>
      <c r="HQ39" s="328">
        <v>188640</v>
      </c>
      <c r="HR39" s="326">
        <v>0</v>
      </c>
      <c r="HS39" s="327">
        <v>1326721</v>
      </c>
      <c r="HT39" s="327">
        <v>594182</v>
      </c>
      <c r="HU39" s="327">
        <v>339528</v>
      </c>
      <c r="HV39" s="327">
        <v>393311</v>
      </c>
      <c r="HW39" s="327">
        <v>208458</v>
      </c>
      <c r="HX39" s="331">
        <v>2862200</v>
      </c>
      <c r="HY39" s="330">
        <v>3050840</v>
      </c>
      <c r="HZ39" s="335">
        <v>47961</v>
      </c>
      <c r="IA39" s="336">
        <v>252855</v>
      </c>
      <c r="IB39" s="337">
        <v>300816</v>
      </c>
      <c r="IC39" s="338">
        <v>0</v>
      </c>
      <c r="ID39" s="336">
        <v>5185924</v>
      </c>
      <c r="IE39" s="339">
        <v>3622642</v>
      </c>
      <c r="IF39" s="337">
        <v>3013362</v>
      </c>
      <c r="IG39" s="336">
        <v>2529873</v>
      </c>
      <c r="IH39" s="337">
        <v>1813592</v>
      </c>
      <c r="II39" s="340">
        <v>16165393</v>
      </c>
      <c r="IJ39" s="341">
        <v>16466209</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13">
        <v>0</v>
      </c>
      <c r="IZ39" s="345">
        <v>0</v>
      </c>
      <c r="JA39" s="345">
        <v>0</v>
      </c>
      <c r="JB39" s="345">
        <v>0</v>
      </c>
      <c r="JC39" s="345">
        <v>0</v>
      </c>
      <c r="JD39" s="345">
        <v>0</v>
      </c>
      <c r="JE39" s="349">
        <v>0</v>
      </c>
      <c r="JF39" s="350">
        <v>0</v>
      </c>
      <c r="JG39" s="348">
        <v>0</v>
      </c>
      <c r="JH39" s="345">
        <v>0</v>
      </c>
      <c r="JI39" s="346">
        <v>0</v>
      </c>
      <c r="JJ39" s="351">
        <v>0</v>
      </c>
      <c r="JK39" s="345">
        <v>1069905</v>
      </c>
      <c r="JL39" s="345">
        <v>484396</v>
      </c>
      <c r="JM39" s="345">
        <v>597546</v>
      </c>
      <c r="JN39" s="345">
        <v>110115</v>
      </c>
      <c r="JO39" s="345">
        <v>0</v>
      </c>
      <c r="JP39" s="349">
        <v>2261962</v>
      </c>
      <c r="JQ39" s="347">
        <v>2261962</v>
      </c>
      <c r="JR39" s="348">
        <v>0</v>
      </c>
      <c r="JS39" s="345">
        <v>0</v>
      </c>
      <c r="JT39" s="346">
        <v>0</v>
      </c>
      <c r="JU39" s="351">
        <v>0</v>
      </c>
      <c r="JV39" s="345">
        <v>0</v>
      </c>
      <c r="JW39" s="345">
        <v>0</v>
      </c>
      <c r="JX39" s="345">
        <v>0</v>
      </c>
      <c r="JY39" s="345">
        <v>0</v>
      </c>
      <c r="JZ39" s="345">
        <v>129197</v>
      </c>
      <c r="KA39" s="349">
        <v>129197</v>
      </c>
      <c r="KB39" s="347">
        <v>129197</v>
      </c>
      <c r="KC39" s="352">
        <v>47961</v>
      </c>
      <c r="KD39" s="353">
        <v>252855</v>
      </c>
      <c r="KE39" s="349">
        <v>300816</v>
      </c>
      <c r="KF39" s="351">
        <v>0</v>
      </c>
      <c r="KG39" s="345">
        <v>1023259</v>
      </c>
      <c r="KH39" s="345">
        <v>1170594</v>
      </c>
      <c r="KI39" s="345">
        <v>1007721</v>
      </c>
      <c r="KJ39" s="345">
        <v>548559</v>
      </c>
      <c r="KK39" s="345">
        <v>311166</v>
      </c>
      <c r="KL39" s="349">
        <v>4061299</v>
      </c>
      <c r="KM39" s="354">
        <v>4362115</v>
      </c>
      <c r="KN39" s="342">
        <v>0</v>
      </c>
      <c r="KO39" s="343">
        <v>0</v>
      </c>
      <c r="KP39" s="344">
        <v>0</v>
      </c>
      <c r="KQ39" s="413">
        <v>0</v>
      </c>
      <c r="KR39" s="345">
        <v>1824921</v>
      </c>
      <c r="KS39" s="345">
        <v>1088820</v>
      </c>
      <c r="KT39" s="345">
        <v>0</v>
      </c>
      <c r="KU39" s="345">
        <v>1233765</v>
      </c>
      <c r="KV39" s="345">
        <v>581886</v>
      </c>
      <c r="KW39" s="349">
        <v>4729392</v>
      </c>
      <c r="KX39" s="347">
        <v>4729392</v>
      </c>
      <c r="KY39" s="348">
        <v>0</v>
      </c>
      <c r="KZ39" s="345">
        <v>0</v>
      </c>
      <c r="LA39" s="349">
        <v>0</v>
      </c>
      <c r="LB39" s="413">
        <v>0</v>
      </c>
      <c r="LC39" s="345">
        <v>0</v>
      </c>
      <c r="LD39" s="345">
        <v>0</v>
      </c>
      <c r="LE39" s="345">
        <v>0</v>
      </c>
      <c r="LF39" s="345">
        <v>0</v>
      </c>
      <c r="LG39" s="345">
        <v>0</v>
      </c>
      <c r="LH39" s="349">
        <v>0</v>
      </c>
      <c r="LI39" s="350">
        <v>0</v>
      </c>
      <c r="LJ39" s="348">
        <v>0</v>
      </c>
      <c r="LK39" s="345">
        <v>0</v>
      </c>
      <c r="LL39" s="349">
        <v>0</v>
      </c>
      <c r="LM39" s="413">
        <v>0</v>
      </c>
      <c r="LN39" s="345">
        <v>0</v>
      </c>
      <c r="LO39" s="345">
        <v>0</v>
      </c>
      <c r="LP39" s="345">
        <v>0</v>
      </c>
      <c r="LQ39" s="345">
        <v>0</v>
      </c>
      <c r="LR39" s="345">
        <v>0</v>
      </c>
      <c r="LS39" s="349">
        <v>0</v>
      </c>
      <c r="LT39" s="347">
        <v>0</v>
      </c>
      <c r="LU39" s="348">
        <v>0</v>
      </c>
      <c r="LV39" s="345">
        <v>0</v>
      </c>
      <c r="LW39" s="349">
        <v>0</v>
      </c>
      <c r="LX39" s="413">
        <v>0</v>
      </c>
      <c r="LY39" s="345">
        <v>1267839</v>
      </c>
      <c r="LZ39" s="345">
        <v>878832</v>
      </c>
      <c r="MA39" s="345">
        <v>1408095</v>
      </c>
      <c r="MB39" s="345">
        <v>637434</v>
      </c>
      <c r="MC39" s="345">
        <v>791343</v>
      </c>
      <c r="MD39" s="349">
        <v>4983543</v>
      </c>
      <c r="ME39" s="350">
        <v>4983543</v>
      </c>
      <c r="MF39" s="348">
        <v>0</v>
      </c>
      <c r="MG39" s="345">
        <v>0</v>
      </c>
      <c r="MH39" s="349">
        <v>0</v>
      </c>
      <c r="MI39" s="413">
        <v>0</v>
      </c>
      <c r="MJ39" s="345">
        <v>1568184</v>
      </c>
      <c r="MK39" s="345">
        <v>3922317</v>
      </c>
      <c r="ML39" s="345">
        <v>3859353</v>
      </c>
      <c r="MM39" s="345">
        <v>10850375</v>
      </c>
      <c r="MN39" s="345">
        <v>5985934</v>
      </c>
      <c r="MO39" s="349">
        <v>26186163</v>
      </c>
      <c r="MP39" s="354">
        <v>26186163</v>
      </c>
      <c r="MQ39" s="348">
        <v>0</v>
      </c>
      <c r="MR39" s="345">
        <v>0</v>
      </c>
      <c r="MS39" s="349">
        <v>0</v>
      </c>
      <c r="MT39" s="413">
        <v>0</v>
      </c>
      <c r="MU39" s="345">
        <v>0</v>
      </c>
      <c r="MV39" s="345">
        <v>0</v>
      </c>
      <c r="MW39" s="345">
        <v>1938006</v>
      </c>
      <c r="MX39" s="345">
        <v>7855496</v>
      </c>
      <c r="MY39" s="345">
        <v>3381378</v>
      </c>
      <c r="MZ39" s="349">
        <v>13174880</v>
      </c>
      <c r="NA39" s="354">
        <v>13174880</v>
      </c>
      <c r="NB39" s="348">
        <v>0</v>
      </c>
      <c r="NC39" s="345">
        <v>0</v>
      </c>
      <c r="ND39" s="349">
        <v>0</v>
      </c>
      <c r="NE39" s="413">
        <v>0</v>
      </c>
      <c r="NF39" s="345">
        <v>1568184</v>
      </c>
      <c r="NG39" s="345">
        <v>3922317</v>
      </c>
      <c r="NH39" s="345">
        <v>1921347</v>
      </c>
      <c r="NI39" s="345">
        <v>2643888</v>
      </c>
      <c r="NJ39" s="345">
        <v>1850082</v>
      </c>
      <c r="NK39" s="349">
        <v>11905818</v>
      </c>
      <c r="NL39" s="347">
        <v>11905818</v>
      </c>
      <c r="NM39" s="348">
        <v>0</v>
      </c>
      <c r="NN39" s="345">
        <v>0</v>
      </c>
      <c r="NO39" s="349">
        <v>0</v>
      </c>
      <c r="NP39" s="413">
        <v>0</v>
      </c>
      <c r="NQ39" s="345">
        <v>0</v>
      </c>
      <c r="NR39" s="345">
        <v>0</v>
      </c>
      <c r="NS39" s="345">
        <v>0</v>
      </c>
      <c r="NT39" s="345">
        <v>0</v>
      </c>
      <c r="NU39" s="345">
        <v>0</v>
      </c>
      <c r="NV39" s="349">
        <v>0</v>
      </c>
      <c r="NW39" s="350">
        <v>0</v>
      </c>
      <c r="NX39" s="348">
        <v>0</v>
      </c>
      <c r="NY39" s="345">
        <v>0</v>
      </c>
      <c r="NZ39" s="349">
        <v>0</v>
      </c>
      <c r="OA39" s="413">
        <v>0</v>
      </c>
      <c r="OB39" s="345">
        <v>0</v>
      </c>
      <c r="OC39" s="345">
        <v>0</v>
      </c>
      <c r="OD39" s="345">
        <v>0</v>
      </c>
      <c r="OE39" s="345">
        <v>350991</v>
      </c>
      <c r="OF39" s="345">
        <v>754474</v>
      </c>
      <c r="OG39" s="349">
        <v>1105465</v>
      </c>
      <c r="OH39" s="350">
        <v>1105465</v>
      </c>
      <c r="OI39" s="348">
        <v>713997</v>
      </c>
      <c r="OJ39" s="345">
        <v>1390976</v>
      </c>
      <c r="OK39" s="346">
        <v>2104973</v>
      </c>
      <c r="OL39" s="351">
        <v>0</v>
      </c>
      <c r="OM39" s="345">
        <v>15140344</v>
      </c>
      <c r="ON39" s="345">
        <v>13346318</v>
      </c>
      <c r="OO39" s="345">
        <v>11028407</v>
      </c>
      <c r="OP39" s="345">
        <v>19467704</v>
      </c>
      <c r="OQ39" s="345">
        <v>11519667</v>
      </c>
      <c r="OR39" s="349">
        <v>70502440</v>
      </c>
      <c r="OS39" s="354">
        <v>72607413</v>
      </c>
    </row>
    <row r="40" spans="2:409" s="70" customFormat="1" ht="21" customHeight="1" x14ac:dyDescent="0.2">
      <c r="B40" s="410" t="s">
        <v>35</v>
      </c>
      <c r="C40" s="326">
        <v>2451392</v>
      </c>
      <c r="D40" s="327">
        <v>4919919</v>
      </c>
      <c r="E40" s="328">
        <v>7371311</v>
      </c>
      <c r="F40" s="329">
        <v>0</v>
      </c>
      <c r="G40" s="327">
        <v>34528929</v>
      </c>
      <c r="H40" s="327">
        <v>23612579</v>
      </c>
      <c r="I40" s="327">
        <v>20241071</v>
      </c>
      <c r="J40" s="327">
        <v>25236410</v>
      </c>
      <c r="K40" s="327">
        <v>16047393</v>
      </c>
      <c r="L40" s="367">
        <v>119666382</v>
      </c>
      <c r="M40" s="330">
        <v>127037693</v>
      </c>
      <c r="N40" s="326">
        <v>455524</v>
      </c>
      <c r="O40" s="327">
        <v>1288207</v>
      </c>
      <c r="P40" s="328">
        <v>1743731</v>
      </c>
      <c r="Q40" s="326">
        <v>0</v>
      </c>
      <c r="R40" s="327">
        <v>8639531</v>
      </c>
      <c r="S40" s="327">
        <v>6863148</v>
      </c>
      <c r="T40" s="327">
        <v>5662218</v>
      </c>
      <c r="U40" s="327">
        <v>7157937</v>
      </c>
      <c r="V40" s="327">
        <v>6998350</v>
      </c>
      <c r="W40" s="328">
        <v>35321184</v>
      </c>
      <c r="X40" s="330">
        <v>37064915</v>
      </c>
      <c r="Y40" s="326">
        <v>0</v>
      </c>
      <c r="Z40" s="327">
        <v>0</v>
      </c>
      <c r="AA40" s="328">
        <v>0</v>
      </c>
      <c r="AB40" s="326">
        <v>0</v>
      </c>
      <c r="AC40" s="327">
        <v>4289328</v>
      </c>
      <c r="AD40" s="327">
        <v>3457311</v>
      </c>
      <c r="AE40" s="327">
        <v>2979268</v>
      </c>
      <c r="AF40" s="327">
        <v>4502699</v>
      </c>
      <c r="AG40" s="327">
        <v>4480725</v>
      </c>
      <c r="AH40" s="328">
        <v>19709331</v>
      </c>
      <c r="AI40" s="330">
        <v>19709331</v>
      </c>
      <c r="AJ40" s="326">
        <v>0</v>
      </c>
      <c r="AK40" s="327">
        <v>0</v>
      </c>
      <c r="AL40" s="328">
        <v>0</v>
      </c>
      <c r="AM40" s="326">
        <v>0</v>
      </c>
      <c r="AN40" s="327">
        <v>0</v>
      </c>
      <c r="AO40" s="327">
        <v>0</v>
      </c>
      <c r="AP40" s="327">
        <v>0</v>
      </c>
      <c r="AQ40" s="327">
        <v>47376</v>
      </c>
      <c r="AR40" s="327">
        <v>0</v>
      </c>
      <c r="AS40" s="328">
        <v>47376</v>
      </c>
      <c r="AT40" s="330">
        <v>47376</v>
      </c>
      <c r="AU40" s="326">
        <v>124605</v>
      </c>
      <c r="AV40" s="327">
        <v>609280</v>
      </c>
      <c r="AW40" s="328">
        <v>733885</v>
      </c>
      <c r="AX40" s="326">
        <v>0</v>
      </c>
      <c r="AY40" s="327">
        <v>2470772</v>
      </c>
      <c r="AZ40" s="327">
        <v>1763814</v>
      </c>
      <c r="BA40" s="327">
        <v>1435409</v>
      </c>
      <c r="BB40" s="327">
        <v>1005314</v>
      </c>
      <c r="BC40" s="327">
        <v>1455793</v>
      </c>
      <c r="BD40" s="328">
        <v>8131102</v>
      </c>
      <c r="BE40" s="330">
        <v>8864987</v>
      </c>
      <c r="BF40" s="326">
        <v>118260</v>
      </c>
      <c r="BG40" s="327">
        <v>487332</v>
      </c>
      <c r="BH40" s="331">
        <v>605592</v>
      </c>
      <c r="BI40" s="332">
        <v>0</v>
      </c>
      <c r="BJ40" s="327">
        <v>611732</v>
      </c>
      <c r="BK40" s="327">
        <v>654879</v>
      </c>
      <c r="BL40" s="327">
        <v>273762</v>
      </c>
      <c r="BM40" s="327">
        <v>376290</v>
      </c>
      <c r="BN40" s="327">
        <v>257198</v>
      </c>
      <c r="BO40" s="328">
        <v>2173861</v>
      </c>
      <c r="BP40" s="330">
        <v>2779453</v>
      </c>
      <c r="BQ40" s="326">
        <v>212659</v>
      </c>
      <c r="BR40" s="327">
        <v>191595</v>
      </c>
      <c r="BS40" s="328">
        <v>404254</v>
      </c>
      <c r="BT40" s="326">
        <v>0</v>
      </c>
      <c r="BU40" s="327">
        <v>1267699</v>
      </c>
      <c r="BV40" s="327">
        <v>987144</v>
      </c>
      <c r="BW40" s="327">
        <v>973779</v>
      </c>
      <c r="BX40" s="327">
        <v>1226258</v>
      </c>
      <c r="BY40" s="327">
        <v>804634</v>
      </c>
      <c r="BZ40" s="328">
        <v>5259514</v>
      </c>
      <c r="CA40" s="330">
        <v>5663768</v>
      </c>
      <c r="CB40" s="326">
        <v>243512</v>
      </c>
      <c r="CC40" s="327">
        <v>882114</v>
      </c>
      <c r="CD40" s="328">
        <v>1125626</v>
      </c>
      <c r="CE40" s="326">
        <v>0</v>
      </c>
      <c r="CF40" s="327">
        <v>12602125</v>
      </c>
      <c r="CG40" s="327">
        <v>8923309</v>
      </c>
      <c r="CH40" s="327">
        <v>6503525</v>
      </c>
      <c r="CI40" s="327">
        <v>4606611</v>
      </c>
      <c r="CJ40" s="327">
        <v>3296682</v>
      </c>
      <c r="CK40" s="328">
        <v>35932252</v>
      </c>
      <c r="CL40" s="330">
        <v>37057878</v>
      </c>
      <c r="CM40" s="326">
        <v>0</v>
      </c>
      <c r="CN40" s="327">
        <v>0</v>
      </c>
      <c r="CO40" s="328">
        <v>0</v>
      </c>
      <c r="CP40" s="332">
        <v>0</v>
      </c>
      <c r="CQ40" s="327">
        <v>8916178</v>
      </c>
      <c r="CR40" s="327">
        <v>6713301</v>
      </c>
      <c r="CS40" s="327">
        <v>5356298</v>
      </c>
      <c r="CT40" s="327">
        <v>3797700</v>
      </c>
      <c r="CU40" s="327">
        <v>3194883</v>
      </c>
      <c r="CV40" s="328">
        <v>27978360</v>
      </c>
      <c r="CW40" s="330">
        <v>27978360</v>
      </c>
      <c r="CX40" s="326">
        <v>243512</v>
      </c>
      <c r="CY40" s="327">
        <v>882114</v>
      </c>
      <c r="CZ40" s="328">
        <v>1125626</v>
      </c>
      <c r="DA40" s="326">
        <v>0</v>
      </c>
      <c r="DB40" s="327">
        <v>3685947</v>
      </c>
      <c r="DC40" s="327">
        <v>2210008</v>
      </c>
      <c r="DD40" s="327">
        <v>1147227</v>
      </c>
      <c r="DE40" s="327">
        <v>808911</v>
      </c>
      <c r="DF40" s="327">
        <v>101799</v>
      </c>
      <c r="DG40" s="328">
        <v>7953892</v>
      </c>
      <c r="DH40" s="330">
        <v>9079518</v>
      </c>
      <c r="DI40" s="326">
        <v>19664</v>
      </c>
      <c r="DJ40" s="327">
        <v>0</v>
      </c>
      <c r="DK40" s="331">
        <v>19664</v>
      </c>
      <c r="DL40" s="332">
        <v>0</v>
      </c>
      <c r="DM40" s="327">
        <v>532233</v>
      </c>
      <c r="DN40" s="327">
        <v>293335</v>
      </c>
      <c r="DO40" s="327">
        <v>819944</v>
      </c>
      <c r="DP40" s="327">
        <v>2251989</v>
      </c>
      <c r="DQ40" s="327">
        <v>871809</v>
      </c>
      <c r="DR40" s="328">
        <v>4769310</v>
      </c>
      <c r="DS40" s="330">
        <v>4788974</v>
      </c>
      <c r="DT40" s="326">
        <v>19664</v>
      </c>
      <c r="DU40" s="327">
        <v>0</v>
      </c>
      <c r="DV40" s="328">
        <v>19664</v>
      </c>
      <c r="DW40" s="326">
        <v>0</v>
      </c>
      <c r="DX40" s="327">
        <v>463113</v>
      </c>
      <c r="DY40" s="327">
        <v>240820</v>
      </c>
      <c r="DZ40" s="327">
        <v>665918</v>
      </c>
      <c r="EA40" s="327">
        <v>2172501</v>
      </c>
      <c r="EB40" s="327">
        <v>580290</v>
      </c>
      <c r="EC40" s="328">
        <v>4122642</v>
      </c>
      <c r="ED40" s="330">
        <v>4142306</v>
      </c>
      <c r="EE40" s="326">
        <v>0</v>
      </c>
      <c r="EF40" s="331">
        <v>0</v>
      </c>
      <c r="EG40" s="328">
        <v>0</v>
      </c>
      <c r="EH40" s="326">
        <v>0</v>
      </c>
      <c r="EI40" s="327">
        <v>69120</v>
      </c>
      <c r="EJ40" s="327">
        <v>52515</v>
      </c>
      <c r="EK40" s="327">
        <v>154026</v>
      </c>
      <c r="EL40" s="327">
        <v>79488</v>
      </c>
      <c r="EM40" s="327">
        <v>291519</v>
      </c>
      <c r="EN40" s="331">
        <v>646668</v>
      </c>
      <c r="EO40" s="330">
        <v>646668</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465886</v>
      </c>
      <c r="FM40" s="327">
        <v>1012241</v>
      </c>
      <c r="FN40" s="328">
        <v>1478127</v>
      </c>
      <c r="FO40" s="326">
        <v>0</v>
      </c>
      <c r="FP40" s="327">
        <v>1803791</v>
      </c>
      <c r="FQ40" s="327">
        <v>2274273</v>
      </c>
      <c r="FR40" s="327">
        <v>1704286</v>
      </c>
      <c r="FS40" s="327">
        <v>1262547</v>
      </c>
      <c r="FT40" s="327">
        <v>1080562</v>
      </c>
      <c r="FU40" s="328">
        <v>8125459</v>
      </c>
      <c r="FV40" s="330">
        <v>9603586</v>
      </c>
      <c r="FW40" s="333">
        <v>332929</v>
      </c>
      <c r="FX40" s="327">
        <v>733079</v>
      </c>
      <c r="FY40" s="331">
        <v>1066008</v>
      </c>
      <c r="FZ40" s="332">
        <v>0</v>
      </c>
      <c r="GA40" s="327">
        <v>1297241</v>
      </c>
      <c r="GB40" s="327">
        <v>1963116</v>
      </c>
      <c r="GC40" s="327">
        <v>1521100</v>
      </c>
      <c r="GD40" s="327">
        <v>1262547</v>
      </c>
      <c r="GE40" s="327">
        <v>1080562</v>
      </c>
      <c r="GF40" s="328">
        <v>7124566</v>
      </c>
      <c r="GG40" s="334">
        <v>8190574</v>
      </c>
      <c r="GH40" s="333">
        <v>67320</v>
      </c>
      <c r="GI40" s="327">
        <v>73242</v>
      </c>
      <c r="GJ40" s="331">
        <v>140562</v>
      </c>
      <c r="GK40" s="332">
        <v>0</v>
      </c>
      <c r="GL40" s="327">
        <v>58806</v>
      </c>
      <c r="GM40" s="327">
        <v>22869</v>
      </c>
      <c r="GN40" s="327">
        <v>33696</v>
      </c>
      <c r="GO40" s="327">
        <v>0</v>
      </c>
      <c r="GP40" s="327">
        <v>0</v>
      </c>
      <c r="GQ40" s="328">
        <v>115371</v>
      </c>
      <c r="GR40" s="330">
        <v>255933</v>
      </c>
      <c r="GS40" s="326">
        <v>65637</v>
      </c>
      <c r="GT40" s="327">
        <v>205920</v>
      </c>
      <c r="GU40" s="328">
        <v>271557</v>
      </c>
      <c r="GV40" s="326">
        <v>0</v>
      </c>
      <c r="GW40" s="327">
        <v>447744</v>
      </c>
      <c r="GX40" s="327">
        <v>288288</v>
      </c>
      <c r="GY40" s="327">
        <v>149490</v>
      </c>
      <c r="GZ40" s="327">
        <v>0</v>
      </c>
      <c r="HA40" s="327">
        <v>0</v>
      </c>
      <c r="HB40" s="331">
        <v>885522</v>
      </c>
      <c r="HC40" s="330">
        <v>1157079</v>
      </c>
      <c r="HD40" s="326">
        <v>909551</v>
      </c>
      <c r="HE40" s="327">
        <v>1146177</v>
      </c>
      <c r="HF40" s="331">
        <v>2055728</v>
      </c>
      <c r="HG40" s="332">
        <v>0</v>
      </c>
      <c r="HH40" s="327">
        <v>6690957</v>
      </c>
      <c r="HI40" s="327">
        <v>2826944</v>
      </c>
      <c r="HJ40" s="327">
        <v>3852172</v>
      </c>
      <c r="HK40" s="327">
        <v>8614278</v>
      </c>
      <c r="HL40" s="327">
        <v>2965484</v>
      </c>
      <c r="HM40" s="328">
        <v>24949835</v>
      </c>
      <c r="HN40" s="329">
        <v>27005563</v>
      </c>
      <c r="HO40" s="333">
        <v>357255</v>
      </c>
      <c r="HP40" s="327">
        <v>591180</v>
      </c>
      <c r="HQ40" s="328">
        <v>948435</v>
      </c>
      <c r="HR40" s="326">
        <v>0</v>
      </c>
      <c r="HS40" s="327">
        <v>4260292</v>
      </c>
      <c r="HT40" s="327">
        <v>2431570</v>
      </c>
      <c r="HU40" s="327">
        <v>1698926</v>
      </c>
      <c r="HV40" s="327">
        <v>1343048</v>
      </c>
      <c r="HW40" s="327">
        <v>834506</v>
      </c>
      <c r="HX40" s="331">
        <v>10568342</v>
      </c>
      <c r="HY40" s="330">
        <v>11516777</v>
      </c>
      <c r="HZ40" s="358">
        <v>112375</v>
      </c>
      <c r="IA40" s="356">
        <v>229347</v>
      </c>
      <c r="IB40" s="358">
        <v>341722</v>
      </c>
      <c r="IC40" s="338">
        <v>0</v>
      </c>
      <c r="ID40" s="336">
        <v>6273911</v>
      </c>
      <c r="IE40" s="339">
        <v>5647642</v>
      </c>
      <c r="IF40" s="337">
        <v>7545950</v>
      </c>
      <c r="IG40" s="336">
        <v>4844787</v>
      </c>
      <c r="IH40" s="337">
        <v>2983086</v>
      </c>
      <c r="II40" s="340">
        <v>27295376</v>
      </c>
      <c r="IJ40" s="358">
        <v>27637098</v>
      </c>
      <c r="IK40" s="342">
        <v>0</v>
      </c>
      <c r="IL40" s="343">
        <v>0</v>
      </c>
      <c r="IM40" s="344">
        <v>0</v>
      </c>
      <c r="IN40" s="404">
        <v>0</v>
      </c>
      <c r="IO40" s="345">
        <v>86809</v>
      </c>
      <c r="IP40" s="345">
        <v>134887</v>
      </c>
      <c r="IQ40" s="345">
        <v>325045</v>
      </c>
      <c r="IR40" s="345">
        <v>0</v>
      </c>
      <c r="IS40" s="345">
        <v>275148</v>
      </c>
      <c r="IT40" s="346">
        <v>821889</v>
      </c>
      <c r="IU40" s="347">
        <v>821889</v>
      </c>
      <c r="IV40" s="348">
        <v>0</v>
      </c>
      <c r="IW40" s="345">
        <v>0</v>
      </c>
      <c r="IX40" s="349">
        <v>0</v>
      </c>
      <c r="IY40" s="413">
        <v>0</v>
      </c>
      <c r="IZ40" s="345">
        <v>0</v>
      </c>
      <c r="JA40" s="345">
        <v>0</v>
      </c>
      <c r="JB40" s="345">
        <v>0</v>
      </c>
      <c r="JC40" s="345">
        <v>0</v>
      </c>
      <c r="JD40" s="345">
        <v>0</v>
      </c>
      <c r="JE40" s="349">
        <v>0</v>
      </c>
      <c r="JF40" s="350">
        <v>0</v>
      </c>
      <c r="JG40" s="348">
        <v>0</v>
      </c>
      <c r="JH40" s="345">
        <v>0</v>
      </c>
      <c r="JI40" s="346">
        <v>0</v>
      </c>
      <c r="JJ40" s="351">
        <v>0</v>
      </c>
      <c r="JK40" s="345">
        <v>1413894</v>
      </c>
      <c r="JL40" s="345">
        <v>1121040</v>
      </c>
      <c r="JM40" s="345">
        <v>1705480</v>
      </c>
      <c r="JN40" s="345">
        <v>1161924</v>
      </c>
      <c r="JO40" s="345">
        <v>350253</v>
      </c>
      <c r="JP40" s="349">
        <v>5752591</v>
      </c>
      <c r="JQ40" s="347">
        <v>5752591</v>
      </c>
      <c r="JR40" s="348">
        <v>0</v>
      </c>
      <c r="JS40" s="345">
        <v>0</v>
      </c>
      <c r="JT40" s="346">
        <v>0</v>
      </c>
      <c r="JU40" s="351">
        <v>0</v>
      </c>
      <c r="JV40" s="345">
        <v>0</v>
      </c>
      <c r="JW40" s="345">
        <v>0</v>
      </c>
      <c r="JX40" s="345">
        <v>0</v>
      </c>
      <c r="JY40" s="345">
        <v>0</v>
      </c>
      <c r="JZ40" s="345">
        <v>0</v>
      </c>
      <c r="KA40" s="349">
        <v>0</v>
      </c>
      <c r="KB40" s="347">
        <v>0</v>
      </c>
      <c r="KC40" s="352">
        <v>112375</v>
      </c>
      <c r="KD40" s="353">
        <v>229347</v>
      </c>
      <c r="KE40" s="349">
        <v>341722</v>
      </c>
      <c r="KF40" s="351">
        <v>0</v>
      </c>
      <c r="KG40" s="345">
        <v>1104498</v>
      </c>
      <c r="KH40" s="345">
        <v>836586</v>
      </c>
      <c r="KI40" s="345">
        <v>2070693</v>
      </c>
      <c r="KJ40" s="345">
        <v>783270</v>
      </c>
      <c r="KK40" s="345">
        <v>281043</v>
      </c>
      <c r="KL40" s="349">
        <v>5076090</v>
      </c>
      <c r="KM40" s="354">
        <v>5417812</v>
      </c>
      <c r="KN40" s="342">
        <v>0</v>
      </c>
      <c r="KO40" s="343">
        <v>0</v>
      </c>
      <c r="KP40" s="344">
        <v>0</v>
      </c>
      <c r="KQ40" s="413">
        <v>0</v>
      </c>
      <c r="KR40" s="345">
        <v>3668710</v>
      </c>
      <c r="KS40" s="345">
        <v>3555129</v>
      </c>
      <c r="KT40" s="345">
        <v>3444732</v>
      </c>
      <c r="KU40" s="345">
        <v>2899593</v>
      </c>
      <c r="KV40" s="345">
        <v>2076642</v>
      </c>
      <c r="KW40" s="349">
        <v>15644806</v>
      </c>
      <c r="KX40" s="347">
        <v>15644806</v>
      </c>
      <c r="KY40" s="348">
        <v>0</v>
      </c>
      <c r="KZ40" s="345">
        <v>0</v>
      </c>
      <c r="LA40" s="349">
        <v>0</v>
      </c>
      <c r="LB40" s="413">
        <v>0</v>
      </c>
      <c r="LC40" s="345">
        <v>0</v>
      </c>
      <c r="LD40" s="345">
        <v>0</v>
      </c>
      <c r="LE40" s="345">
        <v>0</v>
      </c>
      <c r="LF40" s="345">
        <v>0</v>
      </c>
      <c r="LG40" s="345">
        <v>0</v>
      </c>
      <c r="LH40" s="349">
        <v>0</v>
      </c>
      <c r="LI40" s="350">
        <v>0</v>
      </c>
      <c r="LJ40" s="348">
        <v>0</v>
      </c>
      <c r="LK40" s="345">
        <v>0</v>
      </c>
      <c r="LL40" s="349">
        <v>0</v>
      </c>
      <c r="LM40" s="413">
        <v>0</v>
      </c>
      <c r="LN40" s="345">
        <v>0</v>
      </c>
      <c r="LO40" s="345">
        <v>0</v>
      </c>
      <c r="LP40" s="345">
        <v>0</v>
      </c>
      <c r="LQ40" s="345">
        <v>0</v>
      </c>
      <c r="LR40" s="345">
        <v>0</v>
      </c>
      <c r="LS40" s="349">
        <v>0</v>
      </c>
      <c r="LT40" s="347">
        <v>0</v>
      </c>
      <c r="LU40" s="348">
        <v>0</v>
      </c>
      <c r="LV40" s="345">
        <v>0</v>
      </c>
      <c r="LW40" s="349">
        <v>0</v>
      </c>
      <c r="LX40" s="413">
        <v>0</v>
      </c>
      <c r="LY40" s="345">
        <v>0</v>
      </c>
      <c r="LZ40" s="345">
        <v>0</v>
      </c>
      <c r="MA40" s="345">
        <v>0</v>
      </c>
      <c r="MB40" s="345">
        <v>0</v>
      </c>
      <c r="MC40" s="345">
        <v>0</v>
      </c>
      <c r="MD40" s="349">
        <v>0</v>
      </c>
      <c r="ME40" s="350">
        <v>0</v>
      </c>
      <c r="MF40" s="348">
        <v>0</v>
      </c>
      <c r="MG40" s="345">
        <v>0</v>
      </c>
      <c r="MH40" s="349">
        <v>0</v>
      </c>
      <c r="MI40" s="413">
        <v>0</v>
      </c>
      <c r="MJ40" s="345">
        <v>4825953</v>
      </c>
      <c r="MK40" s="345">
        <v>11434770</v>
      </c>
      <c r="ML40" s="345">
        <v>15845439</v>
      </c>
      <c r="MM40" s="345">
        <v>19800476</v>
      </c>
      <c r="MN40" s="345">
        <v>13378022</v>
      </c>
      <c r="MO40" s="349">
        <v>65284660</v>
      </c>
      <c r="MP40" s="354">
        <v>65284660</v>
      </c>
      <c r="MQ40" s="348">
        <v>0</v>
      </c>
      <c r="MR40" s="345">
        <v>0</v>
      </c>
      <c r="MS40" s="349">
        <v>0</v>
      </c>
      <c r="MT40" s="413">
        <v>0</v>
      </c>
      <c r="MU40" s="345">
        <v>210015</v>
      </c>
      <c r="MV40" s="345">
        <v>291641</v>
      </c>
      <c r="MW40" s="345">
        <v>6296836</v>
      </c>
      <c r="MX40" s="345">
        <v>14271876</v>
      </c>
      <c r="MY40" s="345">
        <v>8340318</v>
      </c>
      <c r="MZ40" s="349">
        <v>29410686</v>
      </c>
      <c r="NA40" s="354">
        <v>29410686</v>
      </c>
      <c r="NB40" s="348">
        <v>0</v>
      </c>
      <c r="NC40" s="345">
        <v>0</v>
      </c>
      <c r="ND40" s="349">
        <v>0</v>
      </c>
      <c r="NE40" s="413">
        <v>0</v>
      </c>
      <c r="NF40" s="345">
        <v>4132638</v>
      </c>
      <c r="NG40" s="345">
        <v>10099102</v>
      </c>
      <c r="NH40" s="345">
        <v>8205839</v>
      </c>
      <c r="NI40" s="345">
        <v>4115808</v>
      </c>
      <c r="NJ40" s="345">
        <v>3101355</v>
      </c>
      <c r="NK40" s="349">
        <v>29654742</v>
      </c>
      <c r="NL40" s="347">
        <v>29654742</v>
      </c>
      <c r="NM40" s="348">
        <v>0</v>
      </c>
      <c r="NN40" s="345">
        <v>0</v>
      </c>
      <c r="NO40" s="349">
        <v>0</v>
      </c>
      <c r="NP40" s="413">
        <v>0</v>
      </c>
      <c r="NQ40" s="345">
        <v>0</v>
      </c>
      <c r="NR40" s="345">
        <v>0</v>
      </c>
      <c r="NS40" s="345">
        <v>0</v>
      </c>
      <c r="NT40" s="345">
        <v>0</v>
      </c>
      <c r="NU40" s="345">
        <v>0</v>
      </c>
      <c r="NV40" s="349">
        <v>0</v>
      </c>
      <c r="NW40" s="350">
        <v>0</v>
      </c>
      <c r="NX40" s="348">
        <v>0</v>
      </c>
      <c r="NY40" s="345">
        <v>0</v>
      </c>
      <c r="NZ40" s="349">
        <v>0</v>
      </c>
      <c r="OA40" s="413">
        <v>0</v>
      </c>
      <c r="OB40" s="345">
        <v>483300</v>
      </c>
      <c r="OC40" s="345">
        <v>1044027</v>
      </c>
      <c r="OD40" s="345">
        <v>1342764</v>
      </c>
      <c r="OE40" s="345">
        <v>1412792</v>
      </c>
      <c r="OF40" s="345">
        <v>1936349</v>
      </c>
      <c r="OG40" s="349">
        <v>6219232</v>
      </c>
      <c r="OH40" s="350">
        <v>6219232</v>
      </c>
      <c r="OI40" s="348">
        <v>2563767</v>
      </c>
      <c r="OJ40" s="345">
        <v>5149266</v>
      </c>
      <c r="OK40" s="346">
        <v>7713033</v>
      </c>
      <c r="OL40" s="351">
        <v>0</v>
      </c>
      <c r="OM40" s="345">
        <v>45628793</v>
      </c>
      <c r="ON40" s="345">
        <v>40694991</v>
      </c>
      <c r="OO40" s="345">
        <v>43632460</v>
      </c>
      <c r="OP40" s="345">
        <v>49881673</v>
      </c>
      <c r="OQ40" s="345">
        <v>32408501</v>
      </c>
      <c r="OR40" s="349">
        <v>212246418</v>
      </c>
      <c r="OS40" s="354">
        <v>219959451</v>
      </c>
    </row>
    <row r="41" spans="2:409" s="70" customFormat="1" ht="21" customHeight="1" x14ac:dyDescent="0.2">
      <c r="B41" s="410" t="s">
        <v>36</v>
      </c>
      <c r="C41" s="326">
        <v>1288750</v>
      </c>
      <c r="D41" s="327">
        <v>3442175</v>
      </c>
      <c r="E41" s="328">
        <v>4730925</v>
      </c>
      <c r="F41" s="329">
        <v>0</v>
      </c>
      <c r="G41" s="327">
        <v>23894426</v>
      </c>
      <c r="H41" s="327">
        <v>32730315</v>
      </c>
      <c r="I41" s="327">
        <v>25013485</v>
      </c>
      <c r="J41" s="327">
        <v>18233190</v>
      </c>
      <c r="K41" s="327">
        <v>19603023</v>
      </c>
      <c r="L41" s="367">
        <v>119474439</v>
      </c>
      <c r="M41" s="330">
        <v>124205364</v>
      </c>
      <c r="N41" s="326">
        <v>263322</v>
      </c>
      <c r="O41" s="327">
        <v>1389622</v>
      </c>
      <c r="P41" s="328">
        <v>1652944</v>
      </c>
      <c r="Q41" s="326">
        <v>0</v>
      </c>
      <c r="R41" s="327">
        <v>6155810</v>
      </c>
      <c r="S41" s="327">
        <v>10506281</v>
      </c>
      <c r="T41" s="327">
        <v>8208225</v>
      </c>
      <c r="U41" s="327">
        <v>6403416</v>
      </c>
      <c r="V41" s="327">
        <v>10720605</v>
      </c>
      <c r="W41" s="328">
        <v>41994337</v>
      </c>
      <c r="X41" s="330">
        <v>43647281</v>
      </c>
      <c r="Y41" s="326">
        <v>0</v>
      </c>
      <c r="Z41" s="327">
        <v>0</v>
      </c>
      <c r="AA41" s="328">
        <v>0</v>
      </c>
      <c r="AB41" s="326">
        <v>0</v>
      </c>
      <c r="AC41" s="327">
        <v>2274225</v>
      </c>
      <c r="AD41" s="327">
        <v>5563869</v>
      </c>
      <c r="AE41" s="327">
        <v>3939960</v>
      </c>
      <c r="AF41" s="327">
        <v>2969569</v>
      </c>
      <c r="AG41" s="327">
        <v>6441286</v>
      </c>
      <c r="AH41" s="328">
        <v>21188909</v>
      </c>
      <c r="AI41" s="330">
        <v>21188909</v>
      </c>
      <c r="AJ41" s="326">
        <v>0</v>
      </c>
      <c r="AK41" s="327">
        <v>36736</v>
      </c>
      <c r="AL41" s="328">
        <v>36736</v>
      </c>
      <c r="AM41" s="326">
        <v>0</v>
      </c>
      <c r="AN41" s="327">
        <v>65198</v>
      </c>
      <c r="AO41" s="327">
        <v>226384</v>
      </c>
      <c r="AP41" s="327">
        <v>659533</v>
      </c>
      <c r="AQ41" s="327">
        <v>496736</v>
      </c>
      <c r="AR41" s="327">
        <v>818522</v>
      </c>
      <c r="AS41" s="328">
        <v>2266373</v>
      </c>
      <c r="AT41" s="330">
        <v>2303109</v>
      </c>
      <c r="AU41" s="326">
        <v>153604</v>
      </c>
      <c r="AV41" s="327">
        <v>882120</v>
      </c>
      <c r="AW41" s="328">
        <v>1035724</v>
      </c>
      <c r="AX41" s="326">
        <v>0</v>
      </c>
      <c r="AY41" s="327">
        <v>2231608</v>
      </c>
      <c r="AZ41" s="327">
        <v>2450984</v>
      </c>
      <c r="BA41" s="327">
        <v>2174609</v>
      </c>
      <c r="BB41" s="327">
        <v>1926095</v>
      </c>
      <c r="BC41" s="327">
        <v>2422333</v>
      </c>
      <c r="BD41" s="328">
        <v>11205629</v>
      </c>
      <c r="BE41" s="330">
        <v>12241353</v>
      </c>
      <c r="BF41" s="326">
        <v>44473</v>
      </c>
      <c r="BG41" s="327">
        <v>399918</v>
      </c>
      <c r="BH41" s="331">
        <v>444391</v>
      </c>
      <c r="BI41" s="332">
        <v>0</v>
      </c>
      <c r="BJ41" s="327">
        <v>620513</v>
      </c>
      <c r="BK41" s="327">
        <v>593454</v>
      </c>
      <c r="BL41" s="327">
        <v>222775</v>
      </c>
      <c r="BM41" s="327">
        <v>257756</v>
      </c>
      <c r="BN41" s="327">
        <v>187573</v>
      </c>
      <c r="BO41" s="328">
        <v>1882071</v>
      </c>
      <c r="BP41" s="330">
        <v>2326462</v>
      </c>
      <c r="BQ41" s="326">
        <v>65245</v>
      </c>
      <c r="BR41" s="327">
        <v>70848</v>
      </c>
      <c r="BS41" s="328">
        <v>136093</v>
      </c>
      <c r="BT41" s="326">
        <v>0</v>
      </c>
      <c r="BU41" s="327">
        <v>964266</v>
      </c>
      <c r="BV41" s="327">
        <v>1671590</v>
      </c>
      <c r="BW41" s="327">
        <v>1211348</v>
      </c>
      <c r="BX41" s="327">
        <v>753260</v>
      </c>
      <c r="BY41" s="327">
        <v>850891</v>
      </c>
      <c r="BZ41" s="328">
        <v>5451355</v>
      </c>
      <c r="CA41" s="330">
        <v>5587448</v>
      </c>
      <c r="CB41" s="326">
        <v>213736</v>
      </c>
      <c r="CC41" s="327">
        <v>345110</v>
      </c>
      <c r="CD41" s="328">
        <v>558846</v>
      </c>
      <c r="CE41" s="326">
        <v>0</v>
      </c>
      <c r="CF41" s="327">
        <v>7212097</v>
      </c>
      <c r="CG41" s="327">
        <v>11040568</v>
      </c>
      <c r="CH41" s="327">
        <v>6816989</v>
      </c>
      <c r="CI41" s="327">
        <v>4710476</v>
      </c>
      <c r="CJ41" s="327">
        <v>3667467</v>
      </c>
      <c r="CK41" s="328">
        <v>33447597</v>
      </c>
      <c r="CL41" s="330">
        <v>34006443</v>
      </c>
      <c r="CM41" s="326">
        <v>0</v>
      </c>
      <c r="CN41" s="327">
        <v>0</v>
      </c>
      <c r="CO41" s="328">
        <v>0</v>
      </c>
      <c r="CP41" s="332">
        <v>0</v>
      </c>
      <c r="CQ41" s="327">
        <v>5305216</v>
      </c>
      <c r="CR41" s="327">
        <v>8061129</v>
      </c>
      <c r="CS41" s="327">
        <v>5193911</v>
      </c>
      <c r="CT41" s="327">
        <v>3781430</v>
      </c>
      <c r="CU41" s="327">
        <v>3430210</v>
      </c>
      <c r="CV41" s="328">
        <v>25771896</v>
      </c>
      <c r="CW41" s="330">
        <v>25771896</v>
      </c>
      <c r="CX41" s="326">
        <v>213736</v>
      </c>
      <c r="CY41" s="327">
        <v>345110</v>
      </c>
      <c r="CZ41" s="328">
        <v>558846</v>
      </c>
      <c r="DA41" s="326">
        <v>0</v>
      </c>
      <c r="DB41" s="327">
        <v>1906881</v>
      </c>
      <c r="DC41" s="327">
        <v>2979439</v>
      </c>
      <c r="DD41" s="327">
        <v>1623078</v>
      </c>
      <c r="DE41" s="327">
        <v>929046</v>
      </c>
      <c r="DF41" s="327">
        <v>237257</v>
      </c>
      <c r="DG41" s="328">
        <v>7675701</v>
      </c>
      <c r="DH41" s="330">
        <v>8234547</v>
      </c>
      <c r="DI41" s="326">
        <v>27553</v>
      </c>
      <c r="DJ41" s="327">
        <v>25588</v>
      </c>
      <c r="DK41" s="331">
        <v>53141</v>
      </c>
      <c r="DL41" s="332">
        <v>0</v>
      </c>
      <c r="DM41" s="327">
        <v>674285</v>
      </c>
      <c r="DN41" s="327">
        <v>1528758</v>
      </c>
      <c r="DO41" s="327">
        <v>2073297</v>
      </c>
      <c r="DP41" s="327">
        <v>2370648</v>
      </c>
      <c r="DQ41" s="327">
        <v>1761156</v>
      </c>
      <c r="DR41" s="328">
        <v>8408144</v>
      </c>
      <c r="DS41" s="330">
        <v>8461285</v>
      </c>
      <c r="DT41" s="326">
        <v>27553</v>
      </c>
      <c r="DU41" s="327">
        <v>25588</v>
      </c>
      <c r="DV41" s="328">
        <v>53141</v>
      </c>
      <c r="DW41" s="326">
        <v>0</v>
      </c>
      <c r="DX41" s="327">
        <v>624929</v>
      </c>
      <c r="DY41" s="327">
        <v>1425286</v>
      </c>
      <c r="DZ41" s="327">
        <v>2073297</v>
      </c>
      <c r="EA41" s="327">
        <v>2241099</v>
      </c>
      <c r="EB41" s="327">
        <v>1761156</v>
      </c>
      <c r="EC41" s="328">
        <v>8125767</v>
      </c>
      <c r="ED41" s="330">
        <v>8178908</v>
      </c>
      <c r="EE41" s="326">
        <v>0</v>
      </c>
      <c r="EF41" s="331">
        <v>0</v>
      </c>
      <c r="EG41" s="328">
        <v>0</v>
      </c>
      <c r="EH41" s="326">
        <v>0</v>
      </c>
      <c r="EI41" s="327">
        <v>49356</v>
      </c>
      <c r="EJ41" s="327">
        <v>103472</v>
      </c>
      <c r="EK41" s="327">
        <v>0</v>
      </c>
      <c r="EL41" s="327">
        <v>129549</v>
      </c>
      <c r="EM41" s="327">
        <v>0</v>
      </c>
      <c r="EN41" s="331">
        <v>282377</v>
      </c>
      <c r="EO41" s="330">
        <v>282377</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320593</v>
      </c>
      <c r="FM41" s="327">
        <v>881324</v>
      </c>
      <c r="FN41" s="328">
        <v>1201917</v>
      </c>
      <c r="FO41" s="326">
        <v>0</v>
      </c>
      <c r="FP41" s="327">
        <v>2477799</v>
      </c>
      <c r="FQ41" s="327">
        <v>2930505</v>
      </c>
      <c r="FR41" s="327">
        <v>2270768</v>
      </c>
      <c r="FS41" s="327">
        <v>1843357</v>
      </c>
      <c r="FT41" s="327">
        <v>1305247</v>
      </c>
      <c r="FU41" s="328">
        <v>10827676</v>
      </c>
      <c r="FV41" s="330">
        <v>12029593</v>
      </c>
      <c r="FW41" s="333">
        <v>292153</v>
      </c>
      <c r="FX41" s="327">
        <v>842714</v>
      </c>
      <c r="FY41" s="331">
        <v>1134867</v>
      </c>
      <c r="FZ41" s="332">
        <v>0</v>
      </c>
      <c r="GA41" s="327">
        <v>1599588</v>
      </c>
      <c r="GB41" s="327">
        <v>2853555</v>
      </c>
      <c r="GC41" s="327">
        <v>2185402</v>
      </c>
      <c r="GD41" s="327">
        <v>1595047</v>
      </c>
      <c r="GE41" s="327">
        <v>1305247</v>
      </c>
      <c r="GF41" s="328">
        <v>9538839</v>
      </c>
      <c r="GG41" s="334">
        <v>10673706</v>
      </c>
      <c r="GH41" s="333">
        <v>28440</v>
      </c>
      <c r="GI41" s="327">
        <v>0</v>
      </c>
      <c r="GJ41" s="331">
        <v>28440</v>
      </c>
      <c r="GK41" s="332">
        <v>0</v>
      </c>
      <c r="GL41" s="327">
        <v>129690</v>
      </c>
      <c r="GM41" s="327">
        <v>52200</v>
      </c>
      <c r="GN41" s="327">
        <v>55926</v>
      </c>
      <c r="GO41" s="327">
        <v>6930</v>
      </c>
      <c r="GP41" s="327">
        <v>0</v>
      </c>
      <c r="GQ41" s="328">
        <v>244746</v>
      </c>
      <c r="GR41" s="330">
        <v>273186</v>
      </c>
      <c r="GS41" s="326">
        <v>0</v>
      </c>
      <c r="GT41" s="327">
        <v>38610</v>
      </c>
      <c r="GU41" s="328">
        <v>38610</v>
      </c>
      <c r="GV41" s="326">
        <v>0</v>
      </c>
      <c r="GW41" s="327">
        <v>748521</v>
      </c>
      <c r="GX41" s="327">
        <v>24750</v>
      </c>
      <c r="GY41" s="327">
        <v>29440</v>
      </c>
      <c r="GZ41" s="327">
        <v>241380</v>
      </c>
      <c r="HA41" s="327">
        <v>0</v>
      </c>
      <c r="HB41" s="331">
        <v>1044091</v>
      </c>
      <c r="HC41" s="330">
        <v>1082701</v>
      </c>
      <c r="HD41" s="326">
        <v>201588</v>
      </c>
      <c r="HE41" s="327">
        <v>106887</v>
      </c>
      <c r="HF41" s="331">
        <v>308475</v>
      </c>
      <c r="HG41" s="332">
        <v>0</v>
      </c>
      <c r="HH41" s="327">
        <v>3619098</v>
      </c>
      <c r="HI41" s="327">
        <v>3007161</v>
      </c>
      <c r="HJ41" s="327">
        <v>3148860</v>
      </c>
      <c r="HK41" s="327">
        <v>1391673</v>
      </c>
      <c r="HL41" s="327">
        <v>941467</v>
      </c>
      <c r="HM41" s="328">
        <v>12108259</v>
      </c>
      <c r="HN41" s="329">
        <v>12416734</v>
      </c>
      <c r="HO41" s="333">
        <v>261958</v>
      </c>
      <c r="HP41" s="327">
        <v>693644</v>
      </c>
      <c r="HQ41" s="328">
        <v>955602</v>
      </c>
      <c r="HR41" s="326">
        <v>0</v>
      </c>
      <c r="HS41" s="327">
        <v>3755337</v>
      </c>
      <c r="HT41" s="327">
        <v>3717042</v>
      </c>
      <c r="HU41" s="327">
        <v>2495346</v>
      </c>
      <c r="HV41" s="327">
        <v>1513620</v>
      </c>
      <c r="HW41" s="327">
        <v>1207081</v>
      </c>
      <c r="HX41" s="331">
        <v>12688426</v>
      </c>
      <c r="HY41" s="330">
        <v>13644028</v>
      </c>
      <c r="HZ41" s="335">
        <v>39821</v>
      </c>
      <c r="IA41" s="336">
        <v>0</v>
      </c>
      <c r="IB41" s="337">
        <v>39821</v>
      </c>
      <c r="IC41" s="338">
        <v>0</v>
      </c>
      <c r="ID41" s="336">
        <v>6935445</v>
      </c>
      <c r="IE41" s="339">
        <v>10443851</v>
      </c>
      <c r="IF41" s="337">
        <v>12115378</v>
      </c>
      <c r="IG41" s="336">
        <v>4536349</v>
      </c>
      <c r="IH41" s="337">
        <v>4956163</v>
      </c>
      <c r="II41" s="340">
        <v>38987186</v>
      </c>
      <c r="IJ41" s="341">
        <v>39027007</v>
      </c>
      <c r="IK41" s="342">
        <v>0</v>
      </c>
      <c r="IL41" s="343">
        <v>0</v>
      </c>
      <c r="IM41" s="344">
        <v>0</v>
      </c>
      <c r="IN41" s="404">
        <v>0</v>
      </c>
      <c r="IO41" s="345">
        <v>0</v>
      </c>
      <c r="IP41" s="345">
        <v>130398</v>
      </c>
      <c r="IQ41" s="345">
        <v>179396</v>
      </c>
      <c r="IR41" s="345">
        <v>0</v>
      </c>
      <c r="IS41" s="345">
        <v>0</v>
      </c>
      <c r="IT41" s="346">
        <v>309794</v>
      </c>
      <c r="IU41" s="347">
        <v>309794</v>
      </c>
      <c r="IV41" s="348">
        <v>0</v>
      </c>
      <c r="IW41" s="345">
        <v>0</v>
      </c>
      <c r="IX41" s="349">
        <v>0</v>
      </c>
      <c r="IY41" s="413">
        <v>0</v>
      </c>
      <c r="IZ41" s="345">
        <v>0</v>
      </c>
      <c r="JA41" s="345">
        <v>0</v>
      </c>
      <c r="JB41" s="345">
        <v>0</v>
      </c>
      <c r="JC41" s="345">
        <v>0</v>
      </c>
      <c r="JD41" s="345">
        <v>0</v>
      </c>
      <c r="JE41" s="349">
        <v>0</v>
      </c>
      <c r="JF41" s="350">
        <v>0</v>
      </c>
      <c r="JG41" s="348">
        <v>0</v>
      </c>
      <c r="JH41" s="345">
        <v>0</v>
      </c>
      <c r="JI41" s="346">
        <v>0</v>
      </c>
      <c r="JJ41" s="351">
        <v>0</v>
      </c>
      <c r="JK41" s="345">
        <v>2770795</v>
      </c>
      <c r="JL41" s="345">
        <v>2842235</v>
      </c>
      <c r="JM41" s="345">
        <v>5084787</v>
      </c>
      <c r="JN41" s="345">
        <v>1850500</v>
      </c>
      <c r="JO41" s="345">
        <v>3409608</v>
      </c>
      <c r="JP41" s="349">
        <v>15957925</v>
      </c>
      <c r="JQ41" s="347">
        <v>15957925</v>
      </c>
      <c r="JR41" s="348">
        <v>0</v>
      </c>
      <c r="JS41" s="345">
        <v>0</v>
      </c>
      <c r="JT41" s="346">
        <v>0</v>
      </c>
      <c r="JU41" s="351">
        <v>0</v>
      </c>
      <c r="JV41" s="345">
        <v>0</v>
      </c>
      <c r="JW41" s="345">
        <v>0</v>
      </c>
      <c r="JX41" s="345">
        <v>0</v>
      </c>
      <c r="JY41" s="345">
        <v>0</v>
      </c>
      <c r="JZ41" s="345">
        <v>0</v>
      </c>
      <c r="KA41" s="349">
        <v>0</v>
      </c>
      <c r="KB41" s="347">
        <v>0</v>
      </c>
      <c r="KC41" s="352">
        <v>39821</v>
      </c>
      <c r="KD41" s="353">
        <v>0</v>
      </c>
      <c r="KE41" s="349">
        <v>39821</v>
      </c>
      <c r="KF41" s="351">
        <v>0</v>
      </c>
      <c r="KG41" s="345">
        <v>2281597</v>
      </c>
      <c r="KH41" s="345">
        <v>2106360</v>
      </c>
      <c r="KI41" s="345">
        <v>3120647</v>
      </c>
      <c r="KJ41" s="345">
        <v>506253</v>
      </c>
      <c r="KK41" s="345">
        <v>628121</v>
      </c>
      <c r="KL41" s="349">
        <v>8642978</v>
      </c>
      <c r="KM41" s="354">
        <v>8682799</v>
      </c>
      <c r="KN41" s="342">
        <v>0</v>
      </c>
      <c r="KO41" s="343">
        <v>0</v>
      </c>
      <c r="KP41" s="344">
        <v>0</v>
      </c>
      <c r="KQ41" s="413">
        <v>0</v>
      </c>
      <c r="KR41" s="345">
        <v>1883053</v>
      </c>
      <c r="KS41" s="345">
        <v>5364858</v>
      </c>
      <c r="KT41" s="345">
        <v>3730548</v>
      </c>
      <c r="KU41" s="345">
        <v>2179596</v>
      </c>
      <c r="KV41" s="345">
        <v>918434</v>
      </c>
      <c r="KW41" s="349">
        <v>14076489</v>
      </c>
      <c r="KX41" s="347">
        <v>14076489</v>
      </c>
      <c r="KY41" s="348">
        <v>0</v>
      </c>
      <c r="KZ41" s="345">
        <v>0</v>
      </c>
      <c r="LA41" s="349">
        <v>0</v>
      </c>
      <c r="LB41" s="413">
        <v>0</v>
      </c>
      <c r="LC41" s="345">
        <v>0</v>
      </c>
      <c r="LD41" s="345">
        <v>0</v>
      </c>
      <c r="LE41" s="345">
        <v>0</v>
      </c>
      <c r="LF41" s="345">
        <v>0</v>
      </c>
      <c r="LG41" s="345">
        <v>0</v>
      </c>
      <c r="LH41" s="349">
        <v>0</v>
      </c>
      <c r="LI41" s="350">
        <v>0</v>
      </c>
      <c r="LJ41" s="348">
        <v>0</v>
      </c>
      <c r="LK41" s="345">
        <v>0</v>
      </c>
      <c r="LL41" s="349">
        <v>0</v>
      </c>
      <c r="LM41" s="413">
        <v>0</v>
      </c>
      <c r="LN41" s="345">
        <v>0</v>
      </c>
      <c r="LO41" s="345">
        <v>0</v>
      </c>
      <c r="LP41" s="345">
        <v>0</v>
      </c>
      <c r="LQ41" s="345">
        <v>0</v>
      </c>
      <c r="LR41" s="345">
        <v>0</v>
      </c>
      <c r="LS41" s="349">
        <v>0</v>
      </c>
      <c r="LT41" s="347">
        <v>0</v>
      </c>
      <c r="LU41" s="348">
        <v>0</v>
      </c>
      <c r="LV41" s="345">
        <v>0</v>
      </c>
      <c r="LW41" s="349">
        <v>0</v>
      </c>
      <c r="LX41" s="413">
        <v>0</v>
      </c>
      <c r="LY41" s="345">
        <v>0</v>
      </c>
      <c r="LZ41" s="345">
        <v>0</v>
      </c>
      <c r="MA41" s="345">
        <v>0</v>
      </c>
      <c r="MB41" s="345">
        <v>0</v>
      </c>
      <c r="MC41" s="345">
        <v>0</v>
      </c>
      <c r="MD41" s="349">
        <v>0</v>
      </c>
      <c r="ME41" s="350">
        <v>0</v>
      </c>
      <c r="MF41" s="348">
        <v>0</v>
      </c>
      <c r="MG41" s="345">
        <v>0</v>
      </c>
      <c r="MH41" s="349">
        <v>0</v>
      </c>
      <c r="MI41" s="413">
        <v>0</v>
      </c>
      <c r="MJ41" s="345">
        <v>2396543</v>
      </c>
      <c r="MK41" s="345">
        <v>6088601</v>
      </c>
      <c r="ML41" s="345">
        <v>30290048</v>
      </c>
      <c r="MM41" s="345">
        <v>42248901</v>
      </c>
      <c r="MN41" s="345">
        <v>27870811</v>
      </c>
      <c r="MO41" s="349">
        <v>108894904</v>
      </c>
      <c r="MP41" s="354">
        <v>108894904</v>
      </c>
      <c r="MQ41" s="348">
        <v>0</v>
      </c>
      <c r="MR41" s="345">
        <v>0</v>
      </c>
      <c r="MS41" s="349">
        <v>0</v>
      </c>
      <c r="MT41" s="413">
        <v>0</v>
      </c>
      <c r="MU41" s="345">
        <v>0</v>
      </c>
      <c r="MV41" s="345">
        <v>770189</v>
      </c>
      <c r="MW41" s="345">
        <v>19622565</v>
      </c>
      <c r="MX41" s="345">
        <v>23692816</v>
      </c>
      <c r="MY41" s="345">
        <v>19237660</v>
      </c>
      <c r="MZ41" s="349">
        <v>63323230</v>
      </c>
      <c r="NA41" s="354">
        <v>63323230</v>
      </c>
      <c r="NB41" s="348">
        <v>0</v>
      </c>
      <c r="NC41" s="345">
        <v>0</v>
      </c>
      <c r="ND41" s="349">
        <v>0</v>
      </c>
      <c r="NE41" s="413">
        <v>0</v>
      </c>
      <c r="NF41" s="345">
        <v>2396543</v>
      </c>
      <c r="NG41" s="345">
        <v>5318412</v>
      </c>
      <c r="NH41" s="345">
        <v>10667483</v>
      </c>
      <c r="NI41" s="345">
        <v>16581386</v>
      </c>
      <c r="NJ41" s="345">
        <v>5705466</v>
      </c>
      <c r="NK41" s="349">
        <v>40669290</v>
      </c>
      <c r="NL41" s="347">
        <v>40669290</v>
      </c>
      <c r="NM41" s="348">
        <v>0</v>
      </c>
      <c r="NN41" s="345">
        <v>0</v>
      </c>
      <c r="NO41" s="349">
        <v>0</v>
      </c>
      <c r="NP41" s="413">
        <v>0</v>
      </c>
      <c r="NQ41" s="345">
        <v>0</v>
      </c>
      <c r="NR41" s="345">
        <v>0</v>
      </c>
      <c r="NS41" s="345">
        <v>0</v>
      </c>
      <c r="NT41" s="345">
        <v>0</v>
      </c>
      <c r="NU41" s="345">
        <v>0</v>
      </c>
      <c r="NV41" s="349">
        <v>0</v>
      </c>
      <c r="NW41" s="350">
        <v>0</v>
      </c>
      <c r="NX41" s="348">
        <v>0</v>
      </c>
      <c r="NY41" s="345">
        <v>0</v>
      </c>
      <c r="NZ41" s="349">
        <v>0</v>
      </c>
      <c r="OA41" s="413">
        <v>0</v>
      </c>
      <c r="OB41" s="345">
        <v>0</v>
      </c>
      <c r="OC41" s="345">
        <v>0</v>
      </c>
      <c r="OD41" s="345">
        <v>0</v>
      </c>
      <c r="OE41" s="345">
        <v>1974699</v>
      </c>
      <c r="OF41" s="345">
        <v>2927685</v>
      </c>
      <c r="OG41" s="349">
        <v>4902384</v>
      </c>
      <c r="OH41" s="350">
        <v>4902384</v>
      </c>
      <c r="OI41" s="348">
        <v>1328571</v>
      </c>
      <c r="OJ41" s="345">
        <v>3442175</v>
      </c>
      <c r="OK41" s="346">
        <v>4770746</v>
      </c>
      <c r="OL41" s="351">
        <v>0</v>
      </c>
      <c r="OM41" s="345">
        <v>33226414</v>
      </c>
      <c r="ON41" s="345">
        <v>49262767</v>
      </c>
      <c r="OO41" s="345">
        <v>67418911</v>
      </c>
      <c r="OP41" s="345">
        <v>65018440</v>
      </c>
      <c r="OQ41" s="345">
        <v>52429997</v>
      </c>
      <c r="OR41" s="349">
        <v>267356529</v>
      </c>
      <c r="OS41" s="354">
        <v>272127275</v>
      </c>
    </row>
    <row r="42" spans="2:409" s="70" customFormat="1" ht="21" customHeight="1" thickBot="1" x14ac:dyDescent="0.25">
      <c r="B42" s="411" t="s">
        <v>37</v>
      </c>
      <c r="C42" s="371">
        <v>150762</v>
      </c>
      <c r="D42" s="372">
        <v>136478</v>
      </c>
      <c r="E42" s="373">
        <v>287240</v>
      </c>
      <c r="F42" s="374">
        <v>0</v>
      </c>
      <c r="G42" s="372">
        <v>1767160</v>
      </c>
      <c r="H42" s="372">
        <v>2435806</v>
      </c>
      <c r="I42" s="372">
        <v>2345509</v>
      </c>
      <c r="J42" s="372">
        <v>1175565</v>
      </c>
      <c r="K42" s="372">
        <v>1344228</v>
      </c>
      <c r="L42" s="374">
        <v>9068268</v>
      </c>
      <c r="M42" s="375">
        <v>9355508</v>
      </c>
      <c r="N42" s="371">
        <v>41812</v>
      </c>
      <c r="O42" s="372">
        <v>27493</v>
      </c>
      <c r="P42" s="373">
        <v>69305</v>
      </c>
      <c r="Q42" s="371">
        <v>0</v>
      </c>
      <c r="R42" s="372">
        <v>438601</v>
      </c>
      <c r="S42" s="372">
        <v>419372</v>
      </c>
      <c r="T42" s="372">
        <v>828409</v>
      </c>
      <c r="U42" s="372">
        <v>283072</v>
      </c>
      <c r="V42" s="372">
        <v>823544</v>
      </c>
      <c r="W42" s="373">
        <v>2792998</v>
      </c>
      <c r="X42" s="375">
        <v>2862303</v>
      </c>
      <c r="Y42" s="371">
        <v>0</v>
      </c>
      <c r="Z42" s="372">
        <v>0</v>
      </c>
      <c r="AA42" s="373">
        <v>0</v>
      </c>
      <c r="AB42" s="371">
        <v>0</v>
      </c>
      <c r="AC42" s="372">
        <v>149438</v>
      </c>
      <c r="AD42" s="372">
        <v>190486</v>
      </c>
      <c r="AE42" s="372">
        <v>483762</v>
      </c>
      <c r="AF42" s="372">
        <v>13275</v>
      </c>
      <c r="AG42" s="372">
        <v>345683</v>
      </c>
      <c r="AH42" s="373">
        <v>1182644</v>
      </c>
      <c r="AI42" s="375">
        <v>1182644</v>
      </c>
      <c r="AJ42" s="371">
        <v>0</v>
      </c>
      <c r="AK42" s="372">
        <v>0</v>
      </c>
      <c r="AL42" s="373">
        <v>0</v>
      </c>
      <c r="AM42" s="371">
        <v>0</v>
      </c>
      <c r="AN42" s="372">
        <v>0</v>
      </c>
      <c r="AO42" s="372">
        <v>0</v>
      </c>
      <c r="AP42" s="372">
        <v>0</v>
      </c>
      <c r="AQ42" s="372">
        <v>0</v>
      </c>
      <c r="AR42" s="372">
        <v>55095</v>
      </c>
      <c r="AS42" s="373">
        <v>55095</v>
      </c>
      <c r="AT42" s="375">
        <v>55095</v>
      </c>
      <c r="AU42" s="371">
        <v>32002</v>
      </c>
      <c r="AV42" s="372">
        <v>27493</v>
      </c>
      <c r="AW42" s="373">
        <v>59495</v>
      </c>
      <c r="AX42" s="371">
        <v>0</v>
      </c>
      <c r="AY42" s="372">
        <v>160816</v>
      </c>
      <c r="AZ42" s="372">
        <v>187430</v>
      </c>
      <c r="BA42" s="372">
        <v>252091</v>
      </c>
      <c r="BB42" s="372">
        <v>115609</v>
      </c>
      <c r="BC42" s="372">
        <v>270993</v>
      </c>
      <c r="BD42" s="373">
        <v>986939</v>
      </c>
      <c r="BE42" s="375">
        <v>1046434</v>
      </c>
      <c r="BF42" s="371">
        <v>0</v>
      </c>
      <c r="BG42" s="372">
        <v>0</v>
      </c>
      <c r="BH42" s="376">
        <v>0</v>
      </c>
      <c r="BI42" s="377">
        <v>0</v>
      </c>
      <c r="BJ42" s="372">
        <v>27223</v>
      </c>
      <c r="BK42" s="372">
        <v>18362</v>
      </c>
      <c r="BL42" s="372">
        <v>0</v>
      </c>
      <c r="BM42" s="372">
        <v>0</v>
      </c>
      <c r="BN42" s="372">
        <v>27223</v>
      </c>
      <c r="BO42" s="373">
        <v>72808</v>
      </c>
      <c r="BP42" s="375">
        <v>72808</v>
      </c>
      <c r="BQ42" s="371">
        <v>9810</v>
      </c>
      <c r="BR42" s="372">
        <v>0</v>
      </c>
      <c r="BS42" s="373">
        <v>9810</v>
      </c>
      <c r="BT42" s="371">
        <v>0</v>
      </c>
      <c r="BU42" s="372">
        <v>101124</v>
      </c>
      <c r="BV42" s="372">
        <v>23094</v>
      </c>
      <c r="BW42" s="372">
        <v>92556</v>
      </c>
      <c r="BX42" s="372">
        <v>154188</v>
      </c>
      <c r="BY42" s="372">
        <v>124550</v>
      </c>
      <c r="BZ42" s="373">
        <v>495512</v>
      </c>
      <c r="CA42" s="375">
        <v>505322</v>
      </c>
      <c r="CB42" s="371">
        <v>24620</v>
      </c>
      <c r="CC42" s="372">
        <v>47038</v>
      </c>
      <c r="CD42" s="373">
        <v>71658</v>
      </c>
      <c r="CE42" s="371">
        <v>0</v>
      </c>
      <c r="CF42" s="372">
        <v>730026</v>
      </c>
      <c r="CG42" s="372">
        <v>1028520</v>
      </c>
      <c r="CH42" s="372">
        <v>701210</v>
      </c>
      <c r="CI42" s="372">
        <v>511016</v>
      </c>
      <c r="CJ42" s="372">
        <v>161982</v>
      </c>
      <c r="CK42" s="373">
        <v>3132754</v>
      </c>
      <c r="CL42" s="375">
        <v>3204412</v>
      </c>
      <c r="CM42" s="371">
        <v>0</v>
      </c>
      <c r="CN42" s="372">
        <v>0</v>
      </c>
      <c r="CO42" s="373">
        <v>0</v>
      </c>
      <c r="CP42" s="377">
        <v>0</v>
      </c>
      <c r="CQ42" s="372">
        <v>307136</v>
      </c>
      <c r="CR42" s="372">
        <v>478285</v>
      </c>
      <c r="CS42" s="372">
        <v>597572</v>
      </c>
      <c r="CT42" s="372">
        <v>44607</v>
      </c>
      <c r="CU42" s="372">
        <v>48771</v>
      </c>
      <c r="CV42" s="373">
        <v>1476371</v>
      </c>
      <c r="CW42" s="375">
        <v>1476371</v>
      </c>
      <c r="CX42" s="371">
        <v>24620</v>
      </c>
      <c r="CY42" s="372">
        <v>47038</v>
      </c>
      <c r="CZ42" s="373">
        <v>71658</v>
      </c>
      <c r="DA42" s="371">
        <v>0</v>
      </c>
      <c r="DB42" s="372">
        <v>422890</v>
      </c>
      <c r="DC42" s="372">
        <v>550235</v>
      </c>
      <c r="DD42" s="372">
        <v>103638</v>
      </c>
      <c r="DE42" s="372">
        <v>466409</v>
      </c>
      <c r="DF42" s="372">
        <v>113211</v>
      </c>
      <c r="DG42" s="373">
        <v>1656383</v>
      </c>
      <c r="DH42" s="375">
        <v>1728041</v>
      </c>
      <c r="DI42" s="371">
        <v>0</v>
      </c>
      <c r="DJ42" s="372">
        <v>0</v>
      </c>
      <c r="DK42" s="376">
        <v>0</v>
      </c>
      <c r="DL42" s="377">
        <v>0</v>
      </c>
      <c r="DM42" s="372">
        <v>55674</v>
      </c>
      <c r="DN42" s="372">
        <v>270310</v>
      </c>
      <c r="DO42" s="372">
        <v>213349</v>
      </c>
      <c r="DP42" s="372">
        <v>41687</v>
      </c>
      <c r="DQ42" s="372">
        <v>91744</v>
      </c>
      <c r="DR42" s="373">
        <v>672764</v>
      </c>
      <c r="DS42" s="375">
        <v>672764</v>
      </c>
      <c r="DT42" s="371">
        <v>0</v>
      </c>
      <c r="DU42" s="372">
        <v>0</v>
      </c>
      <c r="DV42" s="373">
        <v>0</v>
      </c>
      <c r="DW42" s="371">
        <v>0</v>
      </c>
      <c r="DX42" s="372">
        <v>55674</v>
      </c>
      <c r="DY42" s="372">
        <v>270310</v>
      </c>
      <c r="DZ42" s="372">
        <v>213349</v>
      </c>
      <c r="EA42" s="372">
        <v>41687</v>
      </c>
      <c r="EB42" s="372">
        <v>0</v>
      </c>
      <c r="EC42" s="373">
        <v>581020</v>
      </c>
      <c r="ED42" s="375">
        <v>581020</v>
      </c>
      <c r="EE42" s="371">
        <v>0</v>
      </c>
      <c r="EF42" s="376">
        <v>0</v>
      </c>
      <c r="EG42" s="373">
        <v>0</v>
      </c>
      <c r="EH42" s="371">
        <v>0</v>
      </c>
      <c r="EI42" s="372">
        <v>0</v>
      </c>
      <c r="EJ42" s="372">
        <v>0</v>
      </c>
      <c r="EK42" s="372">
        <v>0</v>
      </c>
      <c r="EL42" s="372">
        <v>0</v>
      </c>
      <c r="EM42" s="372">
        <v>91744</v>
      </c>
      <c r="EN42" s="376">
        <v>91744</v>
      </c>
      <c r="EO42" s="375">
        <v>91744</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38700</v>
      </c>
      <c r="FM42" s="372">
        <v>39132</v>
      </c>
      <c r="FN42" s="373">
        <v>77832</v>
      </c>
      <c r="FO42" s="371">
        <v>0</v>
      </c>
      <c r="FP42" s="372">
        <v>155820</v>
      </c>
      <c r="FQ42" s="372">
        <v>311023</v>
      </c>
      <c r="FR42" s="372">
        <v>234297</v>
      </c>
      <c r="FS42" s="372">
        <v>201906</v>
      </c>
      <c r="FT42" s="372">
        <v>154340</v>
      </c>
      <c r="FU42" s="373">
        <v>1057386</v>
      </c>
      <c r="FV42" s="375">
        <v>1135218</v>
      </c>
      <c r="FW42" s="378">
        <v>38700</v>
      </c>
      <c r="FX42" s="372">
        <v>39132</v>
      </c>
      <c r="FY42" s="376">
        <v>77832</v>
      </c>
      <c r="FZ42" s="377">
        <v>0</v>
      </c>
      <c r="GA42" s="372">
        <v>134436</v>
      </c>
      <c r="GB42" s="372">
        <v>311023</v>
      </c>
      <c r="GC42" s="372">
        <v>234297</v>
      </c>
      <c r="GD42" s="372">
        <v>201906</v>
      </c>
      <c r="GE42" s="372">
        <v>154340</v>
      </c>
      <c r="GF42" s="373">
        <v>1036002</v>
      </c>
      <c r="GG42" s="379">
        <v>1113834</v>
      </c>
      <c r="GH42" s="378">
        <v>0</v>
      </c>
      <c r="GI42" s="372">
        <v>0</v>
      </c>
      <c r="GJ42" s="376">
        <v>0</v>
      </c>
      <c r="GK42" s="377">
        <v>0</v>
      </c>
      <c r="GL42" s="372">
        <v>21384</v>
      </c>
      <c r="GM42" s="372">
        <v>0</v>
      </c>
      <c r="GN42" s="372">
        <v>0</v>
      </c>
      <c r="GO42" s="372">
        <v>0</v>
      </c>
      <c r="GP42" s="372">
        <v>0</v>
      </c>
      <c r="GQ42" s="373">
        <v>21384</v>
      </c>
      <c r="GR42" s="375">
        <v>21384</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45630</v>
      </c>
      <c r="HP42" s="372">
        <v>22815</v>
      </c>
      <c r="HQ42" s="373">
        <v>68445</v>
      </c>
      <c r="HR42" s="371">
        <v>0</v>
      </c>
      <c r="HS42" s="372">
        <v>387039</v>
      </c>
      <c r="HT42" s="372">
        <v>406581</v>
      </c>
      <c r="HU42" s="372">
        <v>368244</v>
      </c>
      <c r="HV42" s="372">
        <v>137884</v>
      </c>
      <c r="HW42" s="372">
        <v>112618</v>
      </c>
      <c r="HX42" s="376">
        <v>1412366</v>
      </c>
      <c r="HY42" s="375">
        <v>1480811</v>
      </c>
      <c r="HZ42" s="380">
        <v>0</v>
      </c>
      <c r="IA42" s="381">
        <v>0</v>
      </c>
      <c r="IB42" s="382">
        <v>0</v>
      </c>
      <c r="IC42" s="383">
        <v>0</v>
      </c>
      <c r="ID42" s="384">
        <v>1709703</v>
      </c>
      <c r="IE42" s="385">
        <v>1174463</v>
      </c>
      <c r="IF42" s="386">
        <v>1083718</v>
      </c>
      <c r="IG42" s="384">
        <v>2244732</v>
      </c>
      <c r="IH42" s="386">
        <v>882785</v>
      </c>
      <c r="II42" s="387">
        <v>7095401</v>
      </c>
      <c r="IJ42" s="388">
        <v>7095401</v>
      </c>
      <c r="IK42" s="389">
        <v>0</v>
      </c>
      <c r="IL42" s="390">
        <v>0</v>
      </c>
      <c r="IM42" s="391">
        <v>0</v>
      </c>
      <c r="IN42" s="405">
        <v>0</v>
      </c>
      <c r="IO42" s="392">
        <v>0</v>
      </c>
      <c r="IP42" s="392">
        <v>0</v>
      </c>
      <c r="IQ42" s="392">
        <v>0</v>
      </c>
      <c r="IR42" s="392">
        <v>215942</v>
      </c>
      <c r="IS42" s="392">
        <v>0</v>
      </c>
      <c r="IT42" s="393">
        <v>215942</v>
      </c>
      <c r="IU42" s="394">
        <v>215942</v>
      </c>
      <c r="IV42" s="395">
        <v>0</v>
      </c>
      <c r="IW42" s="392">
        <v>0</v>
      </c>
      <c r="IX42" s="396">
        <v>0</v>
      </c>
      <c r="IY42" s="414">
        <v>0</v>
      </c>
      <c r="IZ42" s="392">
        <v>0</v>
      </c>
      <c r="JA42" s="392">
        <v>0</v>
      </c>
      <c r="JB42" s="392">
        <v>0</v>
      </c>
      <c r="JC42" s="392">
        <v>0</v>
      </c>
      <c r="JD42" s="392">
        <v>0</v>
      </c>
      <c r="JE42" s="396">
        <v>0</v>
      </c>
      <c r="JF42" s="397">
        <v>0</v>
      </c>
      <c r="JG42" s="395">
        <v>0</v>
      </c>
      <c r="JH42" s="392">
        <v>0</v>
      </c>
      <c r="JI42" s="393">
        <v>0</v>
      </c>
      <c r="JJ42" s="398">
        <v>0</v>
      </c>
      <c r="JK42" s="392">
        <v>873335</v>
      </c>
      <c r="JL42" s="392">
        <v>892913</v>
      </c>
      <c r="JM42" s="392">
        <v>794071</v>
      </c>
      <c r="JN42" s="392">
        <v>258520</v>
      </c>
      <c r="JO42" s="392">
        <v>281215</v>
      </c>
      <c r="JP42" s="396">
        <v>3100054</v>
      </c>
      <c r="JQ42" s="394">
        <v>3100054</v>
      </c>
      <c r="JR42" s="395">
        <v>0</v>
      </c>
      <c r="JS42" s="392">
        <v>0</v>
      </c>
      <c r="JT42" s="393">
        <v>0</v>
      </c>
      <c r="JU42" s="398">
        <v>0</v>
      </c>
      <c r="JV42" s="392">
        <v>30205</v>
      </c>
      <c r="JW42" s="392">
        <v>0</v>
      </c>
      <c r="JX42" s="392">
        <v>0</v>
      </c>
      <c r="JY42" s="392">
        <v>0</v>
      </c>
      <c r="JZ42" s="392">
        <v>0</v>
      </c>
      <c r="KA42" s="396">
        <v>30205</v>
      </c>
      <c r="KB42" s="394">
        <v>30205</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14">
        <v>0</v>
      </c>
      <c r="KR42" s="392">
        <v>806163</v>
      </c>
      <c r="KS42" s="392">
        <v>281550</v>
      </c>
      <c r="KT42" s="392">
        <v>289647</v>
      </c>
      <c r="KU42" s="392">
        <v>1770270</v>
      </c>
      <c r="KV42" s="392">
        <v>601570</v>
      </c>
      <c r="KW42" s="396">
        <v>3749200</v>
      </c>
      <c r="KX42" s="394">
        <v>3749200</v>
      </c>
      <c r="KY42" s="395">
        <v>0</v>
      </c>
      <c r="KZ42" s="392">
        <v>0</v>
      </c>
      <c r="LA42" s="396">
        <v>0</v>
      </c>
      <c r="LB42" s="414">
        <v>0</v>
      </c>
      <c r="LC42" s="392">
        <v>0</v>
      </c>
      <c r="LD42" s="392">
        <v>0</v>
      </c>
      <c r="LE42" s="392">
        <v>0</v>
      </c>
      <c r="LF42" s="392">
        <v>0</v>
      </c>
      <c r="LG42" s="392">
        <v>0</v>
      </c>
      <c r="LH42" s="396">
        <v>0</v>
      </c>
      <c r="LI42" s="397">
        <v>0</v>
      </c>
      <c r="LJ42" s="395">
        <v>0</v>
      </c>
      <c r="LK42" s="392">
        <v>0</v>
      </c>
      <c r="LL42" s="396">
        <v>0</v>
      </c>
      <c r="LM42" s="414">
        <v>0</v>
      </c>
      <c r="LN42" s="392">
        <v>0</v>
      </c>
      <c r="LO42" s="392">
        <v>0</v>
      </c>
      <c r="LP42" s="392">
        <v>0</v>
      </c>
      <c r="LQ42" s="392">
        <v>0</v>
      </c>
      <c r="LR42" s="392">
        <v>0</v>
      </c>
      <c r="LS42" s="396">
        <v>0</v>
      </c>
      <c r="LT42" s="394">
        <v>0</v>
      </c>
      <c r="LU42" s="395">
        <v>0</v>
      </c>
      <c r="LV42" s="392">
        <v>0</v>
      </c>
      <c r="LW42" s="396">
        <v>0</v>
      </c>
      <c r="LX42" s="414">
        <v>0</v>
      </c>
      <c r="LY42" s="392">
        <v>0</v>
      </c>
      <c r="LZ42" s="392">
        <v>0</v>
      </c>
      <c r="MA42" s="392">
        <v>0</v>
      </c>
      <c r="MB42" s="392">
        <v>0</v>
      </c>
      <c r="MC42" s="392">
        <v>0</v>
      </c>
      <c r="MD42" s="396">
        <v>0</v>
      </c>
      <c r="ME42" s="397">
        <v>0</v>
      </c>
      <c r="MF42" s="395">
        <v>0</v>
      </c>
      <c r="MG42" s="392">
        <v>0</v>
      </c>
      <c r="MH42" s="396">
        <v>0</v>
      </c>
      <c r="MI42" s="414">
        <v>0</v>
      </c>
      <c r="MJ42" s="392">
        <v>258177</v>
      </c>
      <c r="MK42" s="392">
        <v>553202</v>
      </c>
      <c r="ML42" s="392">
        <v>3379267</v>
      </c>
      <c r="MM42" s="392">
        <v>3482754</v>
      </c>
      <c r="MN42" s="392">
        <v>4309815</v>
      </c>
      <c r="MO42" s="396">
        <v>11983215</v>
      </c>
      <c r="MP42" s="401">
        <v>11983215</v>
      </c>
      <c r="MQ42" s="395">
        <v>0</v>
      </c>
      <c r="MR42" s="392">
        <v>0</v>
      </c>
      <c r="MS42" s="396">
        <v>0</v>
      </c>
      <c r="MT42" s="414">
        <v>0</v>
      </c>
      <c r="MU42" s="392">
        <v>0</v>
      </c>
      <c r="MV42" s="392">
        <v>0</v>
      </c>
      <c r="MW42" s="392">
        <v>1693172</v>
      </c>
      <c r="MX42" s="392">
        <v>2524198</v>
      </c>
      <c r="MY42" s="392">
        <v>2015155</v>
      </c>
      <c r="MZ42" s="396">
        <v>6232525</v>
      </c>
      <c r="NA42" s="401">
        <v>6232525</v>
      </c>
      <c r="NB42" s="395">
        <v>0</v>
      </c>
      <c r="NC42" s="392">
        <v>0</v>
      </c>
      <c r="ND42" s="396">
        <v>0</v>
      </c>
      <c r="NE42" s="414">
        <v>0</v>
      </c>
      <c r="NF42" s="392">
        <v>258177</v>
      </c>
      <c r="NG42" s="392">
        <v>553202</v>
      </c>
      <c r="NH42" s="392">
        <v>1686095</v>
      </c>
      <c r="NI42" s="392">
        <v>958556</v>
      </c>
      <c r="NJ42" s="392">
        <v>1867205</v>
      </c>
      <c r="NK42" s="396">
        <v>5323235</v>
      </c>
      <c r="NL42" s="394">
        <v>5323235</v>
      </c>
      <c r="NM42" s="395">
        <v>0</v>
      </c>
      <c r="NN42" s="392">
        <v>0</v>
      </c>
      <c r="NO42" s="396">
        <v>0</v>
      </c>
      <c r="NP42" s="414">
        <v>0</v>
      </c>
      <c r="NQ42" s="392">
        <v>0</v>
      </c>
      <c r="NR42" s="392">
        <v>0</v>
      </c>
      <c r="NS42" s="392">
        <v>0</v>
      </c>
      <c r="NT42" s="392">
        <v>0</v>
      </c>
      <c r="NU42" s="392">
        <v>0</v>
      </c>
      <c r="NV42" s="396">
        <v>0</v>
      </c>
      <c r="NW42" s="397">
        <v>0</v>
      </c>
      <c r="NX42" s="395">
        <v>0</v>
      </c>
      <c r="NY42" s="392">
        <v>0</v>
      </c>
      <c r="NZ42" s="396">
        <v>0</v>
      </c>
      <c r="OA42" s="414">
        <v>0</v>
      </c>
      <c r="OB42" s="392">
        <v>0</v>
      </c>
      <c r="OC42" s="392">
        <v>0</v>
      </c>
      <c r="OD42" s="392">
        <v>0</v>
      </c>
      <c r="OE42" s="392">
        <v>0</v>
      </c>
      <c r="OF42" s="392">
        <v>427455</v>
      </c>
      <c r="OG42" s="396">
        <v>427455</v>
      </c>
      <c r="OH42" s="397">
        <v>427455</v>
      </c>
      <c r="OI42" s="395">
        <v>150762</v>
      </c>
      <c r="OJ42" s="392">
        <v>136478</v>
      </c>
      <c r="OK42" s="393">
        <v>287240</v>
      </c>
      <c r="OL42" s="398">
        <v>0</v>
      </c>
      <c r="OM42" s="392">
        <v>3735040</v>
      </c>
      <c r="ON42" s="392">
        <v>4163471</v>
      </c>
      <c r="OO42" s="392">
        <v>6808494</v>
      </c>
      <c r="OP42" s="392">
        <v>6903051</v>
      </c>
      <c r="OQ42" s="392">
        <v>6536828</v>
      </c>
      <c r="OR42" s="396">
        <v>28146884</v>
      </c>
      <c r="OS42" s="401">
        <v>28434124</v>
      </c>
    </row>
    <row r="43" spans="2:409" x14ac:dyDescent="0.2">
      <c r="B43" s="7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218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10"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33</v>
      </c>
      <c r="E1" s="63">
        <f>第１表!F2</f>
        <v>6</v>
      </c>
      <c r="F1" s="579">
        <f>第１表!G2</f>
        <v>12</v>
      </c>
      <c r="G1" s="529">
        <f>IF(F1&lt;3,F1-2+12,F1-2)</f>
        <v>10</v>
      </c>
      <c r="H1" s="529"/>
      <c r="IB1" s="42"/>
      <c r="IC1" s="22"/>
      <c r="ID1" s="540"/>
      <c r="IE1" s="540"/>
    </row>
    <row r="2" spans="1:409" ht="24" customHeight="1" x14ac:dyDescent="0.2">
      <c r="B2" s="10" t="s">
        <v>144</v>
      </c>
      <c r="E2" s="19"/>
      <c r="F2" s="20"/>
      <c r="G2" s="248"/>
      <c r="H2" s="248"/>
      <c r="IB2" s="21"/>
      <c r="IC2" s="22"/>
      <c r="ID2" s="248"/>
      <c r="IE2" s="248"/>
    </row>
    <row r="3" spans="1:409" ht="24" customHeight="1" thickBot="1" x14ac:dyDescent="0.25">
      <c r="B3" s="10" t="s">
        <v>134</v>
      </c>
    </row>
    <row r="4" spans="1:409" ht="21" customHeight="1" thickBot="1" x14ac:dyDescent="0.25">
      <c r="B4" s="545" t="s">
        <v>42</v>
      </c>
      <c r="C4" s="548" t="s">
        <v>63</v>
      </c>
      <c r="D4" s="548"/>
      <c r="E4" s="548"/>
      <c r="F4" s="548"/>
      <c r="G4" s="548"/>
      <c r="H4" s="548"/>
      <c r="I4" s="548"/>
      <c r="J4" s="548"/>
      <c r="K4" s="548"/>
      <c r="L4" s="548"/>
      <c r="M4" s="548"/>
      <c r="N4" s="506"/>
      <c r="O4" s="506"/>
      <c r="P4" s="506"/>
      <c r="Q4" s="506"/>
      <c r="R4" s="506"/>
      <c r="S4" s="506"/>
      <c r="T4" s="506"/>
      <c r="U4" s="506"/>
      <c r="V4" s="506"/>
      <c r="W4" s="506"/>
      <c r="X4" s="506"/>
      <c r="Y4" s="506"/>
      <c r="Z4" s="506"/>
      <c r="AA4" s="506"/>
      <c r="AB4" s="506"/>
      <c r="AC4" s="506"/>
      <c r="AD4" s="506"/>
      <c r="AE4" s="506"/>
      <c r="AF4" s="506"/>
      <c r="AG4" s="506"/>
      <c r="AH4" s="506"/>
      <c r="AI4" s="506"/>
      <c r="AJ4" s="506"/>
      <c r="AK4" s="506"/>
      <c r="AL4" s="506"/>
      <c r="AM4" s="506"/>
      <c r="AN4" s="506"/>
      <c r="AO4" s="506"/>
      <c r="AP4" s="506"/>
      <c r="AQ4" s="506"/>
      <c r="AR4" s="506"/>
      <c r="AS4" s="506"/>
      <c r="AT4" s="506"/>
      <c r="AU4" s="506"/>
      <c r="AV4" s="506"/>
      <c r="AW4" s="506"/>
      <c r="AX4" s="506"/>
      <c r="AY4" s="506"/>
      <c r="AZ4" s="506"/>
      <c r="BA4" s="506"/>
      <c r="BB4" s="506"/>
      <c r="BC4" s="506"/>
      <c r="BD4" s="506"/>
      <c r="BE4" s="506"/>
      <c r="BF4" s="506"/>
      <c r="BG4" s="506"/>
      <c r="BH4" s="506"/>
      <c r="BI4" s="506"/>
      <c r="BJ4" s="506"/>
      <c r="BK4" s="506"/>
      <c r="BL4" s="506"/>
      <c r="BM4" s="506"/>
      <c r="BN4" s="506"/>
      <c r="BO4" s="506"/>
      <c r="BP4" s="506"/>
      <c r="BQ4" s="506"/>
      <c r="BR4" s="506"/>
      <c r="BS4" s="506"/>
      <c r="BT4" s="506"/>
      <c r="BU4" s="506"/>
      <c r="BV4" s="506"/>
      <c r="BW4" s="506"/>
      <c r="BX4" s="506"/>
      <c r="BY4" s="506"/>
      <c r="BZ4" s="506"/>
      <c r="CA4" s="506"/>
      <c r="CB4" s="506"/>
      <c r="CC4" s="506"/>
      <c r="CD4" s="506"/>
      <c r="CE4" s="506"/>
      <c r="CF4" s="506"/>
      <c r="CG4" s="506"/>
      <c r="CH4" s="506"/>
      <c r="CI4" s="506"/>
      <c r="CJ4" s="506"/>
      <c r="CK4" s="506"/>
      <c r="CL4" s="506"/>
      <c r="CM4" s="506"/>
      <c r="CN4" s="506"/>
      <c r="CO4" s="506"/>
      <c r="CP4" s="506"/>
      <c r="CQ4" s="506"/>
      <c r="CR4" s="506"/>
      <c r="CS4" s="506"/>
      <c r="CT4" s="506"/>
      <c r="CU4" s="506"/>
      <c r="CV4" s="506"/>
      <c r="CW4" s="506"/>
      <c r="CX4" s="506"/>
      <c r="CY4" s="506"/>
      <c r="CZ4" s="506"/>
      <c r="DA4" s="506"/>
      <c r="DB4" s="506"/>
      <c r="DC4" s="506"/>
      <c r="DD4" s="506"/>
      <c r="DE4" s="506"/>
      <c r="DF4" s="506"/>
      <c r="DG4" s="506"/>
      <c r="DH4" s="506"/>
      <c r="DI4" s="506"/>
      <c r="DJ4" s="506"/>
      <c r="DK4" s="506"/>
      <c r="DL4" s="506"/>
      <c r="DM4" s="506"/>
      <c r="DN4" s="506"/>
      <c r="DO4" s="506"/>
      <c r="DP4" s="506"/>
      <c r="DQ4" s="506"/>
      <c r="DR4" s="506"/>
      <c r="DS4" s="506"/>
      <c r="DT4" s="506"/>
      <c r="DU4" s="506"/>
      <c r="DV4" s="506"/>
      <c r="DW4" s="506"/>
      <c r="DX4" s="506"/>
      <c r="DY4" s="506"/>
      <c r="DZ4" s="506"/>
      <c r="EA4" s="506"/>
      <c r="EB4" s="506"/>
      <c r="EC4" s="506"/>
      <c r="ED4" s="506"/>
      <c r="EE4" s="506"/>
      <c r="EF4" s="506"/>
      <c r="EG4" s="506"/>
      <c r="EH4" s="506"/>
      <c r="EI4" s="506"/>
      <c r="EJ4" s="506"/>
      <c r="EK4" s="506"/>
      <c r="EL4" s="506"/>
      <c r="EM4" s="506"/>
      <c r="EN4" s="506"/>
      <c r="EO4" s="506"/>
      <c r="EP4" s="506"/>
      <c r="EQ4" s="506"/>
      <c r="ER4" s="506"/>
      <c r="ES4" s="506"/>
      <c r="ET4" s="506"/>
      <c r="EU4" s="506"/>
      <c r="EV4" s="506"/>
      <c r="EW4" s="506"/>
      <c r="EX4" s="506"/>
      <c r="EY4" s="506"/>
      <c r="EZ4" s="506"/>
      <c r="FA4" s="506"/>
      <c r="FB4" s="506"/>
      <c r="FC4" s="506"/>
      <c r="FD4" s="506"/>
      <c r="FE4" s="506"/>
      <c r="FF4" s="506"/>
      <c r="FG4" s="506"/>
      <c r="FH4" s="506"/>
      <c r="FI4" s="506"/>
      <c r="FJ4" s="506"/>
      <c r="FK4" s="506"/>
      <c r="FL4" s="506"/>
      <c r="FM4" s="506"/>
      <c r="FN4" s="506"/>
      <c r="FO4" s="506"/>
      <c r="FP4" s="506"/>
      <c r="FQ4" s="506"/>
      <c r="FR4" s="506"/>
      <c r="FS4" s="506"/>
      <c r="FT4" s="506"/>
      <c r="FU4" s="506"/>
      <c r="FV4" s="506"/>
      <c r="FW4" s="506"/>
      <c r="FX4" s="506"/>
      <c r="FY4" s="506"/>
      <c r="FZ4" s="506"/>
      <c r="GA4" s="506"/>
      <c r="GB4" s="506"/>
      <c r="GC4" s="506"/>
      <c r="GD4" s="506"/>
      <c r="GE4" s="506"/>
      <c r="GF4" s="506"/>
      <c r="GG4" s="506"/>
      <c r="GH4" s="506"/>
      <c r="GI4" s="506"/>
      <c r="GJ4" s="506"/>
      <c r="GK4" s="506"/>
      <c r="GL4" s="506"/>
      <c r="GM4" s="506"/>
      <c r="GN4" s="506"/>
      <c r="GO4" s="506"/>
      <c r="GP4" s="506"/>
      <c r="GQ4" s="506"/>
      <c r="GR4" s="506"/>
      <c r="GS4" s="506"/>
      <c r="GT4" s="506"/>
      <c r="GU4" s="506"/>
      <c r="GV4" s="506"/>
      <c r="GW4" s="506"/>
      <c r="GX4" s="506"/>
      <c r="GY4" s="506"/>
      <c r="GZ4" s="506"/>
      <c r="HA4" s="506"/>
      <c r="HB4" s="506"/>
      <c r="HC4" s="506"/>
      <c r="HD4" s="506"/>
      <c r="HE4" s="506"/>
      <c r="HF4" s="506"/>
      <c r="HG4" s="506"/>
      <c r="HH4" s="506"/>
      <c r="HI4" s="506"/>
      <c r="HJ4" s="506"/>
      <c r="HK4" s="506"/>
      <c r="HL4" s="506"/>
      <c r="HM4" s="506"/>
      <c r="HN4" s="506"/>
      <c r="HO4" s="506"/>
      <c r="HP4" s="506"/>
      <c r="HQ4" s="506"/>
      <c r="HR4" s="506"/>
      <c r="HS4" s="506"/>
      <c r="HT4" s="506"/>
      <c r="HU4" s="506"/>
      <c r="HV4" s="506"/>
      <c r="HW4" s="506"/>
      <c r="HX4" s="506"/>
      <c r="HY4" s="507"/>
      <c r="HZ4" s="437" t="s">
        <v>85</v>
      </c>
      <c r="IA4" s="438"/>
      <c r="IB4" s="438"/>
      <c r="IC4" s="438"/>
      <c r="ID4" s="438"/>
      <c r="IE4" s="438"/>
      <c r="IF4" s="438"/>
      <c r="IG4" s="438"/>
      <c r="IH4" s="438"/>
      <c r="II4" s="438"/>
      <c r="IJ4" s="438"/>
      <c r="IK4" s="438"/>
      <c r="IL4" s="438"/>
      <c r="IM4" s="438"/>
      <c r="IN4" s="438"/>
      <c r="IO4" s="438"/>
      <c r="IP4" s="438"/>
      <c r="IQ4" s="438"/>
      <c r="IR4" s="438"/>
      <c r="IS4" s="438"/>
      <c r="IT4" s="438"/>
      <c r="IU4" s="438"/>
      <c r="IV4" s="438"/>
      <c r="IW4" s="438"/>
      <c r="IX4" s="438"/>
      <c r="IY4" s="438"/>
      <c r="IZ4" s="438"/>
      <c r="JA4" s="438"/>
      <c r="JB4" s="438"/>
      <c r="JC4" s="438"/>
      <c r="JD4" s="438"/>
      <c r="JE4" s="438"/>
      <c r="JF4" s="438"/>
      <c r="JG4" s="438"/>
      <c r="JH4" s="438"/>
      <c r="JI4" s="438"/>
      <c r="JJ4" s="438"/>
      <c r="JK4" s="438"/>
      <c r="JL4" s="438"/>
      <c r="JM4" s="438"/>
      <c r="JN4" s="438"/>
      <c r="JO4" s="438"/>
      <c r="JP4" s="438"/>
      <c r="JQ4" s="438"/>
      <c r="JR4" s="438"/>
      <c r="JS4" s="438"/>
      <c r="JT4" s="438"/>
      <c r="JU4" s="438"/>
      <c r="JV4" s="438"/>
      <c r="JW4" s="438"/>
      <c r="JX4" s="438"/>
      <c r="JY4" s="438"/>
      <c r="JZ4" s="438"/>
      <c r="KA4" s="438"/>
      <c r="KB4" s="438"/>
      <c r="KC4" s="438"/>
      <c r="KD4" s="438"/>
      <c r="KE4" s="438"/>
      <c r="KF4" s="438"/>
      <c r="KG4" s="438"/>
      <c r="KH4" s="438"/>
      <c r="KI4" s="438"/>
      <c r="KJ4" s="438"/>
      <c r="KK4" s="438"/>
      <c r="KL4" s="438"/>
      <c r="KM4" s="438"/>
      <c r="KN4" s="438"/>
      <c r="KO4" s="438"/>
      <c r="KP4" s="438"/>
      <c r="KQ4" s="438"/>
      <c r="KR4" s="438"/>
      <c r="KS4" s="438"/>
      <c r="KT4" s="438"/>
      <c r="KU4" s="438"/>
      <c r="KV4" s="438"/>
      <c r="KW4" s="438"/>
      <c r="KX4" s="438"/>
      <c r="KY4" s="438"/>
      <c r="KZ4" s="438"/>
      <c r="LA4" s="438"/>
      <c r="LB4" s="438"/>
      <c r="LC4" s="438"/>
      <c r="LD4" s="438"/>
      <c r="LE4" s="438"/>
      <c r="LF4" s="438"/>
      <c r="LG4" s="438"/>
      <c r="LH4" s="438"/>
      <c r="LI4" s="438"/>
      <c r="LJ4" s="438"/>
      <c r="LK4" s="438"/>
      <c r="LL4" s="438"/>
      <c r="LM4" s="438"/>
      <c r="LN4" s="438"/>
      <c r="LO4" s="438"/>
      <c r="LP4" s="438"/>
      <c r="LQ4" s="438"/>
      <c r="LR4" s="438"/>
      <c r="LS4" s="438"/>
      <c r="LT4" s="438"/>
      <c r="LU4" s="438"/>
      <c r="LV4" s="438"/>
      <c r="LW4" s="438"/>
      <c r="LX4" s="438"/>
      <c r="LY4" s="438"/>
      <c r="LZ4" s="438"/>
      <c r="MA4" s="438"/>
      <c r="MB4" s="438"/>
      <c r="MC4" s="438"/>
      <c r="MD4" s="438"/>
      <c r="ME4" s="439"/>
      <c r="MF4" s="437" t="s">
        <v>86</v>
      </c>
      <c r="MG4" s="438"/>
      <c r="MH4" s="438"/>
      <c r="MI4" s="438"/>
      <c r="MJ4" s="438"/>
      <c r="MK4" s="438"/>
      <c r="ML4" s="438"/>
      <c r="MM4" s="438"/>
      <c r="MN4" s="438"/>
      <c r="MO4" s="438"/>
      <c r="MP4" s="438"/>
      <c r="MQ4" s="438"/>
      <c r="MR4" s="438"/>
      <c r="MS4" s="438"/>
      <c r="MT4" s="438"/>
      <c r="MU4" s="438"/>
      <c r="MV4" s="438"/>
      <c r="MW4" s="438"/>
      <c r="MX4" s="438"/>
      <c r="MY4" s="438"/>
      <c r="MZ4" s="438"/>
      <c r="NA4" s="438"/>
      <c r="NB4" s="438"/>
      <c r="NC4" s="438"/>
      <c r="ND4" s="438"/>
      <c r="NE4" s="438"/>
      <c r="NF4" s="438"/>
      <c r="NG4" s="438"/>
      <c r="NH4" s="438"/>
      <c r="NI4" s="438"/>
      <c r="NJ4" s="438"/>
      <c r="NK4" s="438"/>
      <c r="NL4" s="438"/>
      <c r="NM4" s="438"/>
      <c r="NN4" s="438"/>
      <c r="NO4" s="438"/>
      <c r="NP4" s="438"/>
      <c r="NQ4" s="438"/>
      <c r="NR4" s="438"/>
      <c r="NS4" s="438"/>
      <c r="NT4" s="438"/>
      <c r="NU4" s="438"/>
      <c r="NV4" s="438"/>
      <c r="NW4" s="438"/>
      <c r="NX4" s="438"/>
      <c r="NY4" s="438"/>
      <c r="NZ4" s="438"/>
      <c r="OA4" s="438"/>
      <c r="OB4" s="438"/>
      <c r="OC4" s="438"/>
      <c r="OD4" s="438"/>
      <c r="OE4" s="438"/>
      <c r="OF4" s="438"/>
      <c r="OG4" s="438"/>
      <c r="OH4" s="439"/>
      <c r="OI4" s="423" t="s">
        <v>60</v>
      </c>
      <c r="OJ4" s="424"/>
      <c r="OK4" s="424"/>
      <c r="OL4" s="424"/>
      <c r="OM4" s="424"/>
      <c r="ON4" s="424"/>
      <c r="OO4" s="424"/>
      <c r="OP4" s="424"/>
      <c r="OQ4" s="424"/>
      <c r="OR4" s="424"/>
      <c r="OS4" s="425"/>
    </row>
    <row r="5" spans="1:409" ht="21" customHeight="1" thickBot="1" x14ac:dyDescent="0.25">
      <c r="B5" s="546"/>
      <c r="C5" s="549"/>
      <c r="D5" s="549"/>
      <c r="E5" s="549"/>
      <c r="F5" s="549"/>
      <c r="G5" s="549"/>
      <c r="H5" s="549"/>
      <c r="I5" s="549"/>
      <c r="J5" s="549"/>
      <c r="K5" s="549"/>
      <c r="L5" s="549"/>
      <c r="M5" s="549"/>
      <c r="N5" s="551" t="s">
        <v>64</v>
      </c>
      <c r="O5" s="552"/>
      <c r="P5" s="552"/>
      <c r="Q5" s="552"/>
      <c r="R5" s="552"/>
      <c r="S5" s="552"/>
      <c r="T5" s="552"/>
      <c r="U5" s="552"/>
      <c r="V5" s="552"/>
      <c r="W5" s="552"/>
      <c r="X5" s="552"/>
      <c r="Y5" s="552"/>
      <c r="Z5" s="552"/>
      <c r="AA5" s="552"/>
      <c r="AB5" s="552"/>
      <c r="AC5" s="552"/>
      <c r="AD5" s="552"/>
      <c r="AE5" s="552"/>
      <c r="AF5" s="552"/>
      <c r="AG5" s="552"/>
      <c r="AH5" s="552"/>
      <c r="AI5" s="552"/>
      <c r="AJ5" s="552"/>
      <c r="AK5" s="552"/>
      <c r="AL5" s="552"/>
      <c r="AM5" s="552"/>
      <c r="AN5" s="552"/>
      <c r="AO5" s="552"/>
      <c r="AP5" s="552"/>
      <c r="AQ5" s="552"/>
      <c r="AR5" s="552"/>
      <c r="AS5" s="552"/>
      <c r="AT5" s="552"/>
      <c r="AU5" s="552"/>
      <c r="AV5" s="552"/>
      <c r="AW5" s="552"/>
      <c r="AX5" s="552"/>
      <c r="AY5" s="552"/>
      <c r="AZ5" s="552"/>
      <c r="BA5" s="552"/>
      <c r="BB5" s="552"/>
      <c r="BC5" s="552"/>
      <c r="BD5" s="552"/>
      <c r="BE5" s="552"/>
      <c r="BF5" s="552"/>
      <c r="BG5" s="552"/>
      <c r="BH5" s="552"/>
      <c r="BI5" s="552"/>
      <c r="BJ5" s="552"/>
      <c r="BK5" s="552"/>
      <c r="BL5" s="552"/>
      <c r="BM5" s="552"/>
      <c r="BN5" s="552"/>
      <c r="BO5" s="552"/>
      <c r="BP5" s="552"/>
      <c r="BQ5" s="552"/>
      <c r="BR5" s="552"/>
      <c r="BS5" s="552"/>
      <c r="BT5" s="552"/>
      <c r="BU5" s="552"/>
      <c r="BV5" s="552"/>
      <c r="BW5" s="552"/>
      <c r="BX5" s="552"/>
      <c r="BY5" s="552"/>
      <c r="BZ5" s="552"/>
      <c r="CA5" s="553"/>
      <c r="CB5" s="551" t="s">
        <v>65</v>
      </c>
      <c r="CC5" s="552"/>
      <c r="CD5" s="552"/>
      <c r="CE5" s="552"/>
      <c r="CF5" s="552"/>
      <c r="CG5" s="552"/>
      <c r="CH5" s="552"/>
      <c r="CI5" s="552"/>
      <c r="CJ5" s="552"/>
      <c r="CK5" s="552"/>
      <c r="CL5" s="552"/>
      <c r="CM5" s="552"/>
      <c r="CN5" s="552"/>
      <c r="CO5" s="552"/>
      <c r="CP5" s="552"/>
      <c r="CQ5" s="552"/>
      <c r="CR5" s="552"/>
      <c r="CS5" s="552"/>
      <c r="CT5" s="552"/>
      <c r="CU5" s="552"/>
      <c r="CV5" s="552"/>
      <c r="CW5" s="552"/>
      <c r="CX5" s="552"/>
      <c r="CY5" s="552"/>
      <c r="CZ5" s="552"/>
      <c r="DA5" s="552"/>
      <c r="DB5" s="552"/>
      <c r="DC5" s="552"/>
      <c r="DD5" s="552"/>
      <c r="DE5" s="552"/>
      <c r="DF5" s="552"/>
      <c r="DG5" s="552"/>
      <c r="DH5" s="553"/>
      <c r="DI5" s="437" t="s">
        <v>66</v>
      </c>
      <c r="DJ5" s="438"/>
      <c r="DK5" s="438"/>
      <c r="DL5" s="438"/>
      <c r="DM5" s="438"/>
      <c r="DN5" s="438"/>
      <c r="DO5" s="438"/>
      <c r="DP5" s="438"/>
      <c r="DQ5" s="438"/>
      <c r="DR5" s="438"/>
      <c r="DS5" s="438"/>
      <c r="DT5" s="438"/>
      <c r="DU5" s="438"/>
      <c r="DV5" s="438"/>
      <c r="DW5" s="438"/>
      <c r="DX5" s="438"/>
      <c r="DY5" s="438"/>
      <c r="DZ5" s="438"/>
      <c r="EA5" s="438"/>
      <c r="EB5" s="438"/>
      <c r="EC5" s="438"/>
      <c r="ED5" s="438"/>
      <c r="EE5" s="438"/>
      <c r="EF5" s="438"/>
      <c r="EG5" s="438"/>
      <c r="EH5" s="438"/>
      <c r="EI5" s="438"/>
      <c r="EJ5" s="438"/>
      <c r="EK5" s="438"/>
      <c r="EL5" s="438"/>
      <c r="EM5" s="438"/>
      <c r="EN5" s="438"/>
      <c r="EO5" s="438"/>
      <c r="EP5" s="438"/>
      <c r="EQ5" s="438"/>
      <c r="ER5" s="438"/>
      <c r="ES5" s="438"/>
      <c r="ET5" s="438"/>
      <c r="EU5" s="438"/>
      <c r="EV5" s="438"/>
      <c r="EW5" s="438"/>
      <c r="EX5" s="438"/>
      <c r="EY5" s="438"/>
      <c r="EZ5" s="438"/>
      <c r="FA5" s="438"/>
      <c r="FB5" s="438"/>
      <c r="FC5" s="438"/>
      <c r="FD5" s="438"/>
      <c r="FE5" s="438"/>
      <c r="FF5" s="438"/>
      <c r="FG5" s="438"/>
      <c r="FH5" s="438"/>
      <c r="FI5" s="438"/>
      <c r="FJ5" s="438"/>
      <c r="FK5" s="439"/>
      <c r="FL5" s="551" t="s">
        <v>67</v>
      </c>
      <c r="FM5" s="552"/>
      <c r="FN5" s="552"/>
      <c r="FO5" s="552"/>
      <c r="FP5" s="552"/>
      <c r="FQ5" s="552"/>
      <c r="FR5" s="552"/>
      <c r="FS5" s="552"/>
      <c r="FT5" s="552"/>
      <c r="FU5" s="552"/>
      <c r="FV5" s="552"/>
      <c r="FW5" s="552"/>
      <c r="FX5" s="552"/>
      <c r="FY5" s="552"/>
      <c r="FZ5" s="552"/>
      <c r="GA5" s="552"/>
      <c r="GB5" s="552"/>
      <c r="GC5" s="552"/>
      <c r="GD5" s="552"/>
      <c r="GE5" s="552"/>
      <c r="GF5" s="552"/>
      <c r="GG5" s="552"/>
      <c r="GH5" s="552"/>
      <c r="GI5" s="552"/>
      <c r="GJ5" s="552"/>
      <c r="GK5" s="552"/>
      <c r="GL5" s="552"/>
      <c r="GM5" s="552"/>
      <c r="GN5" s="552"/>
      <c r="GO5" s="552"/>
      <c r="GP5" s="552"/>
      <c r="GQ5" s="552"/>
      <c r="GR5" s="552"/>
      <c r="GS5" s="552"/>
      <c r="GT5" s="552"/>
      <c r="GU5" s="552"/>
      <c r="GV5" s="552"/>
      <c r="GW5" s="552"/>
      <c r="GX5" s="552"/>
      <c r="GY5" s="552"/>
      <c r="GZ5" s="552"/>
      <c r="HA5" s="552"/>
      <c r="HB5" s="552"/>
      <c r="HC5" s="553"/>
      <c r="HD5" s="537" t="s">
        <v>68</v>
      </c>
      <c r="HE5" s="538"/>
      <c r="HF5" s="538"/>
      <c r="HG5" s="538"/>
      <c r="HH5" s="538"/>
      <c r="HI5" s="538"/>
      <c r="HJ5" s="538"/>
      <c r="HK5" s="538"/>
      <c r="HL5" s="538"/>
      <c r="HM5" s="538"/>
      <c r="HN5" s="539"/>
      <c r="HO5" s="537" t="s">
        <v>69</v>
      </c>
      <c r="HP5" s="538"/>
      <c r="HQ5" s="538"/>
      <c r="HR5" s="538"/>
      <c r="HS5" s="538"/>
      <c r="HT5" s="538"/>
      <c r="HU5" s="538"/>
      <c r="HV5" s="538"/>
      <c r="HW5" s="538"/>
      <c r="HX5" s="538"/>
      <c r="HY5" s="539"/>
      <c r="HZ5" s="570"/>
      <c r="IA5" s="571"/>
      <c r="IB5" s="571"/>
      <c r="IC5" s="571"/>
      <c r="ID5" s="571"/>
      <c r="IE5" s="571"/>
      <c r="IF5" s="571"/>
      <c r="IG5" s="571"/>
      <c r="IH5" s="571"/>
      <c r="II5" s="571"/>
      <c r="IJ5" s="572"/>
      <c r="IK5" s="423" t="s">
        <v>94</v>
      </c>
      <c r="IL5" s="424"/>
      <c r="IM5" s="424"/>
      <c r="IN5" s="424"/>
      <c r="IO5" s="424"/>
      <c r="IP5" s="424"/>
      <c r="IQ5" s="424"/>
      <c r="IR5" s="424"/>
      <c r="IS5" s="424"/>
      <c r="IT5" s="424"/>
      <c r="IU5" s="425"/>
      <c r="IV5" s="423" t="s">
        <v>88</v>
      </c>
      <c r="IW5" s="424"/>
      <c r="IX5" s="424"/>
      <c r="IY5" s="424"/>
      <c r="IZ5" s="424"/>
      <c r="JA5" s="424"/>
      <c r="JB5" s="424"/>
      <c r="JC5" s="424"/>
      <c r="JD5" s="424"/>
      <c r="JE5" s="424"/>
      <c r="JF5" s="425"/>
      <c r="JG5" s="423" t="s">
        <v>141</v>
      </c>
      <c r="JH5" s="424"/>
      <c r="JI5" s="424"/>
      <c r="JJ5" s="424"/>
      <c r="JK5" s="424"/>
      <c r="JL5" s="424"/>
      <c r="JM5" s="424"/>
      <c r="JN5" s="424"/>
      <c r="JO5" s="424"/>
      <c r="JP5" s="424"/>
      <c r="JQ5" s="425"/>
      <c r="JR5" s="423" t="s">
        <v>90</v>
      </c>
      <c r="JS5" s="424"/>
      <c r="JT5" s="424"/>
      <c r="JU5" s="424"/>
      <c r="JV5" s="424"/>
      <c r="JW5" s="424"/>
      <c r="JX5" s="424"/>
      <c r="JY5" s="424"/>
      <c r="JZ5" s="424"/>
      <c r="KA5" s="424"/>
      <c r="KB5" s="425"/>
      <c r="KC5" s="423" t="s">
        <v>89</v>
      </c>
      <c r="KD5" s="424"/>
      <c r="KE5" s="424"/>
      <c r="KF5" s="424"/>
      <c r="KG5" s="424"/>
      <c r="KH5" s="424"/>
      <c r="KI5" s="424"/>
      <c r="KJ5" s="424"/>
      <c r="KK5" s="424"/>
      <c r="KL5" s="424"/>
      <c r="KM5" s="425"/>
      <c r="KN5" s="423" t="s">
        <v>91</v>
      </c>
      <c r="KO5" s="424"/>
      <c r="KP5" s="424"/>
      <c r="KQ5" s="424"/>
      <c r="KR5" s="424"/>
      <c r="KS5" s="424"/>
      <c r="KT5" s="424"/>
      <c r="KU5" s="424"/>
      <c r="KV5" s="424"/>
      <c r="KW5" s="424"/>
      <c r="KX5" s="425"/>
      <c r="KY5" s="423" t="s">
        <v>92</v>
      </c>
      <c r="KZ5" s="424"/>
      <c r="LA5" s="424"/>
      <c r="LB5" s="424"/>
      <c r="LC5" s="424"/>
      <c r="LD5" s="424"/>
      <c r="LE5" s="424"/>
      <c r="LF5" s="424"/>
      <c r="LG5" s="424"/>
      <c r="LH5" s="424"/>
      <c r="LI5" s="425"/>
      <c r="LJ5" s="573" t="s">
        <v>93</v>
      </c>
      <c r="LK5" s="574"/>
      <c r="LL5" s="574"/>
      <c r="LM5" s="574"/>
      <c r="LN5" s="574"/>
      <c r="LO5" s="574"/>
      <c r="LP5" s="574"/>
      <c r="LQ5" s="574"/>
      <c r="LR5" s="574"/>
      <c r="LS5" s="574"/>
      <c r="LT5" s="575"/>
      <c r="LU5" s="573" t="s">
        <v>142</v>
      </c>
      <c r="LV5" s="574"/>
      <c r="LW5" s="574"/>
      <c r="LX5" s="574"/>
      <c r="LY5" s="574"/>
      <c r="LZ5" s="574"/>
      <c r="MA5" s="574"/>
      <c r="MB5" s="574"/>
      <c r="MC5" s="574"/>
      <c r="MD5" s="574"/>
      <c r="ME5" s="575"/>
      <c r="MF5" s="570"/>
      <c r="MG5" s="571"/>
      <c r="MH5" s="571"/>
      <c r="MI5" s="571"/>
      <c r="MJ5" s="571"/>
      <c r="MK5" s="571"/>
      <c r="ML5" s="571"/>
      <c r="MM5" s="571"/>
      <c r="MN5" s="571"/>
      <c r="MO5" s="571"/>
      <c r="MP5" s="572"/>
      <c r="MQ5" s="423" t="s">
        <v>57</v>
      </c>
      <c r="MR5" s="424"/>
      <c r="MS5" s="424"/>
      <c r="MT5" s="424"/>
      <c r="MU5" s="424"/>
      <c r="MV5" s="424"/>
      <c r="MW5" s="424"/>
      <c r="MX5" s="424"/>
      <c r="MY5" s="424"/>
      <c r="MZ5" s="424"/>
      <c r="NA5" s="425"/>
      <c r="NB5" s="423" t="s">
        <v>58</v>
      </c>
      <c r="NC5" s="424"/>
      <c r="ND5" s="424"/>
      <c r="NE5" s="424"/>
      <c r="NF5" s="424"/>
      <c r="NG5" s="424"/>
      <c r="NH5" s="424"/>
      <c r="NI5" s="424"/>
      <c r="NJ5" s="424"/>
      <c r="NK5" s="424"/>
      <c r="NL5" s="425"/>
      <c r="NM5" s="423" t="s">
        <v>59</v>
      </c>
      <c r="NN5" s="424"/>
      <c r="NO5" s="424"/>
      <c r="NP5" s="424"/>
      <c r="NQ5" s="424"/>
      <c r="NR5" s="424"/>
      <c r="NS5" s="424"/>
      <c r="NT5" s="424"/>
      <c r="NU5" s="424"/>
      <c r="NV5" s="424"/>
      <c r="NW5" s="425"/>
      <c r="NX5" s="423" t="s">
        <v>148</v>
      </c>
      <c r="NY5" s="424"/>
      <c r="NZ5" s="424"/>
      <c r="OA5" s="424"/>
      <c r="OB5" s="424"/>
      <c r="OC5" s="424"/>
      <c r="OD5" s="424"/>
      <c r="OE5" s="424"/>
      <c r="OF5" s="424"/>
      <c r="OG5" s="424"/>
      <c r="OH5" s="425"/>
      <c r="OI5" s="441"/>
      <c r="OJ5" s="568"/>
      <c r="OK5" s="568"/>
      <c r="OL5" s="568"/>
      <c r="OM5" s="568"/>
      <c r="ON5" s="568"/>
      <c r="OO5" s="568"/>
      <c r="OP5" s="568"/>
      <c r="OQ5" s="568"/>
      <c r="OR5" s="568"/>
      <c r="OS5" s="569"/>
    </row>
    <row r="6" spans="1:409" ht="21" customHeight="1" thickBot="1" x14ac:dyDescent="0.25">
      <c r="B6" s="546"/>
      <c r="C6" s="550"/>
      <c r="D6" s="550"/>
      <c r="E6" s="550"/>
      <c r="F6" s="550"/>
      <c r="G6" s="550"/>
      <c r="H6" s="550"/>
      <c r="I6" s="550"/>
      <c r="J6" s="550"/>
      <c r="K6" s="550"/>
      <c r="L6" s="550"/>
      <c r="M6" s="550"/>
      <c r="N6" s="429"/>
      <c r="O6" s="430"/>
      <c r="P6" s="430"/>
      <c r="Q6" s="430"/>
      <c r="R6" s="430"/>
      <c r="S6" s="430"/>
      <c r="T6" s="430"/>
      <c r="U6" s="430"/>
      <c r="V6" s="430"/>
      <c r="W6" s="430"/>
      <c r="X6" s="431"/>
      <c r="Y6" s="432" t="s">
        <v>70</v>
      </c>
      <c r="Z6" s="433"/>
      <c r="AA6" s="433"/>
      <c r="AB6" s="433"/>
      <c r="AC6" s="433"/>
      <c r="AD6" s="433"/>
      <c r="AE6" s="433"/>
      <c r="AF6" s="433"/>
      <c r="AG6" s="433"/>
      <c r="AH6" s="433"/>
      <c r="AI6" s="434"/>
      <c r="AJ6" s="534" t="s">
        <v>71</v>
      </c>
      <c r="AK6" s="535"/>
      <c r="AL6" s="535"/>
      <c r="AM6" s="535"/>
      <c r="AN6" s="535"/>
      <c r="AO6" s="535"/>
      <c r="AP6" s="535"/>
      <c r="AQ6" s="535"/>
      <c r="AR6" s="535"/>
      <c r="AS6" s="535"/>
      <c r="AT6" s="536"/>
      <c r="AU6" s="534" t="s">
        <v>72</v>
      </c>
      <c r="AV6" s="535"/>
      <c r="AW6" s="535"/>
      <c r="AX6" s="535"/>
      <c r="AY6" s="535"/>
      <c r="AZ6" s="535"/>
      <c r="BA6" s="535"/>
      <c r="BB6" s="535"/>
      <c r="BC6" s="535"/>
      <c r="BD6" s="535"/>
      <c r="BE6" s="536"/>
      <c r="BF6" s="534" t="s">
        <v>73</v>
      </c>
      <c r="BG6" s="535"/>
      <c r="BH6" s="535"/>
      <c r="BI6" s="535"/>
      <c r="BJ6" s="535"/>
      <c r="BK6" s="535"/>
      <c r="BL6" s="535"/>
      <c r="BM6" s="535"/>
      <c r="BN6" s="535"/>
      <c r="BO6" s="535"/>
      <c r="BP6" s="536"/>
      <c r="BQ6" s="534" t="s">
        <v>74</v>
      </c>
      <c r="BR6" s="535"/>
      <c r="BS6" s="535"/>
      <c r="BT6" s="535"/>
      <c r="BU6" s="535"/>
      <c r="BV6" s="535"/>
      <c r="BW6" s="535"/>
      <c r="BX6" s="535"/>
      <c r="BY6" s="535"/>
      <c r="BZ6" s="535"/>
      <c r="CA6" s="536"/>
      <c r="CB6" s="531"/>
      <c r="CC6" s="532"/>
      <c r="CD6" s="532"/>
      <c r="CE6" s="532"/>
      <c r="CF6" s="532"/>
      <c r="CG6" s="532"/>
      <c r="CH6" s="532"/>
      <c r="CI6" s="532"/>
      <c r="CJ6" s="532"/>
      <c r="CK6" s="532"/>
      <c r="CL6" s="533"/>
      <c r="CM6" s="534" t="s">
        <v>75</v>
      </c>
      <c r="CN6" s="535"/>
      <c r="CO6" s="535"/>
      <c r="CP6" s="535"/>
      <c r="CQ6" s="535"/>
      <c r="CR6" s="535"/>
      <c r="CS6" s="535"/>
      <c r="CT6" s="535"/>
      <c r="CU6" s="535"/>
      <c r="CV6" s="535"/>
      <c r="CW6" s="536"/>
      <c r="CX6" s="534" t="s">
        <v>76</v>
      </c>
      <c r="CY6" s="535"/>
      <c r="CZ6" s="535"/>
      <c r="DA6" s="535"/>
      <c r="DB6" s="535"/>
      <c r="DC6" s="535"/>
      <c r="DD6" s="535"/>
      <c r="DE6" s="535"/>
      <c r="DF6" s="535"/>
      <c r="DG6" s="535"/>
      <c r="DH6" s="536"/>
      <c r="DI6" s="531"/>
      <c r="DJ6" s="532"/>
      <c r="DK6" s="532"/>
      <c r="DL6" s="532"/>
      <c r="DM6" s="532"/>
      <c r="DN6" s="532"/>
      <c r="DO6" s="532"/>
      <c r="DP6" s="532"/>
      <c r="DQ6" s="532"/>
      <c r="DR6" s="532"/>
      <c r="DS6" s="532"/>
      <c r="DT6" s="534" t="s">
        <v>77</v>
      </c>
      <c r="DU6" s="535"/>
      <c r="DV6" s="535"/>
      <c r="DW6" s="535"/>
      <c r="DX6" s="535"/>
      <c r="DY6" s="535"/>
      <c r="DZ6" s="535"/>
      <c r="EA6" s="535"/>
      <c r="EB6" s="535"/>
      <c r="EC6" s="535"/>
      <c r="ED6" s="536"/>
      <c r="EE6" s="534" t="s">
        <v>78</v>
      </c>
      <c r="EF6" s="535"/>
      <c r="EG6" s="535"/>
      <c r="EH6" s="535"/>
      <c r="EI6" s="535"/>
      <c r="EJ6" s="535"/>
      <c r="EK6" s="535"/>
      <c r="EL6" s="535"/>
      <c r="EM6" s="535"/>
      <c r="EN6" s="535"/>
      <c r="EO6" s="536"/>
      <c r="EP6" s="534" t="s">
        <v>79</v>
      </c>
      <c r="EQ6" s="535"/>
      <c r="ER6" s="535"/>
      <c r="ES6" s="535"/>
      <c r="ET6" s="535"/>
      <c r="EU6" s="535"/>
      <c r="EV6" s="535"/>
      <c r="EW6" s="535"/>
      <c r="EX6" s="535"/>
      <c r="EY6" s="535"/>
      <c r="EZ6" s="536"/>
      <c r="FA6" s="534" t="s">
        <v>149</v>
      </c>
      <c r="FB6" s="535"/>
      <c r="FC6" s="535"/>
      <c r="FD6" s="535"/>
      <c r="FE6" s="535"/>
      <c r="FF6" s="535"/>
      <c r="FG6" s="535"/>
      <c r="FH6" s="535"/>
      <c r="FI6" s="535"/>
      <c r="FJ6" s="535"/>
      <c r="FK6" s="536"/>
      <c r="FL6" s="531"/>
      <c r="FM6" s="532"/>
      <c r="FN6" s="532"/>
      <c r="FO6" s="532"/>
      <c r="FP6" s="532"/>
      <c r="FQ6" s="532"/>
      <c r="FR6" s="532"/>
      <c r="FS6" s="532"/>
      <c r="FT6" s="532"/>
      <c r="FU6" s="532"/>
      <c r="FV6" s="532"/>
      <c r="FW6" s="534" t="s">
        <v>80</v>
      </c>
      <c r="FX6" s="535"/>
      <c r="FY6" s="535"/>
      <c r="FZ6" s="535"/>
      <c r="GA6" s="535"/>
      <c r="GB6" s="535"/>
      <c r="GC6" s="535"/>
      <c r="GD6" s="535"/>
      <c r="GE6" s="535"/>
      <c r="GF6" s="535"/>
      <c r="GG6" s="536"/>
      <c r="GH6" s="432" t="s">
        <v>81</v>
      </c>
      <c r="GI6" s="433"/>
      <c r="GJ6" s="433"/>
      <c r="GK6" s="433"/>
      <c r="GL6" s="433"/>
      <c r="GM6" s="433"/>
      <c r="GN6" s="433"/>
      <c r="GO6" s="433"/>
      <c r="GP6" s="433"/>
      <c r="GQ6" s="433"/>
      <c r="GR6" s="434"/>
      <c r="GS6" s="432" t="s">
        <v>82</v>
      </c>
      <c r="GT6" s="433"/>
      <c r="GU6" s="433"/>
      <c r="GV6" s="433"/>
      <c r="GW6" s="433"/>
      <c r="GX6" s="433"/>
      <c r="GY6" s="433"/>
      <c r="GZ6" s="433"/>
      <c r="HA6" s="433"/>
      <c r="HB6" s="433"/>
      <c r="HC6" s="434"/>
      <c r="HD6" s="554"/>
      <c r="HE6" s="555"/>
      <c r="HF6" s="555"/>
      <c r="HG6" s="555"/>
      <c r="HH6" s="555"/>
      <c r="HI6" s="555"/>
      <c r="HJ6" s="555"/>
      <c r="HK6" s="555"/>
      <c r="HL6" s="555"/>
      <c r="HM6" s="555"/>
      <c r="HN6" s="556"/>
      <c r="HO6" s="554"/>
      <c r="HP6" s="555"/>
      <c r="HQ6" s="555"/>
      <c r="HR6" s="555"/>
      <c r="HS6" s="555"/>
      <c r="HT6" s="555"/>
      <c r="HU6" s="555"/>
      <c r="HV6" s="555"/>
      <c r="HW6" s="555"/>
      <c r="HX6" s="555"/>
      <c r="HY6" s="556"/>
      <c r="HZ6" s="531"/>
      <c r="IA6" s="532"/>
      <c r="IB6" s="532"/>
      <c r="IC6" s="532"/>
      <c r="ID6" s="532"/>
      <c r="IE6" s="532"/>
      <c r="IF6" s="532"/>
      <c r="IG6" s="532"/>
      <c r="IH6" s="532"/>
      <c r="II6" s="532"/>
      <c r="IJ6" s="533"/>
      <c r="IK6" s="429"/>
      <c r="IL6" s="430"/>
      <c r="IM6" s="430"/>
      <c r="IN6" s="430"/>
      <c r="IO6" s="430"/>
      <c r="IP6" s="430"/>
      <c r="IQ6" s="430"/>
      <c r="IR6" s="430"/>
      <c r="IS6" s="430"/>
      <c r="IT6" s="430"/>
      <c r="IU6" s="431"/>
      <c r="IV6" s="429"/>
      <c r="IW6" s="430"/>
      <c r="IX6" s="430"/>
      <c r="IY6" s="430"/>
      <c r="IZ6" s="430"/>
      <c r="JA6" s="430"/>
      <c r="JB6" s="430"/>
      <c r="JC6" s="430"/>
      <c r="JD6" s="430"/>
      <c r="JE6" s="430"/>
      <c r="JF6" s="431"/>
      <c r="JG6" s="429"/>
      <c r="JH6" s="430"/>
      <c r="JI6" s="430"/>
      <c r="JJ6" s="430"/>
      <c r="JK6" s="430"/>
      <c r="JL6" s="430"/>
      <c r="JM6" s="430"/>
      <c r="JN6" s="430"/>
      <c r="JO6" s="430"/>
      <c r="JP6" s="430"/>
      <c r="JQ6" s="431"/>
      <c r="JR6" s="429"/>
      <c r="JS6" s="430"/>
      <c r="JT6" s="430"/>
      <c r="JU6" s="430"/>
      <c r="JV6" s="430"/>
      <c r="JW6" s="430"/>
      <c r="JX6" s="430"/>
      <c r="JY6" s="430"/>
      <c r="JZ6" s="430"/>
      <c r="KA6" s="430"/>
      <c r="KB6" s="431"/>
      <c r="KC6" s="429"/>
      <c r="KD6" s="430"/>
      <c r="KE6" s="430"/>
      <c r="KF6" s="430"/>
      <c r="KG6" s="430"/>
      <c r="KH6" s="430"/>
      <c r="KI6" s="430"/>
      <c r="KJ6" s="430"/>
      <c r="KK6" s="430"/>
      <c r="KL6" s="430"/>
      <c r="KM6" s="431"/>
      <c r="KN6" s="429"/>
      <c r="KO6" s="430"/>
      <c r="KP6" s="430"/>
      <c r="KQ6" s="430"/>
      <c r="KR6" s="430"/>
      <c r="KS6" s="430"/>
      <c r="KT6" s="430"/>
      <c r="KU6" s="430"/>
      <c r="KV6" s="430"/>
      <c r="KW6" s="430"/>
      <c r="KX6" s="431"/>
      <c r="KY6" s="429"/>
      <c r="KZ6" s="430"/>
      <c r="LA6" s="430"/>
      <c r="LB6" s="430"/>
      <c r="LC6" s="430"/>
      <c r="LD6" s="430"/>
      <c r="LE6" s="430"/>
      <c r="LF6" s="430"/>
      <c r="LG6" s="430"/>
      <c r="LH6" s="430"/>
      <c r="LI6" s="431"/>
      <c r="LJ6" s="531"/>
      <c r="LK6" s="532"/>
      <c r="LL6" s="532"/>
      <c r="LM6" s="532"/>
      <c r="LN6" s="532"/>
      <c r="LO6" s="532"/>
      <c r="LP6" s="532"/>
      <c r="LQ6" s="532"/>
      <c r="LR6" s="532"/>
      <c r="LS6" s="532"/>
      <c r="LT6" s="533"/>
      <c r="LU6" s="531"/>
      <c r="LV6" s="532"/>
      <c r="LW6" s="532"/>
      <c r="LX6" s="532"/>
      <c r="LY6" s="532"/>
      <c r="LZ6" s="532"/>
      <c r="MA6" s="532"/>
      <c r="MB6" s="532"/>
      <c r="MC6" s="532"/>
      <c r="MD6" s="532"/>
      <c r="ME6" s="533"/>
      <c r="MF6" s="531"/>
      <c r="MG6" s="532"/>
      <c r="MH6" s="532"/>
      <c r="MI6" s="532"/>
      <c r="MJ6" s="532"/>
      <c r="MK6" s="532"/>
      <c r="ML6" s="532"/>
      <c r="MM6" s="532"/>
      <c r="MN6" s="532"/>
      <c r="MO6" s="532"/>
      <c r="MP6" s="533"/>
      <c r="MQ6" s="429"/>
      <c r="MR6" s="430"/>
      <c r="MS6" s="430"/>
      <c r="MT6" s="430"/>
      <c r="MU6" s="430"/>
      <c r="MV6" s="430"/>
      <c r="MW6" s="430"/>
      <c r="MX6" s="430"/>
      <c r="MY6" s="430"/>
      <c r="MZ6" s="430"/>
      <c r="NA6" s="431"/>
      <c r="NB6" s="429"/>
      <c r="NC6" s="430"/>
      <c r="ND6" s="430"/>
      <c r="NE6" s="430"/>
      <c r="NF6" s="430"/>
      <c r="NG6" s="430"/>
      <c r="NH6" s="430"/>
      <c r="NI6" s="430"/>
      <c r="NJ6" s="430"/>
      <c r="NK6" s="430"/>
      <c r="NL6" s="431"/>
      <c r="NM6" s="429"/>
      <c r="NN6" s="430"/>
      <c r="NO6" s="430"/>
      <c r="NP6" s="430"/>
      <c r="NQ6" s="430"/>
      <c r="NR6" s="430"/>
      <c r="NS6" s="430"/>
      <c r="NT6" s="430"/>
      <c r="NU6" s="430"/>
      <c r="NV6" s="430"/>
      <c r="NW6" s="431"/>
      <c r="NX6" s="429"/>
      <c r="NY6" s="430"/>
      <c r="NZ6" s="430"/>
      <c r="OA6" s="430"/>
      <c r="OB6" s="430"/>
      <c r="OC6" s="430"/>
      <c r="OD6" s="430"/>
      <c r="OE6" s="430"/>
      <c r="OF6" s="430"/>
      <c r="OG6" s="430"/>
      <c r="OH6" s="431"/>
      <c r="OI6" s="429"/>
      <c r="OJ6" s="430"/>
      <c r="OK6" s="430"/>
      <c r="OL6" s="430"/>
      <c r="OM6" s="430"/>
      <c r="ON6" s="430"/>
      <c r="OO6" s="430"/>
      <c r="OP6" s="430"/>
      <c r="OQ6" s="430"/>
      <c r="OR6" s="430"/>
      <c r="OS6" s="431"/>
    </row>
    <row r="7" spans="1:409" ht="21" customHeight="1" x14ac:dyDescent="0.2">
      <c r="B7" s="546"/>
      <c r="C7" s="514" t="s">
        <v>61</v>
      </c>
      <c r="D7" s="514"/>
      <c r="E7" s="514"/>
      <c r="F7" s="513" t="s">
        <v>62</v>
      </c>
      <c r="G7" s="514"/>
      <c r="H7" s="514"/>
      <c r="I7" s="514"/>
      <c r="J7" s="514"/>
      <c r="K7" s="514"/>
      <c r="L7" s="514"/>
      <c r="M7" s="513" t="s">
        <v>52</v>
      </c>
      <c r="N7" s="558" t="s">
        <v>61</v>
      </c>
      <c r="O7" s="514"/>
      <c r="P7" s="514"/>
      <c r="Q7" s="513" t="s">
        <v>62</v>
      </c>
      <c r="R7" s="514"/>
      <c r="S7" s="514"/>
      <c r="T7" s="514"/>
      <c r="U7" s="514"/>
      <c r="V7" s="514"/>
      <c r="W7" s="515"/>
      <c r="X7" s="543" t="s">
        <v>52</v>
      </c>
      <c r="Y7" s="429" t="s">
        <v>61</v>
      </c>
      <c r="Z7" s="430"/>
      <c r="AA7" s="522"/>
      <c r="AB7" s="521" t="s">
        <v>62</v>
      </c>
      <c r="AC7" s="430"/>
      <c r="AD7" s="430"/>
      <c r="AE7" s="430"/>
      <c r="AF7" s="430"/>
      <c r="AG7" s="430"/>
      <c r="AH7" s="522"/>
      <c r="AI7" s="431" t="s">
        <v>52</v>
      </c>
      <c r="AJ7" s="518" t="s">
        <v>61</v>
      </c>
      <c r="AK7" s="519"/>
      <c r="AL7" s="520"/>
      <c r="AM7" s="541" t="s">
        <v>62</v>
      </c>
      <c r="AN7" s="519"/>
      <c r="AO7" s="519"/>
      <c r="AP7" s="519"/>
      <c r="AQ7" s="519"/>
      <c r="AR7" s="519"/>
      <c r="AS7" s="542"/>
      <c r="AT7" s="431" t="s">
        <v>52</v>
      </c>
      <c r="AU7" s="518" t="s">
        <v>61</v>
      </c>
      <c r="AV7" s="519"/>
      <c r="AW7" s="520"/>
      <c r="AX7" s="541" t="s">
        <v>62</v>
      </c>
      <c r="AY7" s="519"/>
      <c r="AZ7" s="519"/>
      <c r="BA7" s="519"/>
      <c r="BB7" s="519"/>
      <c r="BC7" s="519"/>
      <c r="BD7" s="542"/>
      <c r="BE7" s="431" t="s">
        <v>52</v>
      </c>
      <c r="BF7" s="518" t="s">
        <v>61</v>
      </c>
      <c r="BG7" s="519"/>
      <c r="BH7" s="520"/>
      <c r="BI7" s="541" t="s">
        <v>62</v>
      </c>
      <c r="BJ7" s="519"/>
      <c r="BK7" s="519"/>
      <c r="BL7" s="519"/>
      <c r="BM7" s="519"/>
      <c r="BN7" s="519"/>
      <c r="BO7" s="542"/>
      <c r="BP7" s="431" t="s">
        <v>52</v>
      </c>
      <c r="BQ7" s="518" t="s">
        <v>61</v>
      </c>
      <c r="BR7" s="519"/>
      <c r="BS7" s="520"/>
      <c r="BT7" s="541" t="s">
        <v>62</v>
      </c>
      <c r="BU7" s="519"/>
      <c r="BV7" s="519"/>
      <c r="BW7" s="519"/>
      <c r="BX7" s="519"/>
      <c r="BY7" s="519"/>
      <c r="BZ7" s="542"/>
      <c r="CA7" s="431" t="s">
        <v>52</v>
      </c>
      <c r="CB7" s="510" t="s">
        <v>61</v>
      </c>
      <c r="CC7" s="511"/>
      <c r="CD7" s="512"/>
      <c r="CE7" s="559" t="s">
        <v>62</v>
      </c>
      <c r="CF7" s="511"/>
      <c r="CG7" s="511"/>
      <c r="CH7" s="511"/>
      <c r="CI7" s="511"/>
      <c r="CJ7" s="511"/>
      <c r="CK7" s="560"/>
      <c r="CL7" s="543" t="s">
        <v>52</v>
      </c>
      <c r="CM7" s="518" t="s">
        <v>61</v>
      </c>
      <c r="CN7" s="519"/>
      <c r="CO7" s="542"/>
      <c r="CP7" s="541" t="s">
        <v>62</v>
      </c>
      <c r="CQ7" s="519"/>
      <c r="CR7" s="519"/>
      <c r="CS7" s="519"/>
      <c r="CT7" s="519"/>
      <c r="CU7" s="519"/>
      <c r="CV7" s="542"/>
      <c r="CW7" s="565" t="s">
        <v>52</v>
      </c>
      <c r="CX7" s="518" t="s">
        <v>61</v>
      </c>
      <c r="CY7" s="519"/>
      <c r="CZ7" s="542"/>
      <c r="DA7" s="541" t="s">
        <v>62</v>
      </c>
      <c r="DB7" s="519"/>
      <c r="DC7" s="519"/>
      <c r="DD7" s="519"/>
      <c r="DE7" s="519"/>
      <c r="DF7" s="519"/>
      <c r="DG7" s="542"/>
      <c r="DH7" s="565" t="s">
        <v>52</v>
      </c>
      <c r="DI7" s="510" t="s">
        <v>61</v>
      </c>
      <c r="DJ7" s="511"/>
      <c r="DK7" s="560"/>
      <c r="DL7" s="559" t="s">
        <v>62</v>
      </c>
      <c r="DM7" s="511"/>
      <c r="DN7" s="511"/>
      <c r="DO7" s="511"/>
      <c r="DP7" s="511"/>
      <c r="DQ7" s="511"/>
      <c r="DR7" s="560"/>
      <c r="DS7" s="543" t="s">
        <v>52</v>
      </c>
      <c r="DT7" s="518" t="s">
        <v>61</v>
      </c>
      <c r="DU7" s="519"/>
      <c r="DV7" s="520"/>
      <c r="DW7" s="541" t="s">
        <v>62</v>
      </c>
      <c r="DX7" s="519"/>
      <c r="DY7" s="519"/>
      <c r="DZ7" s="519"/>
      <c r="EA7" s="519"/>
      <c r="EB7" s="519"/>
      <c r="EC7" s="542"/>
      <c r="ED7" s="431" t="s">
        <v>52</v>
      </c>
      <c r="EE7" s="518" t="s">
        <v>61</v>
      </c>
      <c r="EF7" s="519"/>
      <c r="EG7" s="520"/>
      <c r="EH7" s="541" t="s">
        <v>62</v>
      </c>
      <c r="EI7" s="519"/>
      <c r="EJ7" s="519"/>
      <c r="EK7" s="519"/>
      <c r="EL7" s="519"/>
      <c r="EM7" s="519"/>
      <c r="EN7" s="542"/>
      <c r="EO7" s="431" t="s">
        <v>52</v>
      </c>
      <c r="EP7" s="518" t="s">
        <v>61</v>
      </c>
      <c r="EQ7" s="519"/>
      <c r="ER7" s="520"/>
      <c r="ES7" s="541" t="s">
        <v>62</v>
      </c>
      <c r="ET7" s="519"/>
      <c r="EU7" s="519"/>
      <c r="EV7" s="519"/>
      <c r="EW7" s="519"/>
      <c r="EX7" s="519"/>
      <c r="EY7" s="542"/>
      <c r="EZ7" s="431" t="s">
        <v>52</v>
      </c>
      <c r="FA7" s="518" t="s">
        <v>61</v>
      </c>
      <c r="FB7" s="519"/>
      <c r="FC7" s="520"/>
      <c r="FD7" s="541" t="s">
        <v>62</v>
      </c>
      <c r="FE7" s="519"/>
      <c r="FF7" s="519"/>
      <c r="FG7" s="519"/>
      <c r="FH7" s="519"/>
      <c r="FI7" s="519"/>
      <c r="FJ7" s="542"/>
      <c r="FK7" s="431" t="s">
        <v>52</v>
      </c>
      <c r="FL7" s="510" t="s">
        <v>61</v>
      </c>
      <c r="FM7" s="511"/>
      <c r="FN7" s="512"/>
      <c r="FO7" s="559" t="s">
        <v>62</v>
      </c>
      <c r="FP7" s="511"/>
      <c r="FQ7" s="511"/>
      <c r="FR7" s="511"/>
      <c r="FS7" s="511"/>
      <c r="FT7" s="511"/>
      <c r="FU7" s="560"/>
      <c r="FV7" s="514" t="s">
        <v>52</v>
      </c>
      <c r="FW7" s="518" t="s">
        <v>61</v>
      </c>
      <c r="FX7" s="519"/>
      <c r="FY7" s="520"/>
      <c r="FZ7" s="541" t="s">
        <v>62</v>
      </c>
      <c r="GA7" s="519"/>
      <c r="GB7" s="519"/>
      <c r="GC7" s="519"/>
      <c r="GD7" s="519"/>
      <c r="GE7" s="519"/>
      <c r="GF7" s="542"/>
      <c r="GG7" s="431" t="s">
        <v>52</v>
      </c>
      <c r="GH7" s="429" t="s">
        <v>61</v>
      </c>
      <c r="GI7" s="430"/>
      <c r="GJ7" s="430"/>
      <c r="GK7" s="521" t="s">
        <v>62</v>
      </c>
      <c r="GL7" s="430"/>
      <c r="GM7" s="430"/>
      <c r="GN7" s="430"/>
      <c r="GO7" s="430"/>
      <c r="GP7" s="430"/>
      <c r="GQ7" s="522"/>
      <c r="GR7" s="562" t="s">
        <v>52</v>
      </c>
      <c r="GS7" s="429" t="s">
        <v>61</v>
      </c>
      <c r="GT7" s="430"/>
      <c r="GU7" s="522"/>
      <c r="GV7" s="521" t="s">
        <v>62</v>
      </c>
      <c r="GW7" s="430"/>
      <c r="GX7" s="430"/>
      <c r="GY7" s="430"/>
      <c r="GZ7" s="430"/>
      <c r="HA7" s="430"/>
      <c r="HB7" s="522"/>
      <c r="HC7" s="562" t="s">
        <v>52</v>
      </c>
      <c r="HD7" s="518" t="s">
        <v>61</v>
      </c>
      <c r="HE7" s="519"/>
      <c r="HF7" s="520"/>
      <c r="HG7" s="541" t="s">
        <v>62</v>
      </c>
      <c r="HH7" s="519"/>
      <c r="HI7" s="519"/>
      <c r="HJ7" s="519"/>
      <c r="HK7" s="519"/>
      <c r="HL7" s="519"/>
      <c r="HM7" s="542"/>
      <c r="HN7" s="431" t="s">
        <v>52</v>
      </c>
      <c r="HO7" s="518" t="s">
        <v>61</v>
      </c>
      <c r="HP7" s="519"/>
      <c r="HQ7" s="520"/>
      <c r="HR7" s="541" t="s">
        <v>62</v>
      </c>
      <c r="HS7" s="519"/>
      <c r="HT7" s="519"/>
      <c r="HU7" s="519"/>
      <c r="HV7" s="519"/>
      <c r="HW7" s="519"/>
      <c r="HX7" s="542"/>
      <c r="HY7" s="431" t="s">
        <v>52</v>
      </c>
      <c r="HZ7" s="510" t="s">
        <v>61</v>
      </c>
      <c r="IA7" s="511"/>
      <c r="IB7" s="512"/>
      <c r="IC7" s="559" t="s">
        <v>62</v>
      </c>
      <c r="ID7" s="511"/>
      <c r="IE7" s="511"/>
      <c r="IF7" s="511"/>
      <c r="IG7" s="511"/>
      <c r="IH7" s="511"/>
      <c r="II7" s="560"/>
      <c r="IJ7" s="514" t="s">
        <v>52</v>
      </c>
      <c r="IK7" s="518" t="s">
        <v>61</v>
      </c>
      <c r="IL7" s="519"/>
      <c r="IM7" s="520"/>
      <c r="IN7" s="541" t="s">
        <v>62</v>
      </c>
      <c r="IO7" s="519"/>
      <c r="IP7" s="519"/>
      <c r="IQ7" s="519"/>
      <c r="IR7" s="519"/>
      <c r="IS7" s="519"/>
      <c r="IT7" s="542"/>
      <c r="IU7" s="431" t="s">
        <v>52</v>
      </c>
      <c r="IV7" s="518" t="s">
        <v>61</v>
      </c>
      <c r="IW7" s="519"/>
      <c r="IX7" s="542"/>
      <c r="IY7" s="541" t="s">
        <v>62</v>
      </c>
      <c r="IZ7" s="519"/>
      <c r="JA7" s="519"/>
      <c r="JB7" s="519"/>
      <c r="JC7" s="519"/>
      <c r="JD7" s="519"/>
      <c r="JE7" s="542"/>
      <c r="JF7" s="431" t="s">
        <v>52</v>
      </c>
      <c r="JG7" s="518" t="s">
        <v>61</v>
      </c>
      <c r="JH7" s="519"/>
      <c r="JI7" s="520"/>
      <c r="JJ7" s="541" t="s">
        <v>62</v>
      </c>
      <c r="JK7" s="519"/>
      <c r="JL7" s="519"/>
      <c r="JM7" s="519"/>
      <c r="JN7" s="519"/>
      <c r="JO7" s="519"/>
      <c r="JP7" s="542"/>
      <c r="JQ7" s="565" t="s">
        <v>52</v>
      </c>
      <c r="JR7" s="518" t="s">
        <v>61</v>
      </c>
      <c r="JS7" s="519"/>
      <c r="JT7" s="520"/>
      <c r="JU7" s="541" t="s">
        <v>62</v>
      </c>
      <c r="JV7" s="519"/>
      <c r="JW7" s="519"/>
      <c r="JX7" s="519"/>
      <c r="JY7" s="519"/>
      <c r="JZ7" s="519"/>
      <c r="KA7" s="542"/>
      <c r="KB7" s="565" t="s">
        <v>52</v>
      </c>
      <c r="KC7" s="518" t="s">
        <v>61</v>
      </c>
      <c r="KD7" s="519"/>
      <c r="KE7" s="520"/>
      <c r="KF7" s="541" t="s">
        <v>62</v>
      </c>
      <c r="KG7" s="519"/>
      <c r="KH7" s="519"/>
      <c r="KI7" s="519"/>
      <c r="KJ7" s="519"/>
      <c r="KK7" s="519"/>
      <c r="KL7" s="542"/>
      <c r="KM7" s="565" t="s">
        <v>52</v>
      </c>
      <c r="KN7" s="518" t="s">
        <v>61</v>
      </c>
      <c r="KO7" s="519"/>
      <c r="KP7" s="520"/>
      <c r="KQ7" s="541" t="s">
        <v>62</v>
      </c>
      <c r="KR7" s="519"/>
      <c r="KS7" s="519"/>
      <c r="KT7" s="519"/>
      <c r="KU7" s="519"/>
      <c r="KV7" s="519"/>
      <c r="KW7" s="542"/>
      <c r="KX7" s="565" t="s">
        <v>52</v>
      </c>
      <c r="KY7" s="518" t="s">
        <v>61</v>
      </c>
      <c r="KZ7" s="519"/>
      <c r="LA7" s="520"/>
      <c r="LB7" s="541" t="s">
        <v>62</v>
      </c>
      <c r="LC7" s="519"/>
      <c r="LD7" s="519"/>
      <c r="LE7" s="519"/>
      <c r="LF7" s="519"/>
      <c r="LG7" s="519"/>
      <c r="LH7" s="542"/>
      <c r="LI7" s="565" t="s">
        <v>52</v>
      </c>
      <c r="LJ7" s="518" t="s">
        <v>61</v>
      </c>
      <c r="LK7" s="519"/>
      <c r="LL7" s="520"/>
      <c r="LM7" s="541" t="s">
        <v>62</v>
      </c>
      <c r="LN7" s="519"/>
      <c r="LO7" s="519"/>
      <c r="LP7" s="519"/>
      <c r="LQ7" s="519"/>
      <c r="LR7" s="519"/>
      <c r="LS7" s="542"/>
      <c r="LT7" s="565" t="s">
        <v>52</v>
      </c>
      <c r="LU7" s="518" t="s">
        <v>61</v>
      </c>
      <c r="LV7" s="519"/>
      <c r="LW7" s="520"/>
      <c r="LX7" s="541" t="s">
        <v>62</v>
      </c>
      <c r="LY7" s="519"/>
      <c r="LZ7" s="519"/>
      <c r="MA7" s="519"/>
      <c r="MB7" s="519"/>
      <c r="MC7" s="519"/>
      <c r="MD7" s="542"/>
      <c r="ME7" s="565" t="s">
        <v>52</v>
      </c>
      <c r="MF7" s="510" t="s">
        <v>61</v>
      </c>
      <c r="MG7" s="511"/>
      <c r="MH7" s="512"/>
      <c r="MI7" s="559" t="s">
        <v>62</v>
      </c>
      <c r="MJ7" s="511"/>
      <c r="MK7" s="511"/>
      <c r="ML7" s="511"/>
      <c r="MM7" s="511"/>
      <c r="MN7" s="511"/>
      <c r="MO7" s="560"/>
      <c r="MP7" s="543" t="s">
        <v>52</v>
      </c>
      <c r="MQ7" s="518" t="s">
        <v>61</v>
      </c>
      <c r="MR7" s="519"/>
      <c r="MS7" s="520"/>
      <c r="MT7" s="541" t="s">
        <v>62</v>
      </c>
      <c r="MU7" s="519"/>
      <c r="MV7" s="519"/>
      <c r="MW7" s="519"/>
      <c r="MX7" s="519"/>
      <c r="MY7" s="519"/>
      <c r="MZ7" s="542"/>
      <c r="NA7" s="565" t="s">
        <v>52</v>
      </c>
      <c r="NB7" s="518" t="s">
        <v>61</v>
      </c>
      <c r="NC7" s="519"/>
      <c r="ND7" s="520"/>
      <c r="NE7" s="541" t="s">
        <v>62</v>
      </c>
      <c r="NF7" s="519"/>
      <c r="NG7" s="519"/>
      <c r="NH7" s="519"/>
      <c r="NI7" s="519"/>
      <c r="NJ7" s="519"/>
      <c r="NK7" s="542"/>
      <c r="NL7" s="565" t="s">
        <v>52</v>
      </c>
      <c r="NM7" s="518" t="s">
        <v>61</v>
      </c>
      <c r="NN7" s="519"/>
      <c r="NO7" s="520"/>
      <c r="NP7" s="541" t="s">
        <v>62</v>
      </c>
      <c r="NQ7" s="519"/>
      <c r="NR7" s="519"/>
      <c r="NS7" s="519"/>
      <c r="NT7" s="519"/>
      <c r="NU7" s="519"/>
      <c r="NV7" s="542"/>
      <c r="NW7" s="565" t="s">
        <v>52</v>
      </c>
      <c r="NX7" s="518" t="s">
        <v>61</v>
      </c>
      <c r="NY7" s="519"/>
      <c r="NZ7" s="520"/>
      <c r="OA7" s="541" t="s">
        <v>62</v>
      </c>
      <c r="OB7" s="519"/>
      <c r="OC7" s="519"/>
      <c r="OD7" s="519"/>
      <c r="OE7" s="519"/>
      <c r="OF7" s="519"/>
      <c r="OG7" s="542"/>
      <c r="OH7" s="565" t="s">
        <v>52</v>
      </c>
      <c r="OI7" s="510" t="s">
        <v>61</v>
      </c>
      <c r="OJ7" s="511"/>
      <c r="OK7" s="512"/>
      <c r="OL7" s="559" t="s">
        <v>62</v>
      </c>
      <c r="OM7" s="511"/>
      <c r="ON7" s="511"/>
      <c r="OO7" s="511"/>
      <c r="OP7" s="511"/>
      <c r="OQ7" s="511"/>
      <c r="OR7" s="560"/>
      <c r="OS7" s="543" t="s">
        <v>52</v>
      </c>
    </row>
    <row r="8" spans="1:409" ht="30" customHeight="1" thickBot="1" x14ac:dyDescent="0.25">
      <c r="B8" s="547"/>
      <c r="C8" s="249" t="s">
        <v>43</v>
      </c>
      <c r="D8" s="74" t="s">
        <v>44</v>
      </c>
      <c r="E8" s="250" t="s">
        <v>45</v>
      </c>
      <c r="F8" s="76" t="s">
        <v>83</v>
      </c>
      <c r="G8" s="74" t="s">
        <v>47</v>
      </c>
      <c r="H8" s="74" t="s">
        <v>48</v>
      </c>
      <c r="I8" s="74" t="s">
        <v>49</v>
      </c>
      <c r="J8" s="74" t="s">
        <v>50</v>
      </c>
      <c r="K8" s="74" t="s">
        <v>51</v>
      </c>
      <c r="L8" s="75" t="s">
        <v>45</v>
      </c>
      <c r="M8" s="557"/>
      <c r="N8" s="73" t="s">
        <v>43</v>
      </c>
      <c r="O8" s="74" t="s">
        <v>44</v>
      </c>
      <c r="P8" s="75" t="s">
        <v>45</v>
      </c>
      <c r="Q8" s="76" t="s">
        <v>83</v>
      </c>
      <c r="R8" s="74" t="s">
        <v>47</v>
      </c>
      <c r="S8" s="74" t="s">
        <v>48</v>
      </c>
      <c r="T8" s="74" t="s">
        <v>49</v>
      </c>
      <c r="U8" s="74" t="s">
        <v>50</v>
      </c>
      <c r="V8" s="74" t="s">
        <v>51</v>
      </c>
      <c r="W8" s="75" t="s">
        <v>45</v>
      </c>
      <c r="X8" s="544"/>
      <c r="Y8" s="73" t="s">
        <v>43</v>
      </c>
      <c r="Z8" s="74" t="s">
        <v>44</v>
      </c>
      <c r="AA8" s="75" t="s">
        <v>45</v>
      </c>
      <c r="AB8" s="76" t="s">
        <v>83</v>
      </c>
      <c r="AC8" s="74" t="s">
        <v>47</v>
      </c>
      <c r="AD8" s="74" t="s">
        <v>48</v>
      </c>
      <c r="AE8" s="74" t="s">
        <v>49</v>
      </c>
      <c r="AF8" s="74" t="s">
        <v>50</v>
      </c>
      <c r="AG8" s="74" t="s">
        <v>51</v>
      </c>
      <c r="AH8" s="75" t="s">
        <v>45</v>
      </c>
      <c r="AI8" s="530"/>
      <c r="AJ8" s="73" t="s">
        <v>43</v>
      </c>
      <c r="AK8" s="74" t="s">
        <v>44</v>
      </c>
      <c r="AL8" s="250" t="s">
        <v>45</v>
      </c>
      <c r="AM8" s="76" t="s">
        <v>83</v>
      </c>
      <c r="AN8" s="74" t="s">
        <v>47</v>
      </c>
      <c r="AO8" s="74" t="s">
        <v>48</v>
      </c>
      <c r="AP8" s="74" t="s">
        <v>49</v>
      </c>
      <c r="AQ8" s="74" t="s">
        <v>50</v>
      </c>
      <c r="AR8" s="74" t="s">
        <v>51</v>
      </c>
      <c r="AS8" s="75" t="s">
        <v>45</v>
      </c>
      <c r="AT8" s="530"/>
      <c r="AU8" s="73" t="s">
        <v>43</v>
      </c>
      <c r="AV8" s="74" t="s">
        <v>44</v>
      </c>
      <c r="AW8" s="250" t="s">
        <v>45</v>
      </c>
      <c r="AX8" s="76" t="s">
        <v>83</v>
      </c>
      <c r="AY8" s="74" t="s">
        <v>47</v>
      </c>
      <c r="AZ8" s="74" t="s">
        <v>48</v>
      </c>
      <c r="BA8" s="74" t="s">
        <v>49</v>
      </c>
      <c r="BB8" s="74" t="s">
        <v>50</v>
      </c>
      <c r="BC8" s="74" t="s">
        <v>51</v>
      </c>
      <c r="BD8" s="75" t="s">
        <v>45</v>
      </c>
      <c r="BE8" s="530"/>
      <c r="BF8" s="251" t="s">
        <v>43</v>
      </c>
      <c r="BG8" s="74" t="s">
        <v>44</v>
      </c>
      <c r="BH8" s="250" t="s">
        <v>45</v>
      </c>
      <c r="BI8" s="76" t="s">
        <v>83</v>
      </c>
      <c r="BJ8" s="74" t="s">
        <v>47</v>
      </c>
      <c r="BK8" s="74" t="s">
        <v>48</v>
      </c>
      <c r="BL8" s="74" t="s">
        <v>49</v>
      </c>
      <c r="BM8" s="74" t="s">
        <v>50</v>
      </c>
      <c r="BN8" s="74" t="s">
        <v>51</v>
      </c>
      <c r="BO8" s="75" t="s">
        <v>45</v>
      </c>
      <c r="BP8" s="530"/>
      <c r="BQ8" s="73" t="s">
        <v>43</v>
      </c>
      <c r="BR8" s="74" t="s">
        <v>44</v>
      </c>
      <c r="BS8" s="250" t="s">
        <v>45</v>
      </c>
      <c r="BT8" s="76" t="s">
        <v>83</v>
      </c>
      <c r="BU8" s="74" t="s">
        <v>47</v>
      </c>
      <c r="BV8" s="74" t="s">
        <v>48</v>
      </c>
      <c r="BW8" s="74" t="s">
        <v>49</v>
      </c>
      <c r="BX8" s="74" t="s">
        <v>50</v>
      </c>
      <c r="BY8" s="74" t="s">
        <v>51</v>
      </c>
      <c r="BZ8" s="75" t="s">
        <v>45</v>
      </c>
      <c r="CA8" s="530"/>
      <c r="CB8" s="73" t="s">
        <v>43</v>
      </c>
      <c r="CC8" s="74" t="s">
        <v>44</v>
      </c>
      <c r="CD8" s="250" t="s">
        <v>45</v>
      </c>
      <c r="CE8" s="76" t="s">
        <v>83</v>
      </c>
      <c r="CF8" s="74" t="s">
        <v>47</v>
      </c>
      <c r="CG8" s="74" t="s">
        <v>48</v>
      </c>
      <c r="CH8" s="74" t="s">
        <v>49</v>
      </c>
      <c r="CI8" s="74" t="s">
        <v>50</v>
      </c>
      <c r="CJ8" s="74" t="s">
        <v>51</v>
      </c>
      <c r="CK8" s="75" t="s">
        <v>45</v>
      </c>
      <c r="CL8" s="544"/>
      <c r="CM8" s="73" t="s">
        <v>43</v>
      </c>
      <c r="CN8" s="74" t="s">
        <v>44</v>
      </c>
      <c r="CO8" s="75" t="s">
        <v>45</v>
      </c>
      <c r="CP8" s="76" t="s">
        <v>83</v>
      </c>
      <c r="CQ8" s="74" t="s">
        <v>47</v>
      </c>
      <c r="CR8" s="74" t="s">
        <v>48</v>
      </c>
      <c r="CS8" s="74" t="s">
        <v>49</v>
      </c>
      <c r="CT8" s="74" t="s">
        <v>50</v>
      </c>
      <c r="CU8" s="74" t="s">
        <v>51</v>
      </c>
      <c r="CV8" s="75" t="s">
        <v>45</v>
      </c>
      <c r="CW8" s="544"/>
      <c r="CX8" s="73" t="s">
        <v>43</v>
      </c>
      <c r="CY8" s="74" t="s">
        <v>44</v>
      </c>
      <c r="CZ8" s="75" t="s">
        <v>45</v>
      </c>
      <c r="DA8" s="76" t="s">
        <v>83</v>
      </c>
      <c r="DB8" s="74" t="s">
        <v>47</v>
      </c>
      <c r="DC8" s="74" t="s">
        <v>48</v>
      </c>
      <c r="DD8" s="74" t="s">
        <v>49</v>
      </c>
      <c r="DE8" s="74" t="s">
        <v>50</v>
      </c>
      <c r="DF8" s="74" t="s">
        <v>51</v>
      </c>
      <c r="DG8" s="75" t="s">
        <v>45</v>
      </c>
      <c r="DH8" s="544"/>
      <c r="DI8" s="73" t="s">
        <v>43</v>
      </c>
      <c r="DJ8" s="74" t="s">
        <v>44</v>
      </c>
      <c r="DK8" s="75" t="s">
        <v>45</v>
      </c>
      <c r="DL8" s="76" t="s">
        <v>83</v>
      </c>
      <c r="DM8" s="74" t="s">
        <v>47</v>
      </c>
      <c r="DN8" s="74" t="s">
        <v>48</v>
      </c>
      <c r="DO8" s="74" t="s">
        <v>49</v>
      </c>
      <c r="DP8" s="74" t="s">
        <v>50</v>
      </c>
      <c r="DQ8" s="74" t="s">
        <v>51</v>
      </c>
      <c r="DR8" s="75" t="s">
        <v>45</v>
      </c>
      <c r="DS8" s="544"/>
      <c r="DT8" s="73" t="s">
        <v>43</v>
      </c>
      <c r="DU8" s="74" t="s">
        <v>44</v>
      </c>
      <c r="DV8" s="250" t="s">
        <v>45</v>
      </c>
      <c r="DW8" s="76" t="s">
        <v>83</v>
      </c>
      <c r="DX8" s="74" t="s">
        <v>47</v>
      </c>
      <c r="DY8" s="74" t="s">
        <v>48</v>
      </c>
      <c r="DZ8" s="74" t="s">
        <v>49</v>
      </c>
      <c r="EA8" s="74" t="s">
        <v>50</v>
      </c>
      <c r="EB8" s="74" t="s">
        <v>51</v>
      </c>
      <c r="EC8" s="75" t="s">
        <v>45</v>
      </c>
      <c r="ED8" s="530"/>
      <c r="EE8" s="73" t="s">
        <v>43</v>
      </c>
      <c r="EF8" s="74" t="s">
        <v>44</v>
      </c>
      <c r="EG8" s="250" t="s">
        <v>45</v>
      </c>
      <c r="EH8" s="76" t="s">
        <v>83</v>
      </c>
      <c r="EI8" s="74" t="s">
        <v>47</v>
      </c>
      <c r="EJ8" s="74" t="s">
        <v>48</v>
      </c>
      <c r="EK8" s="74" t="s">
        <v>49</v>
      </c>
      <c r="EL8" s="74" t="s">
        <v>50</v>
      </c>
      <c r="EM8" s="74" t="s">
        <v>51</v>
      </c>
      <c r="EN8" s="75" t="s">
        <v>45</v>
      </c>
      <c r="EO8" s="530"/>
      <c r="EP8" s="73" t="s">
        <v>43</v>
      </c>
      <c r="EQ8" s="74" t="s">
        <v>44</v>
      </c>
      <c r="ER8" s="250" t="s">
        <v>45</v>
      </c>
      <c r="ES8" s="76" t="s">
        <v>83</v>
      </c>
      <c r="ET8" s="74" t="s">
        <v>47</v>
      </c>
      <c r="EU8" s="74" t="s">
        <v>48</v>
      </c>
      <c r="EV8" s="74" t="s">
        <v>49</v>
      </c>
      <c r="EW8" s="74" t="s">
        <v>50</v>
      </c>
      <c r="EX8" s="74" t="s">
        <v>51</v>
      </c>
      <c r="EY8" s="75" t="s">
        <v>45</v>
      </c>
      <c r="EZ8" s="530"/>
      <c r="FA8" s="73" t="s">
        <v>43</v>
      </c>
      <c r="FB8" s="74" t="s">
        <v>44</v>
      </c>
      <c r="FC8" s="250" t="s">
        <v>45</v>
      </c>
      <c r="FD8" s="76" t="s">
        <v>83</v>
      </c>
      <c r="FE8" s="74" t="s">
        <v>47</v>
      </c>
      <c r="FF8" s="74" t="s">
        <v>48</v>
      </c>
      <c r="FG8" s="74" t="s">
        <v>49</v>
      </c>
      <c r="FH8" s="74" t="s">
        <v>50</v>
      </c>
      <c r="FI8" s="74" t="s">
        <v>51</v>
      </c>
      <c r="FJ8" s="75" t="s">
        <v>45</v>
      </c>
      <c r="FK8" s="530"/>
      <c r="FL8" s="73" t="s">
        <v>43</v>
      </c>
      <c r="FM8" s="74" t="s">
        <v>44</v>
      </c>
      <c r="FN8" s="250" t="s">
        <v>45</v>
      </c>
      <c r="FO8" s="76" t="s">
        <v>83</v>
      </c>
      <c r="FP8" s="74" t="s">
        <v>47</v>
      </c>
      <c r="FQ8" s="74" t="s">
        <v>48</v>
      </c>
      <c r="FR8" s="74" t="s">
        <v>49</v>
      </c>
      <c r="FS8" s="74" t="s">
        <v>50</v>
      </c>
      <c r="FT8" s="74" t="s">
        <v>51</v>
      </c>
      <c r="FU8" s="75" t="s">
        <v>45</v>
      </c>
      <c r="FV8" s="564"/>
      <c r="FW8" s="73" t="s">
        <v>43</v>
      </c>
      <c r="FX8" s="74" t="s">
        <v>44</v>
      </c>
      <c r="FY8" s="250" t="s">
        <v>45</v>
      </c>
      <c r="FZ8" s="76" t="s">
        <v>83</v>
      </c>
      <c r="GA8" s="74" t="s">
        <v>47</v>
      </c>
      <c r="GB8" s="74" t="s">
        <v>48</v>
      </c>
      <c r="GC8" s="74" t="s">
        <v>49</v>
      </c>
      <c r="GD8" s="74" t="s">
        <v>50</v>
      </c>
      <c r="GE8" s="74" t="s">
        <v>51</v>
      </c>
      <c r="GF8" s="75" t="s">
        <v>45</v>
      </c>
      <c r="GG8" s="530"/>
      <c r="GH8" s="73" t="s">
        <v>43</v>
      </c>
      <c r="GI8" s="74" t="s">
        <v>44</v>
      </c>
      <c r="GJ8" s="250" t="s">
        <v>45</v>
      </c>
      <c r="GK8" s="76" t="s">
        <v>83</v>
      </c>
      <c r="GL8" s="74" t="s">
        <v>47</v>
      </c>
      <c r="GM8" s="74" t="s">
        <v>48</v>
      </c>
      <c r="GN8" s="74" t="s">
        <v>49</v>
      </c>
      <c r="GO8" s="74" t="s">
        <v>50</v>
      </c>
      <c r="GP8" s="74" t="s">
        <v>51</v>
      </c>
      <c r="GQ8" s="75" t="s">
        <v>45</v>
      </c>
      <c r="GR8" s="563"/>
      <c r="GS8" s="73" t="s">
        <v>43</v>
      </c>
      <c r="GT8" s="74" t="s">
        <v>44</v>
      </c>
      <c r="GU8" s="250" t="s">
        <v>45</v>
      </c>
      <c r="GV8" s="76" t="s">
        <v>83</v>
      </c>
      <c r="GW8" s="74" t="s">
        <v>47</v>
      </c>
      <c r="GX8" s="74" t="s">
        <v>48</v>
      </c>
      <c r="GY8" s="74" t="s">
        <v>49</v>
      </c>
      <c r="GZ8" s="74" t="s">
        <v>50</v>
      </c>
      <c r="HA8" s="74" t="s">
        <v>51</v>
      </c>
      <c r="HB8" s="75" t="s">
        <v>45</v>
      </c>
      <c r="HC8" s="563"/>
      <c r="HD8" s="73" t="s">
        <v>43</v>
      </c>
      <c r="HE8" s="74" t="s">
        <v>44</v>
      </c>
      <c r="HF8" s="250" t="s">
        <v>45</v>
      </c>
      <c r="HG8" s="76" t="s">
        <v>83</v>
      </c>
      <c r="HH8" s="74" t="s">
        <v>47</v>
      </c>
      <c r="HI8" s="74" t="s">
        <v>48</v>
      </c>
      <c r="HJ8" s="74" t="s">
        <v>49</v>
      </c>
      <c r="HK8" s="74" t="s">
        <v>50</v>
      </c>
      <c r="HL8" s="74" t="s">
        <v>51</v>
      </c>
      <c r="HM8" s="75" t="s">
        <v>45</v>
      </c>
      <c r="HN8" s="530"/>
      <c r="HO8" s="73" t="s">
        <v>43</v>
      </c>
      <c r="HP8" s="74" t="s">
        <v>44</v>
      </c>
      <c r="HQ8" s="250" t="s">
        <v>45</v>
      </c>
      <c r="HR8" s="76" t="s">
        <v>83</v>
      </c>
      <c r="HS8" s="74" t="s">
        <v>47</v>
      </c>
      <c r="HT8" s="74" t="s">
        <v>48</v>
      </c>
      <c r="HU8" s="74" t="s">
        <v>49</v>
      </c>
      <c r="HV8" s="74" t="s">
        <v>50</v>
      </c>
      <c r="HW8" s="74" t="s">
        <v>51</v>
      </c>
      <c r="HX8" s="75" t="s">
        <v>45</v>
      </c>
      <c r="HY8" s="530"/>
      <c r="HZ8" s="73" t="s">
        <v>43</v>
      </c>
      <c r="IA8" s="74" t="s">
        <v>44</v>
      </c>
      <c r="IB8" s="250" t="s">
        <v>45</v>
      </c>
      <c r="IC8" s="76" t="s">
        <v>83</v>
      </c>
      <c r="ID8" s="74" t="s">
        <v>47</v>
      </c>
      <c r="IE8" s="74" t="s">
        <v>48</v>
      </c>
      <c r="IF8" s="74" t="s">
        <v>49</v>
      </c>
      <c r="IG8" s="74" t="s">
        <v>50</v>
      </c>
      <c r="IH8" s="74" t="s">
        <v>51</v>
      </c>
      <c r="II8" s="75" t="s">
        <v>45</v>
      </c>
      <c r="IJ8" s="564"/>
      <c r="IK8" s="73" t="s">
        <v>43</v>
      </c>
      <c r="IL8" s="74" t="s">
        <v>44</v>
      </c>
      <c r="IM8" s="250" t="s">
        <v>45</v>
      </c>
      <c r="IN8" s="76" t="s">
        <v>83</v>
      </c>
      <c r="IO8" s="252" t="s">
        <v>47</v>
      </c>
      <c r="IP8" s="252" t="s">
        <v>48</v>
      </c>
      <c r="IQ8" s="252" t="s">
        <v>49</v>
      </c>
      <c r="IR8" s="252" t="s">
        <v>50</v>
      </c>
      <c r="IS8" s="252" t="s">
        <v>51</v>
      </c>
      <c r="IT8" s="253" t="s">
        <v>45</v>
      </c>
      <c r="IU8" s="567"/>
      <c r="IV8" s="251" t="s">
        <v>43</v>
      </c>
      <c r="IW8" s="252" t="s">
        <v>44</v>
      </c>
      <c r="IX8" s="253" t="s">
        <v>45</v>
      </c>
      <c r="IY8" s="231" t="s">
        <v>83</v>
      </c>
      <c r="IZ8" s="252" t="s">
        <v>47</v>
      </c>
      <c r="JA8" s="252" t="s">
        <v>48</v>
      </c>
      <c r="JB8" s="252" t="s">
        <v>49</v>
      </c>
      <c r="JC8" s="252" t="s">
        <v>50</v>
      </c>
      <c r="JD8" s="252" t="s">
        <v>51</v>
      </c>
      <c r="JE8" s="253" t="s">
        <v>45</v>
      </c>
      <c r="JF8" s="567"/>
      <c r="JG8" s="251" t="s">
        <v>43</v>
      </c>
      <c r="JH8" s="252" t="s">
        <v>44</v>
      </c>
      <c r="JI8" s="254" t="s">
        <v>45</v>
      </c>
      <c r="JJ8" s="231" t="s">
        <v>83</v>
      </c>
      <c r="JK8" s="252" t="s">
        <v>47</v>
      </c>
      <c r="JL8" s="252" t="s">
        <v>48</v>
      </c>
      <c r="JM8" s="252" t="s">
        <v>49</v>
      </c>
      <c r="JN8" s="252" t="s">
        <v>50</v>
      </c>
      <c r="JO8" s="252" t="s">
        <v>51</v>
      </c>
      <c r="JP8" s="253" t="s">
        <v>45</v>
      </c>
      <c r="JQ8" s="566"/>
      <c r="JR8" s="251" t="s">
        <v>43</v>
      </c>
      <c r="JS8" s="252" t="s">
        <v>44</v>
      </c>
      <c r="JT8" s="254" t="s">
        <v>45</v>
      </c>
      <c r="JU8" s="231" t="s">
        <v>83</v>
      </c>
      <c r="JV8" s="252" t="s">
        <v>47</v>
      </c>
      <c r="JW8" s="252" t="s">
        <v>48</v>
      </c>
      <c r="JX8" s="252" t="s">
        <v>49</v>
      </c>
      <c r="JY8" s="252" t="s">
        <v>50</v>
      </c>
      <c r="JZ8" s="252" t="s">
        <v>51</v>
      </c>
      <c r="KA8" s="253" t="s">
        <v>45</v>
      </c>
      <c r="KB8" s="566"/>
      <c r="KC8" s="251" t="s">
        <v>43</v>
      </c>
      <c r="KD8" s="252" t="s">
        <v>44</v>
      </c>
      <c r="KE8" s="254" t="s">
        <v>45</v>
      </c>
      <c r="KF8" s="231" t="s">
        <v>83</v>
      </c>
      <c r="KG8" s="252" t="s">
        <v>47</v>
      </c>
      <c r="KH8" s="252" t="s">
        <v>48</v>
      </c>
      <c r="KI8" s="252" t="s">
        <v>49</v>
      </c>
      <c r="KJ8" s="252" t="s">
        <v>50</v>
      </c>
      <c r="KK8" s="252" t="s">
        <v>51</v>
      </c>
      <c r="KL8" s="253" t="s">
        <v>45</v>
      </c>
      <c r="KM8" s="566"/>
      <c r="KN8" s="251" t="s">
        <v>43</v>
      </c>
      <c r="KO8" s="252" t="s">
        <v>44</v>
      </c>
      <c r="KP8" s="254" t="s">
        <v>45</v>
      </c>
      <c r="KQ8" s="76" t="s">
        <v>83</v>
      </c>
      <c r="KR8" s="252" t="s">
        <v>47</v>
      </c>
      <c r="KS8" s="252" t="s">
        <v>48</v>
      </c>
      <c r="KT8" s="252" t="s">
        <v>49</v>
      </c>
      <c r="KU8" s="252" t="s">
        <v>50</v>
      </c>
      <c r="KV8" s="252" t="s">
        <v>51</v>
      </c>
      <c r="KW8" s="253" t="s">
        <v>45</v>
      </c>
      <c r="KX8" s="566"/>
      <c r="KY8" s="251" t="s">
        <v>43</v>
      </c>
      <c r="KZ8" s="252" t="s">
        <v>44</v>
      </c>
      <c r="LA8" s="254" t="s">
        <v>45</v>
      </c>
      <c r="LB8" s="76" t="s">
        <v>83</v>
      </c>
      <c r="LC8" s="252" t="s">
        <v>47</v>
      </c>
      <c r="LD8" s="252" t="s">
        <v>48</v>
      </c>
      <c r="LE8" s="252" t="s">
        <v>49</v>
      </c>
      <c r="LF8" s="252" t="s">
        <v>50</v>
      </c>
      <c r="LG8" s="252" t="s">
        <v>51</v>
      </c>
      <c r="LH8" s="253" t="s">
        <v>45</v>
      </c>
      <c r="LI8" s="566"/>
      <c r="LJ8" s="251" t="s">
        <v>43</v>
      </c>
      <c r="LK8" s="252" t="s">
        <v>44</v>
      </c>
      <c r="LL8" s="254" t="s">
        <v>45</v>
      </c>
      <c r="LM8" s="76" t="s">
        <v>83</v>
      </c>
      <c r="LN8" s="252" t="s">
        <v>47</v>
      </c>
      <c r="LO8" s="252" t="s">
        <v>48</v>
      </c>
      <c r="LP8" s="252" t="s">
        <v>49</v>
      </c>
      <c r="LQ8" s="252" t="s">
        <v>50</v>
      </c>
      <c r="LR8" s="252" t="s">
        <v>51</v>
      </c>
      <c r="LS8" s="253" t="s">
        <v>45</v>
      </c>
      <c r="LT8" s="566"/>
      <c r="LU8" s="251" t="s">
        <v>43</v>
      </c>
      <c r="LV8" s="252" t="s">
        <v>44</v>
      </c>
      <c r="LW8" s="254" t="s">
        <v>45</v>
      </c>
      <c r="LX8" s="76" t="s">
        <v>83</v>
      </c>
      <c r="LY8" s="252" t="s">
        <v>47</v>
      </c>
      <c r="LZ8" s="252" t="s">
        <v>48</v>
      </c>
      <c r="MA8" s="252" t="s">
        <v>49</v>
      </c>
      <c r="MB8" s="252" t="s">
        <v>50</v>
      </c>
      <c r="MC8" s="252" t="s">
        <v>51</v>
      </c>
      <c r="MD8" s="253" t="s">
        <v>45</v>
      </c>
      <c r="ME8" s="566"/>
      <c r="MF8" s="251" t="s">
        <v>43</v>
      </c>
      <c r="MG8" s="252" t="s">
        <v>44</v>
      </c>
      <c r="MH8" s="254" t="s">
        <v>45</v>
      </c>
      <c r="MI8" s="76" t="s">
        <v>83</v>
      </c>
      <c r="MJ8" s="252" t="s">
        <v>47</v>
      </c>
      <c r="MK8" s="252" t="s">
        <v>48</v>
      </c>
      <c r="ML8" s="252" t="s">
        <v>49</v>
      </c>
      <c r="MM8" s="252" t="s">
        <v>50</v>
      </c>
      <c r="MN8" s="252" t="s">
        <v>51</v>
      </c>
      <c r="MO8" s="253" t="s">
        <v>45</v>
      </c>
      <c r="MP8" s="566"/>
      <c r="MQ8" s="251" t="s">
        <v>43</v>
      </c>
      <c r="MR8" s="252" t="s">
        <v>44</v>
      </c>
      <c r="MS8" s="254" t="s">
        <v>45</v>
      </c>
      <c r="MT8" s="76" t="s">
        <v>83</v>
      </c>
      <c r="MU8" s="252" t="s">
        <v>47</v>
      </c>
      <c r="MV8" s="252" t="s">
        <v>48</v>
      </c>
      <c r="MW8" s="252" t="s">
        <v>49</v>
      </c>
      <c r="MX8" s="252" t="s">
        <v>50</v>
      </c>
      <c r="MY8" s="252" t="s">
        <v>51</v>
      </c>
      <c r="MZ8" s="253" t="s">
        <v>45</v>
      </c>
      <c r="NA8" s="566"/>
      <c r="NB8" s="251" t="s">
        <v>43</v>
      </c>
      <c r="NC8" s="252" t="s">
        <v>44</v>
      </c>
      <c r="ND8" s="254" t="s">
        <v>45</v>
      </c>
      <c r="NE8" s="76" t="s">
        <v>83</v>
      </c>
      <c r="NF8" s="252" t="s">
        <v>47</v>
      </c>
      <c r="NG8" s="252" t="s">
        <v>48</v>
      </c>
      <c r="NH8" s="252" t="s">
        <v>49</v>
      </c>
      <c r="NI8" s="252" t="s">
        <v>50</v>
      </c>
      <c r="NJ8" s="252" t="s">
        <v>51</v>
      </c>
      <c r="NK8" s="253" t="s">
        <v>45</v>
      </c>
      <c r="NL8" s="566"/>
      <c r="NM8" s="251" t="s">
        <v>43</v>
      </c>
      <c r="NN8" s="252" t="s">
        <v>44</v>
      </c>
      <c r="NO8" s="254" t="s">
        <v>45</v>
      </c>
      <c r="NP8" s="76" t="s">
        <v>83</v>
      </c>
      <c r="NQ8" s="252" t="s">
        <v>47</v>
      </c>
      <c r="NR8" s="252" t="s">
        <v>48</v>
      </c>
      <c r="NS8" s="252" t="s">
        <v>49</v>
      </c>
      <c r="NT8" s="252" t="s">
        <v>50</v>
      </c>
      <c r="NU8" s="252" t="s">
        <v>51</v>
      </c>
      <c r="NV8" s="253" t="s">
        <v>45</v>
      </c>
      <c r="NW8" s="566"/>
      <c r="NX8" s="251" t="s">
        <v>43</v>
      </c>
      <c r="NY8" s="252" t="s">
        <v>44</v>
      </c>
      <c r="NZ8" s="254" t="s">
        <v>45</v>
      </c>
      <c r="OA8" s="76" t="s">
        <v>83</v>
      </c>
      <c r="OB8" s="252" t="s">
        <v>47</v>
      </c>
      <c r="OC8" s="252" t="s">
        <v>48</v>
      </c>
      <c r="OD8" s="252" t="s">
        <v>49</v>
      </c>
      <c r="OE8" s="252" t="s">
        <v>50</v>
      </c>
      <c r="OF8" s="252" t="s">
        <v>51</v>
      </c>
      <c r="OG8" s="253" t="s">
        <v>45</v>
      </c>
      <c r="OH8" s="566"/>
      <c r="OI8" s="251" t="s">
        <v>43</v>
      </c>
      <c r="OJ8" s="252" t="s">
        <v>44</v>
      </c>
      <c r="OK8" s="254" t="s">
        <v>45</v>
      </c>
      <c r="OL8" s="231" t="s">
        <v>83</v>
      </c>
      <c r="OM8" s="252" t="s">
        <v>47</v>
      </c>
      <c r="ON8" s="252" t="s">
        <v>48</v>
      </c>
      <c r="OO8" s="252" t="s">
        <v>49</v>
      </c>
      <c r="OP8" s="252" t="s">
        <v>50</v>
      </c>
      <c r="OQ8" s="252" t="s">
        <v>51</v>
      </c>
      <c r="OR8" s="253" t="s">
        <v>45</v>
      </c>
      <c r="OS8" s="566"/>
    </row>
    <row r="9" spans="1:409" s="407" customFormat="1" ht="21" customHeight="1" x14ac:dyDescent="0.2">
      <c r="A9" s="70"/>
      <c r="B9" s="408" t="s">
        <v>4</v>
      </c>
      <c r="C9" s="255">
        <v>29159820</v>
      </c>
      <c r="D9" s="256">
        <v>52310473</v>
      </c>
      <c r="E9" s="257">
        <v>81470293</v>
      </c>
      <c r="F9" s="258">
        <v>0</v>
      </c>
      <c r="G9" s="256">
        <v>331869278</v>
      </c>
      <c r="H9" s="256">
        <v>455019994</v>
      </c>
      <c r="I9" s="256">
        <v>366656574</v>
      </c>
      <c r="J9" s="256">
        <v>331497581</v>
      </c>
      <c r="K9" s="256">
        <v>204624283</v>
      </c>
      <c r="L9" s="259">
        <v>1689667710</v>
      </c>
      <c r="M9" s="260">
        <v>1771138003</v>
      </c>
      <c r="N9" s="255">
        <v>8880765</v>
      </c>
      <c r="O9" s="256">
        <v>19633145</v>
      </c>
      <c r="P9" s="261">
        <v>28513910</v>
      </c>
      <c r="Q9" s="255">
        <v>0</v>
      </c>
      <c r="R9" s="256">
        <v>103175688</v>
      </c>
      <c r="S9" s="256">
        <v>154146145</v>
      </c>
      <c r="T9" s="256">
        <v>128149033</v>
      </c>
      <c r="U9" s="256">
        <v>126326511</v>
      </c>
      <c r="V9" s="256">
        <v>104779932</v>
      </c>
      <c r="W9" s="261">
        <v>616577309</v>
      </c>
      <c r="X9" s="260">
        <v>645091219</v>
      </c>
      <c r="Y9" s="255">
        <v>0</v>
      </c>
      <c r="Z9" s="256">
        <v>0</v>
      </c>
      <c r="AA9" s="261">
        <v>0</v>
      </c>
      <c r="AB9" s="262">
        <v>0</v>
      </c>
      <c r="AC9" s="263">
        <v>41865443</v>
      </c>
      <c r="AD9" s="263">
        <v>59611993</v>
      </c>
      <c r="AE9" s="263">
        <v>61619177</v>
      </c>
      <c r="AF9" s="263">
        <v>64968572</v>
      </c>
      <c r="AG9" s="263">
        <v>59834876</v>
      </c>
      <c r="AH9" s="261">
        <v>287900061</v>
      </c>
      <c r="AI9" s="260">
        <v>287900061</v>
      </c>
      <c r="AJ9" s="264">
        <v>0</v>
      </c>
      <c r="AK9" s="263">
        <v>92882</v>
      </c>
      <c r="AL9" s="261">
        <v>92882</v>
      </c>
      <c r="AM9" s="262">
        <v>0</v>
      </c>
      <c r="AN9" s="263">
        <v>198433</v>
      </c>
      <c r="AO9" s="259">
        <v>1485328</v>
      </c>
      <c r="AP9" s="263">
        <v>2426241</v>
      </c>
      <c r="AQ9" s="263">
        <v>7391714</v>
      </c>
      <c r="AR9" s="263">
        <v>10643138</v>
      </c>
      <c r="AS9" s="261">
        <v>22144854</v>
      </c>
      <c r="AT9" s="260">
        <v>22237736</v>
      </c>
      <c r="AU9" s="264">
        <v>4690053</v>
      </c>
      <c r="AV9" s="263">
        <v>14095343</v>
      </c>
      <c r="AW9" s="261">
        <v>18785396</v>
      </c>
      <c r="AX9" s="262">
        <v>0</v>
      </c>
      <c r="AY9" s="263">
        <v>37940036</v>
      </c>
      <c r="AZ9" s="263">
        <v>64402191</v>
      </c>
      <c r="BA9" s="263">
        <v>40639085</v>
      </c>
      <c r="BB9" s="263">
        <v>31834012</v>
      </c>
      <c r="BC9" s="263">
        <v>20974670</v>
      </c>
      <c r="BD9" s="261">
        <v>195789994</v>
      </c>
      <c r="BE9" s="265">
        <v>214575390</v>
      </c>
      <c r="BF9" s="264">
        <v>619440</v>
      </c>
      <c r="BG9" s="259">
        <v>1485960</v>
      </c>
      <c r="BH9" s="266">
        <v>2105400</v>
      </c>
      <c r="BI9" s="262">
        <v>0</v>
      </c>
      <c r="BJ9" s="263">
        <v>3101232</v>
      </c>
      <c r="BK9" s="263">
        <v>4433314</v>
      </c>
      <c r="BL9" s="263">
        <v>3180902</v>
      </c>
      <c r="BM9" s="263">
        <v>2006949</v>
      </c>
      <c r="BN9" s="263">
        <v>1171338</v>
      </c>
      <c r="BO9" s="261">
        <v>13893735</v>
      </c>
      <c r="BP9" s="260">
        <v>15999135</v>
      </c>
      <c r="BQ9" s="264">
        <v>3571272</v>
      </c>
      <c r="BR9" s="263">
        <v>3958960</v>
      </c>
      <c r="BS9" s="261">
        <v>7530232</v>
      </c>
      <c r="BT9" s="262">
        <v>0</v>
      </c>
      <c r="BU9" s="263">
        <v>20070544</v>
      </c>
      <c r="BV9" s="263">
        <v>24213319</v>
      </c>
      <c r="BW9" s="263">
        <v>20283628</v>
      </c>
      <c r="BX9" s="263">
        <v>20125264</v>
      </c>
      <c r="BY9" s="263">
        <v>12155910</v>
      </c>
      <c r="BZ9" s="261">
        <v>96848665</v>
      </c>
      <c r="CA9" s="260">
        <v>104378897</v>
      </c>
      <c r="CB9" s="264">
        <v>3289178</v>
      </c>
      <c r="CC9" s="263">
        <v>8020647</v>
      </c>
      <c r="CD9" s="261">
        <v>11309825</v>
      </c>
      <c r="CE9" s="262">
        <v>0</v>
      </c>
      <c r="CF9" s="263">
        <v>101417811</v>
      </c>
      <c r="CG9" s="263">
        <v>126124526</v>
      </c>
      <c r="CH9" s="267">
        <v>85424701</v>
      </c>
      <c r="CI9" s="263">
        <v>48261525</v>
      </c>
      <c r="CJ9" s="263">
        <v>19282519</v>
      </c>
      <c r="CK9" s="261">
        <v>380511082</v>
      </c>
      <c r="CL9" s="260">
        <v>391820907</v>
      </c>
      <c r="CM9" s="255">
        <v>0</v>
      </c>
      <c r="CN9" s="256">
        <v>0</v>
      </c>
      <c r="CO9" s="261">
        <v>0</v>
      </c>
      <c r="CP9" s="262">
        <v>0</v>
      </c>
      <c r="CQ9" s="263">
        <v>81901580</v>
      </c>
      <c r="CR9" s="263">
        <v>93171988</v>
      </c>
      <c r="CS9" s="263">
        <v>61939982</v>
      </c>
      <c r="CT9" s="263">
        <v>33903124</v>
      </c>
      <c r="CU9" s="263">
        <v>14790739</v>
      </c>
      <c r="CV9" s="268">
        <v>285707413</v>
      </c>
      <c r="CW9" s="260">
        <v>285707413</v>
      </c>
      <c r="CX9" s="264">
        <v>3289178</v>
      </c>
      <c r="CY9" s="263">
        <v>8020647</v>
      </c>
      <c r="CZ9" s="261">
        <v>11309825</v>
      </c>
      <c r="DA9" s="262">
        <v>0</v>
      </c>
      <c r="DB9" s="263">
        <v>19516231</v>
      </c>
      <c r="DC9" s="263">
        <v>32952538</v>
      </c>
      <c r="DD9" s="263">
        <v>23484719</v>
      </c>
      <c r="DE9" s="263">
        <v>14358401</v>
      </c>
      <c r="DF9" s="263">
        <v>4491780</v>
      </c>
      <c r="DG9" s="261">
        <v>94803669</v>
      </c>
      <c r="DH9" s="260">
        <v>106113494</v>
      </c>
      <c r="DI9" s="264">
        <v>76817</v>
      </c>
      <c r="DJ9" s="263">
        <v>984225</v>
      </c>
      <c r="DK9" s="266">
        <v>1061042</v>
      </c>
      <c r="DL9" s="262">
        <v>0</v>
      </c>
      <c r="DM9" s="263">
        <v>9670575</v>
      </c>
      <c r="DN9" s="263">
        <v>22829220</v>
      </c>
      <c r="DO9" s="263">
        <v>31940947</v>
      </c>
      <c r="DP9" s="263">
        <v>23820754</v>
      </c>
      <c r="DQ9" s="263">
        <v>13876371</v>
      </c>
      <c r="DR9" s="269">
        <v>102137867</v>
      </c>
      <c r="DS9" s="260">
        <v>103198909</v>
      </c>
      <c r="DT9" s="264">
        <v>76817</v>
      </c>
      <c r="DU9" s="263">
        <v>862098</v>
      </c>
      <c r="DV9" s="261">
        <v>938915</v>
      </c>
      <c r="DW9" s="262">
        <v>0</v>
      </c>
      <c r="DX9" s="263">
        <v>8622318</v>
      </c>
      <c r="DY9" s="263">
        <v>19062680</v>
      </c>
      <c r="DZ9" s="263">
        <v>27560717</v>
      </c>
      <c r="EA9" s="263">
        <v>20468554</v>
      </c>
      <c r="EB9" s="263">
        <v>12237101</v>
      </c>
      <c r="EC9" s="261">
        <v>87951370</v>
      </c>
      <c r="ED9" s="260">
        <v>88890285</v>
      </c>
      <c r="EE9" s="264">
        <v>0</v>
      </c>
      <c r="EF9" s="259">
        <v>122127</v>
      </c>
      <c r="EG9" s="261">
        <v>122127</v>
      </c>
      <c r="EH9" s="265">
        <v>0</v>
      </c>
      <c r="EI9" s="263">
        <v>1048257</v>
      </c>
      <c r="EJ9" s="263">
        <v>3766540</v>
      </c>
      <c r="EK9" s="263">
        <v>4380230</v>
      </c>
      <c r="EL9" s="263">
        <v>3352200</v>
      </c>
      <c r="EM9" s="267">
        <v>1639270</v>
      </c>
      <c r="EN9" s="259">
        <v>14186497</v>
      </c>
      <c r="EO9" s="260">
        <v>14308624</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6743767</v>
      </c>
      <c r="FM9" s="263">
        <v>10850140</v>
      </c>
      <c r="FN9" s="261">
        <v>17593907</v>
      </c>
      <c r="FO9" s="262">
        <v>0</v>
      </c>
      <c r="FP9" s="263">
        <v>18087672</v>
      </c>
      <c r="FQ9" s="263">
        <v>43747288</v>
      </c>
      <c r="FR9" s="263">
        <v>29011272</v>
      </c>
      <c r="FS9" s="263">
        <v>22824102</v>
      </c>
      <c r="FT9" s="263">
        <v>14953440</v>
      </c>
      <c r="FU9" s="261">
        <v>128623774</v>
      </c>
      <c r="FV9" s="260">
        <v>146217681</v>
      </c>
      <c r="FW9" s="264">
        <v>2921816</v>
      </c>
      <c r="FX9" s="263">
        <v>7652236</v>
      </c>
      <c r="FY9" s="259">
        <v>10574052</v>
      </c>
      <c r="FZ9" s="265">
        <v>0</v>
      </c>
      <c r="GA9" s="263">
        <v>11789168</v>
      </c>
      <c r="GB9" s="270">
        <v>38319583</v>
      </c>
      <c r="GC9" s="263">
        <v>26439432</v>
      </c>
      <c r="GD9" s="270">
        <v>19754208</v>
      </c>
      <c r="GE9" s="263">
        <v>14296472</v>
      </c>
      <c r="GF9" s="268">
        <v>110598863</v>
      </c>
      <c r="GG9" s="271">
        <v>121172915</v>
      </c>
      <c r="GH9" s="272">
        <v>438664</v>
      </c>
      <c r="GI9" s="263">
        <v>520440</v>
      </c>
      <c r="GJ9" s="270">
        <v>959104</v>
      </c>
      <c r="GK9" s="258">
        <v>0</v>
      </c>
      <c r="GL9" s="263">
        <v>1088560</v>
      </c>
      <c r="GM9" s="259">
        <v>1416042</v>
      </c>
      <c r="GN9" s="263">
        <v>846114</v>
      </c>
      <c r="GO9" s="259">
        <v>1142214</v>
      </c>
      <c r="GP9" s="263">
        <v>308168</v>
      </c>
      <c r="GQ9" s="269">
        <v>4801098</v>
      </c>
      <c r="GR9" s="260">
        <v>5760202</v>
      </c>
      <c r="GS9" s="259">
        <v>3383287</v>
      </c>
      <c r="GT9" s="263">
        <v>2677464</v>
      </c>
      <c r="GU9" s="261">
        <v>6060751</v>
      </c>
      <c r="GV9" s="259">
        <v>0</v>
      </c>
      <c r="GW9" s="263">
        <v>5209944</v>
      </c>
      <c r="GX9" s="259">
        <v>4011663</v>
      </c>
      <c r="GY9" s="263">
        <v>1725726</v>
      </c>
      <c r="GZ9" s="259">
        <v>1927680</v>
      </c>
      <c r="HA9" s="263">
        <v>348800</v>
      </c>
      <c r="HB9" s="259">
        <v>13223813</v>
      </c>
      <c r="HC9" s="260">
        <v>19284564</v>
      </c>
      <c r="HD9" s="259">
        <v>10169293</v>
      </c>
      <c r="HE9" s="263">
        <v>12822316</v>
      </c>
      <c r="HF9" s="259">
        <v>22991609</v>
      </c>
      <c r="HG9" s="265">
        <v>0</v>
      </c>
      <c r="HH9" s="263">
        <v>99517532</v>
      </c>
      <c r="HI9" s="270">
        <v>108172815</v>
      </c>
      <c r="HJ9" s="263">
        <v>92130621</v>
      </c>
      <c r="HK9" s="270">
        <v>110264689</v>
      </c>
      <c r="HL9" s="263">
        <v>51732021</v>
      </c>
      <c r="HM9" s="268">
        <v>461817678</v>
      </c>
      <c r="HN9" s="259">
        <v>484809287</v>
      </c>
      <c r="HO9" s="272">
        <v>0</v>
      </c>
      <c r="HP9" s="263">
        <v>0</v>
      </c>
      <c r="HQ9" s="268">
        <v>0</v>
      </c>
      <c r="HR9" s="270">
        <v>0</v>
      </c>
      <c r="HS9" s="263">
        <v>0</v>
      </c>
      <c r="HT9" s="270">
        <v>0</v>
      </c>
      <c r="HU9" s="263">
        <v>0</v>
      </c>
      <c r="HV9" s="270">
        <v>0</v>
      </c>
      <c r="HW9" s="263">
        <v>0</v>
      </c>
      <c r="HX9" s="270">
        <v>0</v>
      </c>
      <c r="HY9" s="260">
        <v>0</v>
      </c>
      <c r="HZ9" s="273">
        <v>410106</v>
      </c>
      <c r="IA9" s="274">
        <v>968100</v>
      </c>
      <c r="IB9" s="275">
        <v>1378206</v>
      </c>
      <c r="IC9" s="276">
        <v>0</v>
      </c>
      <c r="ID9" s="274">
        <v>86301265</v>
      </c>
      <c r="IE9" s="277">
        <v>113574065</v>
      </c>
      <c r="IF9" s="278">
        <v>110565735</v>
      </c>
      <c r="IG9" s="274">
        <v>79480657</v>
      </c>
      <c r="IH9" s="278">
        <v>58238351</v>
      </c>
      <c r="II9" s="279">
        <v>448160073</v>
      </c>
      <c r="IJ9" s="280">
        <v>449538279</v>
      </c>
      <c r="IK9" s="281">
        <v>0</v>
      </c>
      <c r="IL9" s="282">
        <v>0</v>
      </c>
      <c r="IM9" s="283">
        <v>0</v>
      </c>
      <c r="IN9" s="406">
        <v>0</v>
      </c>
      <c r="IO9" s="284">
        <v>1454174</v>
      </c>
      <c r="IP9" s="284">
        <v>3008477</v>
      </c>
      <c r="IQ9" s="284">
        <v>5570144</v>
      </c>
      <c r="IR9" s="284">
        <v>5111830</v>
      </c>
      <c r="IS9" s="284">
        <v>7725359</v>
      </c>
      <c r="IT9" s="285">
        <v>22869984</v>
      </c>
      <c r="IU9" s="286">
        <v>22869984</v>
      </c>
      <c r="IV9" s="287">
        <v>0</v>
      </c>
      <c r="IW9" s="284">
        <v>0</v>
      </c>
      <c r="IX9" s="288">
        <v>0</v>
      </c>
      <c r="IY9" s="406">
        <v>0</v>
      </c>
      <c r="IZ9" s="284">
        <v>230276</v>
      </c>
      <c r="JA9" s="284">
        <v>411825</v>
      </c>
      <c r="JB9" s="284">
        <v>677320</v>
      </c>
      <c r="JC9" s="284">
        <v>907668</v>
      </c>
      <c r="JD9" s="284">
        <v>689373</v>
      </c>
      <c r="JE9" s="288">
        <v>2916462</v>
      </c>
      <c r="JF9" s="289">
        <v>2916462</v>
      </c>
      <c r="JG9" s="287">
        <v>0</v>
      </c>
      <c r="JH9" s="284">
        <v>0</v>
      </c>
      <c r="JI9" s="285">
        <v>0</v>
      </c>
      <c r="JJ9" s="290">
        <v>0</v>
      </c>
      <c r="JK9" s="284">
        <v>40135108</v>
      </c>
      <c r="JL9" s="284">
        <v>49127480</v>
      </c>
      <c r="JM9" s="284">
        <v>30826695</v>
      </c>
      <c r="JN9" s="284">
        <v>13752248</v>
      </c>
      <c r="JO9" s="284">
        <v>8641010</v>
      </c>
      <c r="JP9" s="288">
        <v>142482541</v>
      </c>
      <c r="JQ9" s="286">
        <v>142482541</v>
      </c>
      <c r="JR9" s="287">
        <v>0</v>
      </c>
      <c r="JS9" s="284">
        <v>0</v>
      </c>
      <c r="JT9" s="285">
        <v>0</v>
      </c>
      <c r="JU9" s="290">
        <v>0</v>
      </c>
      <c r="JV9" s="284">
        <v>6000043</v>
      </c>
      <c r="JW9" s="284">
        <v>8148027</v>
      </c>
      <c r="JX9" s="284">
        <v>8410671</v>
      </c>
      <c r="JY9" s="284">
        <v>5199424</v>
      </c>
      <c r="JZ9" s="284">
        <v>2861996</v>
      </c>
      <c r="KA9" s="288">
        <v>30620161</v>
      </c>
      <c r="KB9" s="286">
        <v>30620161</v>
      </c>
      <c r="KC9" s="291">
        <v>410106</v>
      </c>
      <c r="KD9" s="292">
        <v>724696</v>
      </c>
      <c r="KE9" s="288">
        <v>1134802</v>
      </c>
      <c r="KF9" s="290">
        <v>0</v>
      </c>
      <c r="KG9" s="284">
        <v>9591228</v>
      </c>
      <c r="KH9" s="284">
        <v>14854056</v>
      </c>
      <c r="KI9" s="284">
        <v>16916300</v>
      </c>
      <c r="KJ9" s="284">
        <v>12999037</v>
      </c>
      <c r="KK9" s="284">
        <v>8031925</v>
      </c>
      <c r="KL9" s="288">
        <v>62392546</v>
      </c>
      <c r="KM9" s="293">
        <v>63527348</v>
      </c>
      <c r="KN9" s="281">
        <v>0</v>
      </c>
      <c r="KO9" s="282">
        <v>243404</v>
      </c>
      <c r="KP9" s="283">
        <v>243404</v>
      </c>
      <c r="KQ9" s="406">
        <v>0</v>
      </c>
      <c r="KR9" s="284">
        <v>24503133</v>
      </c>
      <c r="KS9" s="284">
        <v>33340860</v>
      </c>
      <c r="KT9" s="284">
        <v>36848287</v>
      </c>
      <c r="KU9" s="284">
        <v>27285087</v>
      </c>
      <c r="KV9" s="284">
        <v>15629411</v>
      </c>
      <c r="KW9" s="288">
        <v>137606778</v>
      </c>
      <c r="KX9" s="286">
        <v>137850182</v>
      </c>
      <c r="KY9" s="287">
        <v>0</v>
      </c>
      <c r="KZ9" s="284">
        <v>0</v>
      </c>
      <c r="LA9" s="288">
        <v>0</v>
      </c>
      <c r="LB9" s="406">
        <v>0</v>
      </c>
      <c r="LC9" s="284">
        <v>897616</v>
      </c>
      <c r="LD9" s="284">
        <v>856591</v>
      </c>
      <c r="LE9" s="284">
        <v>638500</v>
      </c>
      <c r="LF9" s="284">
        <v>916352</v>
      </c>
      <c r="LG9" s="284">
        <v>1000763</v>
      </c>
      <c r="LH9" s="288">
        <v>4309822</v>
      </c>
      <c r="LI9" s="289">
        <v>4309822</v>
      </c>
      <c r="LJ9" s="287">
        <v>0</v>
      </c>
      <c r="LK9" s="284">
        <v>0</v>
      </c>
      <c r="LL9" s="288">
        <v>0</v>
      </c>
      <c r="LM9" s="406">
        <v>0</v>
      </c>
      <c r="LN9" s="284">
        <v>237692</v>
      </c>
      <c r="LO9" s="284">
        <v>461126</v>
      </c>
      <c r="LP9" s="284">
        <v>3377894</v>
      </c>
      <c r="LQ9" s="284">
        <v>7684049</v>
      </c>
      <c r="LR9" s="284">
        <v>5310741</v>
      </c>
      <c r="LS9" s="288">
        <v>17071502</v>
      </c>
      <c r="LT9" s="286">
        <v>17071502</v>
      </c>
      <c r="LU9" s="287">
        <v>0</v>
      </c>
      <c r="LV9" s="284">
        <v>0</v>
      </c>
      <c r="LW9" s="288">
        <v>0</v>
      </c>
      <c r="LX9" s="406">
        <v>0</v>
      </c>
      <c r="LY9" s="284">
        <v>3251995</v>
      </c>
      <c r="LZ9" s="284">
        <v>3365623</v>
      </c>
      <c r="MA9" s="284">
        <v>7299924</v>
      </c>
      <c r="MB9" s="284">
        <v>5624962</v>
      </c>
      <c r="MC9" s="284">
        <v>8347773</v>
      </c>
      <c r="MD9" s="288">
        <v>27890277</v>
      </c>
      <c r="ME9" s="289">
        <v>27890277</v>
      </c>
      <c r="MF9" s="287">
        <v>0</v>
      </c>
      <c r="MG9" s="284">
        <v>0</v>
      </c>
      <c r="MH9" s="288">
        <v>0</v>
      </c>
      <c r="MI9" s="406">
        <v>0</v>
      </c>
      <c r="MJ9" s="284">
        <v>25072643</v>
      </c>
      <c r="MK9" s="284">
        <v>64903020</v>
      </c>
      <c r="ML9" s="284">
        <v>206176846</v>
      </c>
      <c r="MM9" s="284">
        <v>290434912</v>
      </c>
      <c r="MN9" s="284">
        <v>159273741</v>
      </c>
      <c r="MO9" s="288">
        <v>745861162</v>
      </c>
      <c r="MP9" s="293">
        <v>745861162</v>
      </c>
      <c r="MQ9" s="287">
        <v>0</v>
      </c>
      <c r="MR9" s="284">
        <v>0</v>
      </c>
      <c r="MS9" s="288">
        <v>0</v>
      </c>
      <c r="MT9" s="406">
        <v>0</v>
      </c>
      <c r="MU9" s="284">
        <v>3656594</v>
      </c>
      <c r="MV9" s="284">
        <v>15122579</v>
      </c>
      <c r="MW9" s="284">
        <v>120127412</v>
      </c>
      <c r="MX9" s="284">
        <v>182233950</v>
      </c>
      <c r="MY9" s="284">
        <v>101296513</v>
      </c>
      <c r="MZ9" s="288">
        <v>422437048</v>
      </c>
      <c r="NA9" s="293">
        <v>422437048</v>
      </c>
      <c r="NB9" s="287">
        <v>0</v>
      </c>
      <c r="NC9" s="284">
        <v>0</v>
      </c>
      <c r="ND9" s="288">
        <v>0</v>
      </c>
      <c r="NE9" s="406">
        <v>0</v>
      </c>
      <c r="NF9" s="284">
        <v>21416049</v>
      </c>
      <c r="NG9" s="284">
        <v>49714997</v>
      </c>
      <c r="NH9" s="284">
        <v>85638871</v>
      </c>
      <c r="NI9" s="284">
        <v>103221014</v>
      </c>
      <c r="NJ9" s="284">
        <v>50599341</v>
      </c>
      <c r="NK9" s="288">
        <v>310590272</v>
      </c>
      <c r="NL9" s="286">
        <v>310590272</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0</v>
      </c>
      <c r="OC9" s="284">
        <v>65444</v>
      </c>
      <c r="OD9" s="284">
        <v>410563</v>
      </c>
      <c r="OE9" s="284">
        <v>4979948</v>
      </c>
      <c r="OF9" s="284">
        <v>7377887</v>
      </c>
      <c r="OG9" s="288">
        <v>12833842</v>
      </c>
      <c r="OH9" s="289">
        <v>12833842</v>
      </c>
      <c r="OI9" s="287">
        <v>29569926</v>
      </c>
      <c r="OJ9" s="284">
        <v>53278573</v>
      </c>
      <c r="OK9" s="285">
        <v>82848499</v>
      </c>
      <c r="OL9" s="290">
        <v>0</v>
      </c>
      <c r="OM9" s="284">
        <v>443243186</v>
      </c>
      <c r="ON9" s="284">
        <v>633497079</v>
      </c>
      <c r="OO9" s="284">
        <v>683399155</v>
      </c>
      <c r="OP9" s="284">
        <v>701413150</v>
      </c>
      <c r="OQ9" s="284">
        <v>422136375</v>
      </c>
      <c r="OR9" s="288">
        <v>2883688945</v>
      </c>
      <c r="OS9" s="293">
        <v>2966537444</v>
      </c>
    </row>
    <row r="10" spans="1:409" s="407" customFormat="1" ht="21" customHeight="1" x14ac:dyDescent="0.2">
      <c r="A10" s="70"/>
      <c r="B10" s="409" t="s">
        <v>5</v>
      </c>
      <c r="C10" s="295">
        <v>11645808</v>
      </c>
      <c r="D10" s="296">
        <v>28477661</v>
      </c>
      <c r="E10" s="297">
        <v>40123469</v>
      </c>
      <c r="F10" s="298">
        <v>0</v>
      </c>
      <c r="G10" s="296">
        <v>122098731</v>
      </c>
      <c r="H10" s="296">
        <v>213575850</v>
      </c>
      <c r="I10" s="296">
        <v>169692025</v>
      </c>
      <c r="J10" s="296">
        <v>149437308</v>
      </c>
      <c r="K10" s="296">
        <v>89253278</v>
      </c>
      <c r="L10" s="298">
        <v>744057192</v>
      </c>
      <c r="M10" s="299">
        <v>784180661</v>
      </c>
      <c r="N10" s="295">
        <v>3707417</v>
      </c>
      <c r="O10" s="296">
        <v>11200450</v>
      </c>
      <c r="P10" s="297">
        <v>14907867</v>
      </c>
      <c r="Q10" s="295">
        <v>0</v>
      </c>
      <c r="R10" s="296">
        <v>41331120</v>
      </c>
      <c r="S10" s="296">
        <v>78539301</v>
      </c>
      <c r="T10" s="296">
        <v>61322141</v>
      </c>
      <c r="U10" s="296">
        <v>57150971</v>
      </c>
      <c r="V10" s="296">
        <v>43638735</v>
      </c>
      <c r="W10" s="297">
        <v>281982268</v>
      </c>
      <c r="X10" s="299">
        <v>296890135</v>
      </c>
      <c r="Y10" s="295">
        <v>0</v>
      </c>
      <c r="Z10" s="296">
        <v>0</v>
      </c>
      <c r="AA10" s="297">
        <v>0</v>
      </c>
      <c r="AB10" s="295">
        <v>0</v>
      </c>
      <c r="AC10" s="296">
        <v>16420025</v>
      </c>
      <c r="AD10" s="296">
        <v>29095252</v>
      </c>
      <c r="AE10" s="296">
        <v>27763485</v>
      </c>
      <c r="AF10" s="296">
        <v>27009888</v>
      </c>
      <c r="AG10" s="296">
        <v>23449887</v>
      </c>
      <c r="AH10" s="297">
        <v>123738537</v>
      </c>
      <c r="AI10" s="299">
        <v>123738537</v>
      </c>
      <c r="AJ10" s="295">
        <v>0</v>
      </c>
      <c r="AK10" s="296">
        <v>74975</v>
      </c>
      <c r="AL10" s="297">
        <v>74975</v>
      </c>
      <c r="AM10" s="295">
        <v>0</v>
      </c>
      <c r="AN10" s="296">
        <v>88192</v>
      </c>
      <c r="AO10" s="296">
        <v>550001</v>
      </c>
      <c r="AP10" s="296">
        <v>1041387</v>
      </c>
      <c r="AQ10" s="296">
        <v>3775194</v>
      </c>
      <c r="AR10" s="296">
        <v>5308031</v>
      </c>
      <c r="AS10" s="297">
        <v>10762805</v>
      </c>
      <c r="AT10" s="299">
        <v>10837780</v>
      </c>
      <c r="AU10" s="295">
        <v>2035630</v>
      </c>
      <c r="AV10" s="296">
        <v>8157886</v>
      </c>
      <c r="AW10" s="297">
        <v>10193516</v>
      </c>
      <c r="AX10" s="295">
        <v>0</v>
      </c>
      <c r="AY10" s="296">
        <v>16330695</v>
      </c>
      <c r="AZ10" s="296">
        <v>35879356</v>
      </c>
      <c r="BA10" s="296">
        <v>22032472</v>
      </c>
      <c r="BB10" s="296">
        <v>16590084</v>
      </c>
      <c r="BC10" s="296">
        <v>9088965</v>
      </c>
      <c r="BD10" s="297">
        <v>99921572</v>
      </c>
      <c r="BE10" s="299">
        <v>110115088</v>
      </c>
      <c r="BF10" s="295">
        <v>241947</v>
      </c>
      <c r="BG10" s="296">
        <v>804789</v>
      </c>
      <c r="BH10" s="300">
        <v>1046736</v>
      </c>
      <c r="BI10" s="301">
        <v>0</v>
      </c>
      <c r="BJ10" s="296">
        <v>941328</v>
      </c>
      <c r="BK10" s="296">
        <v>1676702</v>
      </c>
      <c r="BL10" s="296">
        <v>1410913</v>
      </c>
      <c r="BM10" s="296">
        <v>976389</v>
      </c>
      <c r="BN10" s="296">
        <v>557862</v>
      </c>
      <c r="BO10" s="297">
        <v>5563194</v>
      </c>
      <c r="BP10" s="299">
        <v>6609930</v>
      </c>
      <c r="BQ10" s="295">
        <v>1429840</v>
      </c>
      <c r="BR10" s="296">
        <v>2162800</v>
      </c>
      <c r="BS10" s="297">
        <v>3592640</v>
      </c>
      <c r="BT10" s="295">
        <v>0</v>
      </c>
      <c r="BU10" s="296">
        <v>7550880</v>
      </c>
      <c r="BV10" s="296">
        <v>11337990</v>
      </c>
      <c r="BW10" s="296">
        <v>9073884</v>
      </c>
      <c r="BX10" s="296">
        <v>8799416</v>
      </c>
      <c r="BY10" s="296">
        <v>5233990</v>
      </c>
      <c r="BZ10" s="297">
        <v>41996160</v>
      </c>
      <c r="CA10" s="299">
        <v>45588800</v>
      </c>
      <c r="CB10" s="295">
        <v>1525719</v>
      </c>
      <c r="CC10" s="296">
        <v>4274968</v>
      </c>
      <c r="CD10" s="297">
        <v>5800687</v>
      </c>
      <c r="CE10" s="295">
        <v>0</v>
      </c>
      <c r="CF10" s="296">
        <v>35722155</v>
      </c>
      <c r="CG10" s="296">
        <v>53983867</v>
      </c>
      <c r="CH10" s="296">
        <v>37404630</v>
      </c>
      <c r="CI10" s="296">
        <v>20724657</v>
      </c>
      <c r="CJ10" s="296">
        <v>9392819</v>
      </c>
      <c r="CK10" s="297">
        <v>157228128</v>
      </c>
      <c r="CL10" s="299">
        <v>163028815</v>
      </c>
      <c r="CM10" s="295">
        <v>0</v>
      </c>
      <c r="CN10" s="296">
        <v>0</v>
      </c>
      <c r="CO10" s="297">
        <v>0</v>
      </c>
      <c r="CP10" s="301">
        <v>0</v>
      </c>
      <c r="CQ10" s="296">
        <v>28563071</v>
      </c>
      <c r="CR10" s="296">
        <v>38247823</v>
      </c>
      <c r="CS10" s="296">
        <v>25246845</v>
      </c>
      <c r="CT10" s="296">
        <v>13519324</v>
      </c>
      <c r="CU10" s="296">
        <v>7615335</v>
      </c>
      <c r="CV10" s="297">
        <v>113192398</v>
      </c>
      <c r="CW10" s="299">
        <v>113192398</v>
      </c>
      <c r="CX10" s="295">
        <v>1525719</v>
      </c>
      <c r="CY10" s="296">
        <v>4274968</v>
      </c>
      <c r="CZ10" s="297">
        <v>5800687</v>
      </c>
      <c r="DA10" s="295">
        <v>0</v>
      </c>
      <c r="DB10" s="296">
        <v>7159084</v>
      </c>
      <c r="DC10" s="296">
        <v>15736044</v>
      </c>
      <c r="DD10" s="296">
        <v>12157785</v>
      </c>
      <c r="DE10" s="296">
        <v>7205333</v>
      </c>
      <c r="DF10" s="296">
        <v>1777484</v>
      </c>
      <c r="DG10" s="297">
        <v>44035730</v>
      </c>
      <c r="DH10" s="299">
        <v>49836417</v>
      </c>
      <c r="DI10" s="295">
        <v>62917</v>
      </c>
      <c r="DJ10" s="296">
        <v>422590</v>
      </c>
      <c r="DK10" s="300">
        <v>485507</v>
      </c>
      <c r="DL10" s="301">
        <v>0</v>
      </c>
      <c r="DM10" s="296">
        <v>3780075</v>
      </c>
      <c r="DN10" s="296">
        <v>9755779</v>
      </c>
      <c r="DO10" s="296">
        <v>14631613</v>
      </c>
      <c r="DP10" s="296">
        <v>11989226</v>
      </c>
      <c r="DQ10" s="296">
        <v>6653744</v>
      </c>
      <c r="DR10" s="297">
        <v>46810437</v>
      </c>
      <c r="DS10" s="299">
        <v>47295944</v>
      </c>
      <c r="DT10" s="295">
        <v>62917</v>
      </c>
      <c r="DU10" s="296">
        <v>358451</v>
      </c>
      <c r="DV10" s="297">
        <v>421368</v>
      </c>
      <c r="DW10" s="295">
        <v>0</v>
      </c>
      <c r="DX10" s="296">
        <v>3410816</v>
      </c>
      <c r="DY10" s="296">
        <v>7334696</v>
      </c>
      <c r="DZ10" s="296">
        <v>11833805</v>
      </c>
      <c r="EA10" s="296">
        <v>9952904</v>
      </c>
      <c r="EB10" s="296">
        <v>5356465</v>
      </c>
      <c r="EC10" s="297">
        <v>37888686</v>
      </c>
      <c r="ED10" s="299">
        <v>38310054</v>
      </c>
      <c r="EE10" s="295">
        <v>0</v>
      </c>
      <c r="EF10" s="300">
        <v>64139</v>
      </c>
      <c r="EG10" s="297">
        <v>64139</v>
      </c>
      <c r="EH10" s="295">
        <v>0</v>
      </c>
      <c r="EI10" s="296">
        <v>369259</v>
      </c>
      <c r="EJ10" s="296">
        <v>2421083</v>
      </c>
      <c r="EK10" s="296">
        <v>2797808</v>
      </c>
      <c r="EL10" s="296">
        <v>2036322</v>
      </c>
      <c r="EM10" s="296">
        <v>1297279</v>
      </c>
      <c r="EN10" s="300">
        <v>8921751</v>
      </c>
      <c r="EO10" s="299">
        <v>8985890</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2466044</v>
      </c>
      <c r="FM10" s="296">
        <v>5823404</v>
      </c>
      <c r="FN10" s="297">
        <v>8289448</v>
      </c>
      <c r="FO10" s="295">
        <v>0</v>
      </c>
      <c r="FP10" s="296">
        <v>5553271</v>
      </c>
      <c r="FQ10" s="296">
        <v>19764541</v>
      </c>
      <c r="FR10" s="296">
        <v>12985531</v>
      </c>
      <c r="FS10" s="296">
        <v>10838982</v>
      </c>
      <c r="FT10" s="296">
        <v>6147810</v>
      </c>
      <c r="FU10" s="297">
        <v>55290135</v>
      </c>
      <c r="FV10" s="299">
        <v>63579583</v>
      </c>
      <c r="FW10" s="302">
        <v>931072</v>
      </c>
      <c r="FX10" s="296">
        <v>3461572</v>
      </c>
      <c r="FY10" s="300">
        <v>4392644</v>
      </c>
      <c r="FZ10" s="301">
        <v>0</v>
      </c>
      <c r="GA10" s="296">
        <v>3545368</v>
      </c>
      <c r="GB10" s="296">
        <v>16852474</v>
      </c>
      <c r="GC10" s="296">
        <v>12064016</v>
      </c>
      <c r="GD10" s="296">
        <v>8791528</v>
      </c>
      <c r="GE10" s="296">
        <v>5878166</v>
      </c>
      <c r="GF10" s="297">
        <v>47131552</v>
      </c>
      <c r="GG10" s="303">
        <v>51524196</v>
      </c>
      <c r="GH10" s="302">
        <v>244120</v>
      </c>
      <c r="GI10" s="296">
        <v>309088</v>
      </c>
      <c r="GJ10" s="300">
        <v>553208</v>
      </c>
      <c r="GK10" s="301">
        <v>0</v>
      </c>
      <c r="GL10" s="296">
        <v>258543</v>
      </c>
      <c r="GM10" s="296">
        <v>742528</v>
      </c>
      <c r="GN10" s="296">
        <v>429435</v>
      </c>
      <c r="GO10" s="296">
        <v>701774</v>
      </c>
      <c r="GP10" s="296">
        <v>141644</v>
      </c>
      <c r="GQ10" s="297">
        <v>2273924</v>
      </c>
      <c r="GR10" s="299">
        <v>2827132</v>
      </c>
      <c r="GS10" s="295">
        <v>1290852</v>
      </c>
      <c r="GT10" s="296">
        <v>2052744</v>
      </c>
      <c r="GU10" s="297">
        <v>3343596</v>
      </c>
      <c r="GV10" s="295">
        <v>0</v>
      </c>
      <c r="GW10" s="296">
        <v>1749360</v>
      </c>
      <c r="GX10" s="296">
        <v>2169539</v>
      </c>
      <c r="GY10" s="296">
        <v>492080</v>
      </c>
      <c r="GZ10" s="296">
        <v>1345680</v>
      </c>
      <c r="HA10" s="296">
        <v>128000</v>
      </c>
      <c r="HB10" s="300">
        <v>5884659</v>
      </c>
      <c r="HC10" s="299">
        <v>9228255</v>
      </c>
      <c r="HD10" s="295">
        <v>3883711</v>
      </c>
      <c r="HE10" s="296">
        <v>6756249</v>
      </c>
      <c r="HF10" s="300">
        <v>10639960</v>
      </c>
      <c r="HG10" s="301">
        <v>0</v>
      </c>
      <c r="HH10" s="296">
        <v>35712110</v>
      </c>
      <c r="HI10" s="296">
        <v>51532362</v>
      </c>
      <c r="HJ10" s="296">
        <v>43348110</v>
      </c>
      <c r="HK10" s="296">
        <v>48733472</v>
      </c>
      <c r="HL10" s="296">
        <v>23420170</v>
      </c>
      <c r="HM10" s="297">
        <v>202746224</v>
      </c>
      <c r="HN10" s="298">
        <v>213386184</v>
      </c>
      <c r="HO10" s="302">
        <v>0</v>
      </c>
      <c r="HP10" s="296">
        <v>0</v>
      </c>
      <c r="HQ10" s="297">
        <v>0</v>
      </c>
      <c r="HR10" s="295">
        <v>0</v>
      </c>
      <c r="HS10" s="296">
        <v>0</v>
      </c>
      <c r="HT10" s="296">
        <v>0</v>
      </c>
      <c r="HU10" s="296">
        <v>0</v>
      </c>
      <c r="HV10" s="296">
        <v>0</v>
      </c>
      <c r="HW10" s="296">
        <v>0</v>
      </c>
      <c r="HX10" s="300">
        <v>0</v>
      </c>
      <c r="HY10" s="299">
        <v>0</v>
      </c>
      <c r="HZ10" s="304">
        <v>196089</v>
      </c>
      <c r="IA10" s="305">
        <v>494199</v>
      </c>
      <c r="IB10" s="306">
        <v>690288</v>
      </c>
      <c r="IC10" s="307">
        <v>0</v>
      </c>
      <c r="ID10" s="308">
        <v>32937154</v>
      </c>
      <c r="IE10" s="309">
        <v>50302661</v>
      </c>
      <c r="IF10" s="310">
        <v>48426992</v>
      </c>
      <c r="IG10" s="308">
        <v>31104969</v>
      </c>
      <c r="IH10" s="310">
        <v>26127420</v>
      </c>
      <c r="II10" s="311">
        <v>188899196</v>
      </c>
      <c r="IJ10" s="312">
        <v>189589484</v>
      </c>
      <c r="IK10" s="313">
        <v>0</v>
      </c>
      <c r="IL10" s="314">
        <v>0</v>
      </c>
      <c r="IM10" s="315">
        <v>0</v>
      </c>
      <c r="IN10" s="403">
        <v>0</v>
      </c>
      <c r="IO10" s="316">
        <v>551009</v>
      </c>
      <c r="IP10" s="316">
        <v>1771780</v>
      </c>
      <c r="IQ10" s="316">
        <v>2431678</v>
      </c>
      <c r="IR10" s="316">
        <v>3169103</v>
      </c>
      <c r="IS10" s="316">
        <v>3511267</v>
      </c>
      <c r="IT10" s="317">
        <v>11434837</v>
      </c>
      <c r="IU10" s="318">
        <v>11434837</v>
      </c>
      <c r="IV10" s="319">
        <v>0</v>
      </c>
      <c r="IW10" s="316">
        <v>0</v>
      </c>
      <c r="IX10" s="320">
        <v>0</v>
      </c>
      <c r="IY10" s="403">
        <v>0</v>
      </c>
      <c r="IZ10" s="316">
        <v>129411</v>
      </c>
      <c r="JA10" s="316">
        <v>336072</v>
      </c>
      <c r="JB10" s="316">
        <v>452006</v>
      </c>
      <c r="JC10" s="316">
        <v>855934</v>
      </c>
      <c r="JD10" s="316">
        <v>530168</v>
      </c>
      <c r="JE10" s="320">
        <v>2303591</v>
      </c>
      <c r="JF10" s="321">
        <v>2303591</v>
      </c>
      <c r="JG10" s="319">
        <v>0</v>
      </c>
      <c r="JH10" s="316">
        <v>0</v>
      </c>
      <c r="JI10" s="317">
        <v>0</v>
      </c>
      <c r="JJ10" s="322">
        <v>0</v>
      </c>
      <c r="JK10" s="316">
        <v>14538393</v>
      </c>
      <c r="JL10" s="316">
        <v>22864258</v>
      </c>
      <c r="JM10" s="316">
        <v>17869195</v>
      </c>
      <c r="JN10" s="316">
        <v>5927459</v>
      </c>
      <c r="JO10" s="316">
        <v>4112810</v>
      </c>
      <c r="JP10" s="320">
        <v>65312115</v>
      </c>
      <c r="JQ10" s="318">
        <v>65312115</v>
      </c>
      <c r="JR10" s="319">
        <v>0</v>
      </c>
      <c r="JS10" s="316">
        <v>0</v>
      </c>
      <c r="JT10" s="317">
        <v>0</v>
      </c>
      <c r="JU10" s="322">
        <v>0</v>
      </c>
      <c r="JV10" s="316">
        <v>3925852</v>
      </c>
      <c r="JW10" s="316">
        <v>4664295</v>
      </c>
      <c r="JX10" s="316">
        <v>5020587</v>
      </c>
      <c r="JY10" s="316">
        <v>2655779</v>
      </c>
      <c r="JZ10" s="316">
        <v>1263447</v>
      </c>
      <c r="KA10" s="320">
        <v>17529960</v>
      </c>
      <c r="KB10" s="318">
        <v>17529960</v>
      </c>
      <c r="KC10" s="323">
        <v>196089</v>
      </c>
      <c r="KD10" s="324">
        <v>250795</v>
      </c>
      <c r="KE10" s="320">
        <v>446884</v>
      </c>
      <c r="KF10" s="322">
        <v>0</v>
      </c>
      <c r="KG10" s="316">
        <v>3968183</v>
      </c>
      <c r="KH10" s="316">
        <v>6703417</v>
      </c>
      <c r="KI10" s="316">
        <v>7845661</v>
      </c>
      <c r="KJ10" s="316">
        <v>5008901</v>
      </c>
      <c r="KK10" s="316">
        <v>4151398</v>
      </c>
      <c r="KL10" s="320">
        <v>27677560</v>
      </c>
      <c r="KM10" s="325">
        <v>28124444</v>
      </c>
      <c r="KN10" s="313">
        <v>0</v>
      </c>
      <c r="KO10" s="314">
        <v>243404</v>
      </c>
      <c r="KP10" s="315">
        <v>243404</v>
      </c>
      <c r="KQ10" s="403">
        <v>0</v>
      </c>
      <c r="KR10" s="316">
        <v>8986206</v>
      </c>
      <c r="KS10" s="316">
        <v>13491598</v>
      </c>
      <c r="KT10" s="316">
        <v>12348573</v>
      </c>
      <c r="KU10" s="316">
        <v>10584891</v>
      </c>
      <c r="KV10" s="316">
        <v>8164388</v>
      </c>
      <c r="KW10" s="320">
        <v>53575656</v>
      </c>
      <c r="KX10" s="318">
        <v>53819060</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237692</v>
      </c>
      <c r="LO10" s="316">
        <v>0</v>
      </c>
      <c r="LP10" s="316">
        <v>775577</v>
      </c>
      <c r="LQ10" s="316">
        <v>1559199</v>
      </c>
      <c r="LR10" s="316">
        <v>640068</v>
      </c>
      <c r="LS10" s="320">
        <v>3212536</v>
      </c>
      <c r="LT10" s="318">
        <v>3212536</v>
      </c>
      <c r="LU10" s="319">
        <v>0</v>
      </c>
      <c r="LV10" s="316">
        <v>0</v>
      </c>
      <c r="LW10" s="320">
        <v>0</v>
      </c>
      <c r="LX10" s="403">
        <v>0</v>
      </c>
      <c r="LY10" s="316">
        <v>600408</v>
      </c>
      <c r="LZ10" s="316">
        <v>471241</v>
      </c>
      <c r="MA10" s="316">
        <v>1683715</v>
      </c>
      <c r="MB10" s="316">
        <v>1343703</v>
      </c>
      <c r="MC10" s="316">
        <v>3753874</v>
      </c>
      <c r="MD10" s="320">
        <v>7852941</v>
      </c>
      <c r="ME10" s="321">
        <v>7852941</v>
      </c>
      <c r="MF10" s="319">
        <v>0</v>
      </c>
      <c r="MG10" s="316">
        <v>0</v>
      </c>
      <c r="MH10" s="320">
        <v>0</v>
      </c>
      <c r="MI10" s="403">
        <v>0</v>
      </c>
      <c r="MJ10" s="316">
        <v>12553757</v>
      </c>
      <c r="MK10" s="316">
        <v>37896770</v>
      </c>
      <c r="ML10" s="316">
        <v>99548562</v>
      </c>
      <c r="MM10" s="316">
        <v>145695757</v>
      </c>
      <c r="MN10" s="316">
        <v>73575928</v>
      </c>
      <c r="MO10" s="320">
        <v>369270774</v>
      </c>
      <c r="MP10" s="325">
        <v>369270774</v>
      </c>
      <c r="MQ10" s="319">
        <v>0</v>
      </c>
      <c r="MR10" s="316">
        <v>0</v>
      </c>
      <c r="MS10" s="320">
        <v>0</v>
      </c>
      <c r="MT10" s="403">
        <v>0</v>
      </c>
      <c r="MU10" s="316">
        <v>2281764</v>
      </c>
      <c r="MV10" s="316">
        <v>11853723</v>
      </c>
      <c r="MW10" s="316">
        <v>60109749</v>
      </c>
      <c r="MX10" s="316">
        <v>86219722</v>
      </c>
      <c r="MY10" s="316">
        <v>44323956</v>
      </c>
      <c r="MZ10" s="320">
        <v>204788914</v>
      </c>
      <c r="NA10" s="325">
        <v>204788914</v>
      </c>
      <c r="NB10" s="319">
        <v>0</v>
      </c>
      <c r="NC10" s="316">
        <v>0</v>
      </c>
      <c r="ND10" s="320">
        <v>0</v>
      </c>
      <c r="NE10" s="403">
        <v>0</v>
      </c>
      <c r="NF10" s="316">
        <v>10271993</v>
      </c>
      <c r="NG10" s="316">
        <v>26043047</v>
      </c>
      <c r="NH10" s="316">
        <v>39421032</v>
      </c>
      <c r="NI10" s="316">
        <v>57401642</v>
      </c>
      <c r="NJ10" s="316">
        <v>26909209</v>
      </c>
      <c r="NK10" s="320">
        <v>160046923</v>
      </c>
      <c r="NL10" s="318">
        <v>160046923</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17781</v>
      </c>
      <c r="OE10" s="316">
        <v>2074393</v>
      </c>
      <c r="OF10" s="316">
        <v>2342763</v>
      </c>
      <c r="OG10" s="320">
        <v>4434937</v>
      </c>
      <c r="OH10" s="321">
        <v>4434937</v>
      </c>
      <c r="OI10" s="319">
        <v>11841897</v>
      </c>
      <c r="OJ10" s="316">
        <v>28971860</v>
      </c>
      <c r="OK10" s="317">
        <v>40813757</v>
      </c>
      <c r="OL10" s="322">
        <v>0</v>
      </c>
      <c r="OM10" s="316">
        <v>167589642</v>
      </c>
      <c r="ON10" s="316">
        <v>301775281</v>
      </c>
      <c r="OO10" s="316">
        <v>317667579</v>
      </c>
      <c r="OP10" s="316">
        <v>326238034</v>
      </c>
      <c r="OQ10" s="316">
        <v>188956626</v>
      </c>
      <c r="OR10" s="320">
        <v>1302227162</v>
      </c>
      <c r="OS10" s="325">
        <v>1343040919</v>
      </c>
    </row>
    <row r="11" spans="1:409" s="70" customFormat="1" ht="21" customHeight="1" x14ac:dyDescent="0.2">
      <c r="B11" s="410" t="s">
        <v>6</v>
      </c>
      <c r="C11" s="326">
        <v>3681224</v>
      </c>
      <c r="D11" s="327">
        <v>4548486</v>
      </c>
      <c r="E11" s="328">
        <v>8229710</v>
      </c>
      <c r="F11" s="329">
        <v>0</v>
      </c>
      <c r="G11" s="327">
        <v>49195768</v>
      </c>
      <c r="H11" s="327">
        <v>58104952</v>
      </c>
      <c r="I11" s="327">
        <v>40639557</v>
      </c>
      <c r="J11" s="327">
        <v>42209532</v>
      </c>
      <c r="K11" s="327">
        <v>26951299</v>
      </c>
      <c r="L11" s="329">
        <v>217101108</v>
      </c>
      <c r="M11" s="330">
        <v>225330818</v>
      </c>
      <c r="N11" s="326">
        <v>1135213</v>
      </c>
      <c r="O11" s="327">
        <v>1852674</v>
      </c>
      <c r="P11" s="328">
        <v>2987887</v>
      </c>
      <c r="Q11" s="326">
        <v>0</v>
      </c>
      <c r="R11" s="327">
        <v>15350866</v>
      </c>
      <c r="S11" s="327">
        <v>18742826</v>
      </c>
      <c r="T11" s="327">
        <v>13309460</v>
      </c>
      <c r="U11" s="327">
        <v>16252447</v>
      </c>
      <c r="V11" s="327">
        <v>13883889</v>
      </c>
      <c r="W11" s="328">
        <v>77539488</v>
      </c>
      <c r="X11" s="330">
        <v>80527375</v>
      </c>
      <c r="Y11" s="326">
        <v>0</v>
      </c>
      <c r="Z11" s="327">
        <v>0</v>
      </c>
      <c r="AA11" s="328">
        <v>0</v>
      </c>
      <c r="AB11" s="326">
        <v>0</v>
      </c>
      <c r="AC11" s="327">
        <v>6119143</v>
      </c>
      <c r="AD11" s="327">
        <v>7307020</v>
      </c>
      <c r="AE11" s="327">
        <v>6199449</v>
      </c>
      <c r="AF11" s="327">
        <v>8539084</v>
      </c>
      <c r="AG11" s="327">
        <v>8305109</v>
      </c>
      <c r="AH11" s="328">
        <v>36469805</v>
      </c>
      <c r="AI11" s="330">
        <v>36469805</v>
      </c>
      <c r="AJ11" s="326">
        <v>0</v>
      </c>
      <c r="AK11" s="327">
        <v>0</v>
      </c>
      <c r="AL11" s="328">
        <v>0</v>
      </c>
      <c r="AM11" s="326">
        <v>0</v>
      </c>
      <c r="AN11" s="327">
        <v>50964</v>
      </c>
      <c r="AO11" s="327">
        <v>110887</v>
      </c>
      <c r="AP11" s="327">
        <v>22168</v>
      </c>
      <c r="AQ11" s="327">
        <v>616579</v>
      </c>
      <c r="AR11" s="327">
        <v>1233548</v>
      </c>
      <c r="AS11" s="328">
        <v>2034146</v>
      </c>
      <c r="AT11" s="330">
        <v>2034146</v>
      </c>
      <c r="AU11" s="326">
        <v>570071</v>
      </c>
      <c r="AV11" s="327">
        <v>1275741</v>
      </c>
      <c r="AW11" s="328">
        <v>1845812</v>
      </c>
      <c r="AX11" s="326">
        <v>0</v>
      </c>
      <c r="AY11" s="327">
        <v>5589138</v>
      </c>
      <c r="AZ11" s="327">
        <v>7561405</v>
      </c>
      <c r="BA11" s="327">
        <v>3973446</v>
      </c>
      <c r="BB11" s="327">
        <v>4190288</v>
      </c>
      <c r="BC11" s="327">
        <v>2600211</v>
      </c>
      <c r="BD11" s="328">
        <v>23914488</v>
      </c>
      <c r="BE11" s="330">
        <v>25760300</v>
      </c>
      <c r="BF11" s="326">
        <v>70742</v>
      </c>
      <c r="BG11" s="327">
        <v>20749</v>
      </c>
      <c r="BH11" s="331">
        <v>91491</v>
      </c>
      <c r="BI11" s="332">
        <v>0</v>
      </c>
      <c r="BJ11" s="327">
        <v>415781</v>
      </c>
      <c r="BK11" s="327">
        <v>502882</v>
      </c>
      <c r="BL11" s="327">
        <v>279501</v>
      </c>
      <c r="BM11" s="327">
        <v>51848</v>
      </c>
      <c r="BN11" s="327">
        <v>114549</v>
      </c>
      <c r="BO11" s="328">
        <v>1364561</v>
      </c>
      <c r="BP11" s="330">
        <v>1456052</v>
      </c>
      <c r="BQ11" s="326">
        <v>494400</v>
      </c>
      <c r="BR11" s="327">
        <v>556184</v>
      </c>
      <c r="BS11" s="328">
        <v>1050584</v>
      </c>
      <c r="BT11" s="326">
        <v>0</v>
      </c>
      <c r="BU11" s="327">
        <v>3175840</v>
      </c>
      <c r="BV11" s="327">
        <v>3260632</v>
      </c>
      <c r="BW11" s="327">
        <v>2834896</v>
      </c>
      <c r="BX11" s="327">
        <v>2854648</v>
      </c>
      <c r="BY11" s="327">
        <v>1630472</v>
      </c>
      <c r="BZ11" s="328">
        <v>13756488</v>
      </c>
      <c r="CA11" s="330">
        <v>14807072</v>
      </c>
      <c r="CB11" s="326">
        <v>258648</v>
      </c>
      <c r="CC11" s="327">
        <v>435862</v>
      </c>
      <c r="CD11" s="328">
        <v>694510</v>
      </c>
      <c r="CE11" s="326">
        <v>0</v>
      </c>
      <c r="CF11" s="327">
        <v>13691693</v>
      </c>
      <c r="CG11" s="327">
        <v>17334128</v>
      </c>
      <c r="CH11" s="327">
        <v>8786902</v>
      </c>
      <c r="CI11" s="327">
        <v>6201827</v>
      </c>
      <c r="CJ11" s="327">
        <v>2525657</v>
      </c>
      <c r="CK11" s="328">
        <v>48540207</v>
      </c>
      <c r="CL11" s="330">
        <v>49234717</v>
      </c>
      <c r="CM11" s="326">
        <v>0</v>
      </c>
      <c r="CN11" s="327">
        <v>0</v>
      </c>
      <c r="CO11" s="328">
        <v>0</v>
      </c>
      <c r="CP11" s="332">
        <v>0</v>
      </c>
      <c r="CQ11" s="327">
        <v>11047219</v>
      </c>
      <c r="CR11" s="327">
        <v>13399513</v>
      </c>
      <c r="CS11" s="327">
        <v>6469646</v>
      </c>
      <c r="CT11" s="327">
        <v>4585847</v>
      </c>
      <c r="CU11" s="327">
        <v>1651957</v>
      </c>
      <c r="CV11" s="328">
        <v>37154182</v>
      </c>
      <c r="CW11" s="330">
        <v>37154182</v>
      </c>
      <c r="CX11" s="326">
        <v>258648</v>
      </c>
      <c r="CY11" s="327">
        <v>435862</v>
      </c>
      <c r="CZ11" s="328">
        <v>694510</v>
      </c>
      <c r="DA11" s="326">
        <v>0</v>
      </c>
      <c r="DB11" s="327">
        <v>2644474</v>
      </c>
      <c r="DC11" s="327">
        <v>3934615</v>
      </c>
      <c r="DD11" s="327">
        <v>2317256</v>
      </c>
      <c r="DE11" s="327">
        <v>1615980</v>
      </c>
      <c r="DF11" s="327">
        <v>873700</v>
      </c>
      <c r="DG11" s="328">
        <v>11386025</v>
      </c>
      <c r="DH11" s="330">
        <v>12080535</v>
      </c>
      <c r="DI11" s="326">
        <v>0</v>
      </c>
      <c r="DJ11" s="327">
        <v>0</v>
      </c>
      <c r="DK11" s="331">
        <v>0</v>
      </c>
      <c r="DL11" s="332">
        <v>0</v>
      </c>
      <c r="DM11" s="327">
        <v>712096</v>
      </c>
      <c r="DN11" s="327">
        <v>2884694</v>
      </c>
      <c r="DO11" s="327">
        <v>2487558</v>
      </c>
      <c r="DP11" s="327">
        <v>2275746</v>
      </c>
      <c r="DQ11" s="327">
        <v>1403117</v>
      </c>
      <c r="DR11" s="328">
        <v>9763211</v>
      </c>
      <c r="DS11" s="330">
        <v>9763211</v>
      </c>
      <c r="DT11" s="326">
        <v>0</v>
      </c>
      <c r="DU11" s="327">
        <v>0</v>
      </c>
      <c r="DV11" s="328">
        <v>0</v>
      </c>
      <c r="DW11" s="326">
        <v>0</v>
      </c>
      <c r="DX11" s="327">
        <v>607136</v>
      </c>
      <c r="DY11" s="327">
        <v>2547234</v>
      </c>
      <c r="DZ11" s="327">
        <v>2121726</v>
      </c>
      <c r="EA11" s="327">
        <v>1472868</v>
      </c>
      <c r="EB11" s="327">
        <v>1212072</v>
      </c>
      <c r="EC11" s="328">
        <v>7961036</v>
      </c>
      <c r="ED11" s="330">
        <v>7961036</v>
      </c>
      <c r="EE11" s="326">
        <v>0</v>
      </c>
      <c r="EF11" s="331">
        <v>0</v>
      </c>
      <c r="EG11" s="328">
        <v>0</v>
      </c>
      <c r="EH11" s="326">
        <v>0</v>
      </c>
      <c r="EI11" s="327">
        <v>104960</v>
      </c>
      <c r="EJ11" s="327">
        <v>337460</v>
      </c>
      <c r="EK11" s="327">
        <v>365832</v>
      </c>
      <c r="EL11" s="327">
        <v>802878</v>
      </c>
      <c r="EM11" s="327">
        <v>191045</v>
      </c>
      <c r="EN11" s="331">
        <v>1802175</v>
      </c>
      <c r="EO11" s="330">
        <v>1802175</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599085</v>
      </c>
      <c r="FM11" s="327">
        <v>978664</v>
      </c>
      <c r="FN11" s="328">
        <v>1577749</v>
      </c>
      <c r="FO11" s="326">
        <v>0</v>
      </c>
      <c r="FP11" s="327">
        <v>2821384</v>
      </c>
      <c r="FQ11" s="327">
        <v>5331819</v>
      </c>
      <c r="FR11" s="327">
        <v>3357840</v>
      </c>
      <c r="FS11" s="327">
        <v>3003376</v>
      </c>
      <c r="FT11" s="327">
        <v>2048832</v>
      </c>
      <c r="FU11" s="328">
        <v>16563251</v>
      </c>
      <c r="FV11" s="330">
        <v>18141000</v>
      </c>
      <c r="FW11" s="333">
        <v>352904</v>
      </c>
      <c r="FX11" s="327">
        <v>788504</v>
      </c>
      <c r="FY11" s="331">
        <v>1141408</v>
      </c>
      <c r="FZ11" s="332">
        <v>0</v>
      </c>
      <c r="GA11" s="327">
        <v>1901248</v>
      </c>
      <c r="GB11" s="327">
        <v>4657928</v>
      </c>
      <c r="GC11" s="327">
        <v>3123888</v>
      </c>
      <c r="GD11" s="327">
        <v>2635184</v>
      </c>
      <c r="GE11" s="327">
        <v>2029736</v>
      </c>
      <c r="GF11" s="328">
        <v>14347984</v>
      </c>
      <c r="GG11" s="334">
        <v>15489392</v>
      </c>
      <c r="GH11" s="333">
        <v>24640</v>
      </c>
      <c r="GI11" s="327">
        <v>56560</v>
      </c>
      <c r="GJ11" s="331">
        <v>81200</v>
      </c>
      <c r="GK11" s="332">
        <v>0</v>
      </c>
      <c r="GL11" s="327">
        <v>209816</v>
      </c>
      <c r="GM11" s="327">
        <v>156243</v>
      </c>
      <c r="GN11" s="327">
        <v>74432</v>
      </c>
      <c r="GO11" s="327">
        <v>195392</v>
      </c>
      <c r="GP11" s="327">
        <v>19096</v>
      </c>
      <c r="GQ11" s="328">
        <v>654979</v>
      </c>
      <c r="GR11" s="330">
        <v>736179</v>
      </c>
      <c r="GS11" s="326">
        <v>221541</v>
      </c>
      <c r="GT11" s="327">
        <v>133600</v>
      </c>
      <c r="GU11" s="328">
        <v>355141</v>
      </c>
      <c r="GV11" s="326">
        <v>0</v>
      </c>
      <c r="GW11" s="327">
        <v>710320</v>
      </c>
      <c r="GX11" s="327">
        <v>517648</v>
      </c>
      <c r="GY11" s="327">
        <v>159520</v>
      </c>
      <c r="GZ11" s="327">
        <v>172800</v>
      </c>
      <c r="HA11" s="327">
        <v>0</v>
      </c>
      <c r="HB11" s="331">
        <v>1560288</v>
      </c>
      <c r="HC11" s="330">
        <v>1915429</v>
      </c>
      <c r="HD11" s="326">
        <v>1688278</v>
      </c>
      <c r="HE11" s="327">
        <v>1281286</v>
      </c>
      <c r="HF11" s="331">
        <v>2969564</v>
      </c>
      <c r="HG11" s="332">
        <v>0</v>
      </c>
      <c r="HH11" s="327">
        <v>16619729</v>
      </c>
      <c r="HI11" s="327">
        <v>13811485</v>
      </c>
      <c r="HJ11" s="327">
        <v>12697797</v>
      </c>
      <c r="HK11" s="327">
        <v>14476136</v>
      </c>
      <c r="HL11" s="327">
        <v>7089804</v>
      </c>
      <c r="HM11" s="328">
        <v>64694951</v>
      </c>
      <c r="HN11" s="329">
        <v>67664515</v>
      </c>
      <c r="HO11" s="333">
        <v>0</v>
      </c>
      <c r="HP11" s="327">
        <v>0</v>
      </c>
      <c r="HQ11" s="328">
        <v>0</v>
      </c>
      <c r="HR11" s="326">
        <v>0</v>
      </c>
      <c r="HS11" s="327">
        <v>0</v>
      </c>
      <c r="HT11" s="327">
        <v>0</v>
      </c>
      <c r="HU11" s="327">
        <v>0</v>
      </c>
      <c r="HV11" s="327">
        <v>0</v>
      </c>
      <c r="HW11" s="327">
        <v>0</v>
      </c>
      <c r="HX11" s="331">
        <v>0</v>
      </c>
      <c r="HY11" s="330">
        <v>0</v>
      </c>
      <c r="HZ11" s="335">
        <v>75732</v>
      </c>
      <c r="IA11" s="336">
        <v>79816</v>
      </c>
      <c r="IB11" s="337">
        <v>155548</v>
      </c>
      <c r="IC11" s="338">
        <v>0</v>
      </c>
      <c r="ID11" s="336">
        <v>13880251</v>
      </c>
      <c r="IE11" s="339">
        <v>16476846</v>
      </c>
      <c r="IF11" s="337">
        <v>15991142</v>
      </c>
      <c r="IG11" s="336">
        <v>12661423</v>
      </c>
      <c r="IH11" s="337">
        <v>9837811</v>
      </c>
      <c r="II11" s="340">
        <v>68847473</v>
      </c>
      <c r="IJ11" s="341">
        <v>69003021</v>
      </c>
      <c r="IK11" s="342">
        <v>0</v>
      </c>
      <c r="IL11" s="343">
        <v>0</v>
      </c>
      <c r="IM11" s="344">
        <v>0</v>
      </c>
      <c r="IN11" s="404">
        <v>0</v>
      </c>
      <c r="IO11" s="345">
        <v>342929</v>
      </c>
      <c r="IP11" s="345">
        <v>383229</v>
      </c>
      <c r="IQ11" s="345">
        <v>1233035</v>
      </c>
      <c r="IR11" s="345">
        <v>563141</v>
      </c>
      <c r="IS11" s="345">
        <v>2388785</v>
      </c>
      <c r="IT11" s="346">
        <v>4911119</v>
      </c>
      <c r="IU11" s="347">
        <v>4911119</v>
      </c>
      <c r="IV11" s="348">
        <v>0</v>
      </c>
      <c r="IW11" s="345">
        <v>0</v>
      </c>
      <c r="IX11" s="349">
        <v>0</v>
      </c>
      <c r="IY11" s="404">
        <v>0</v>
      </c>
      <c r="IZ11" s="345">
        <v>79863</v>
      </c>
      <c r="JA11" s="345">
        <v>52830</v>
      </c>
      <c r="JB11" s="345">
        <v>214813</v>
      </c>
      <c r="JC11" s="345">
        <v>35422</v>
      </c>
      <c r="JD11" s="345">
        <v>159205</v>
      </c>
      <c r="JE11" s="349">
        <v>542133</v>
      </c>
      <c r="JF11" s="350">
        <v>542133</v>
      </c>
      <c r="JG11" s="348">
        <v>0</v>
      </c>
      <c r="JH11" s="345">
        <v>0</v>
      </c>
      <c r="JI11" s="346">
        <v>0</v>
      </c>
      <c r="JJ11" s="351">
        <v>0</v>
      </c>
      <c r="JK11" s="345">
        <v>4544969</v>
      </c>
      <c r="JL11" s="345">
        <v>5044604</v>
      </c>
      <c r="JM11" s="345">
        <v>2313880</v>
      </c>
      <c r="JN11" s="345">
        <v>2113995</v>
      </c>
      <c r="JO11" s="345">
        <v>1923258</v>
      </c>
      <c r="JP11" s="349">
        <v>15940706</v>
      </c>
      <c r="JQ11" s="347">
        <v>15940706</v>
      </c>
      <c r="JR11" s="348">
        <v>0</v>
      </c>
      <c r="JS11" s="345">
        <v>0</v>
      </c>
      <c r="JT11" s="346">
        <v>0</v>
      </c>
      <c r="JU11" s="351">
        <v>0</v>
      </c>
      <c r="JV11" s="345">
        <v>742427</v>
      </c>
      <c r="JW11" s="345">
        <v>1949135</v>
      </c>
      <c r="JX11" s="345">
        <v>1159120</v>
      </c>
      <c r="JY11" s="345">
        <v>1433449</v>
      </c>
      <c r="JZ11" s="345">
        <v>496284</v>
      </c>
      <c r="KA11" s="349">
        <v>5780415</v>
      </c>
      <c r="KB11" s="347">
        <v>5780415</v>
      </c>
      <c r="KC11" s="352">
        <v>75732</v>
      </c>
      <c r="KD11" s="353">
        <v>79816</v>
      </c>
      <c r="KE11" s="349">
        <v>155548</v>
      </c>
      <c r="KF11" s="351">
        <v>0</v>
      </c>
      <c r="KG11" s="345">
        <v>1440006</v>
      </c>
      <c r="KH11" s="345">
        <v>3258843</v>
      </c>
      <c r="KI11" s="345">
        <v>1783460</v>
      </c>
      <c r="KJ11" s="345">
        <v>1787412</v>
      </c>
      <c r="KK11" s="345">
        <v>579240</v>
      </c>
      <c r="KL11" s="349">
        <v>8848961</v>
      </c>
      <c r="KM11" s="354">
        <v>9004509</v>
      </c>
      <c r="KN11" s="342">
        <v>0</v>
      </c>
      <c r="KO11" s="343">
        <v>0</v>
      </c>
      <c r="KP11" s="344">
        <v>0</v>
      </c>
      <c r="KQ11" s="404">
        <v>0</v>
      </c>
      <c r="KR11" s="345">
        <v>5235021</v>
      </c>
      <c r="KS11" s="345">
        <v>5216747</v>
      </c>
      <c r="KT11" s="345">
        <v>6744631</v>
      </c>
      <c r="KU11" s="345">
        <v>4011379</v>
      </c>
      <c r="KV11" s="345">
        <v>1831880</v>
      </c>
      <c r="KW11" s="349">
        <v>23039658</v>
      </c>
      <c r="KX11" s="347">
        <v>23039658</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0</v>
      </c>
      <c r="LP11" s="345">
        <v>876054</v>
      </c>
      <c r="LQ11" s="345">
        <v>1519037</v>
      </c>
      <c r="LR11" s="345">
        <v>967541</v>
      </c>
      <c r="LS11" s="349">
        <v>3362632</v>
      </c>
      <c r="LT11" s="347">
        <v>3362632</v>
      </c>
      <c r="LU11" s="348">
        <v>0</v>
      </c>
      <c r="LV11" s="345">
        <v>0</v>
      </c>
      <c r="LW11" s="349">
        <v>0</v>
      </c>
      <c r="LX11" s="404">
        <v>0</v>
      </c>
      <c r="LY11" s="345">
        <v>1495036</v>
      </c>
      <c r="LZ11" s="345">
        <v>571458</v>
      </c>
      <c r="MA11" s="345">
        <v>1666149</v>
      </c>
      <c r="MB11" s="345">
        <v>1197588</v>
      </c>
      <c r="MC11" s="345">
        <v>1491618</v>
      </c>
      <c r="MD11" s="349">
        <v>6421849</v>
      </c>
      <c r="ME11" s="350">
        <v>6421849</v>
      </c>
      <c r="MF11" s="348">
        <v>0</v>
      </c>
      <c r="MG11" s="345">
        <v>0</v>
      </c>
      <c r="MH11" s="349">
        <v>0</v>
      </c>
      <c r="MI11" s="404">
        <v>0</v>
      </c>
      <c r="MJ11" s="345">
        <v>2593414</v>
      </c>
      <c r="MK11" s="345">
        <v>5059588</v>
      </c>
      <c r="ML11" s="345">
        <v>24110436</v>
      </c>
      <c r="MM11" s="345">
        <v>29187430</v>
      </c>
      <c r="MN11" s="345">
        <v>19638230</v>
      </c>
      <c r="MO11" s="349">
        <v>80589098</v>
      </c>
      <c r="MP11" s="354">
        <v>80589098</v>
      </c>
      <c r="MQ11" s="348">
        <v>0</v>
      </c>
      <c r="MR11" s="345">
        <v>0</v>
      </c>
      <c r="MS11" s="349">
        <v>0</v>
      </c>
      <c r="MT11" s="404">
        <v>0</v>
      </c>
      <c r="MU11" s="345">
        <v>877519</v>
      </c>
      <c r="MV11" s="345">
        <v>1373562</v>
      </c>
      <c r="MW11" s="345">
        <v>12698123</v>
      </c>
      <c r="MX11" s="345">
        <v>18237223</v>
      </c>
      <c r="MY11" s="345">
        <v>12915330</v>
      </c>
      <c r="MZ11" s="349">
        <v>46101757</v>
      </c>
      <c r="NA11" s="354">
        <v>46101757</v>
      </c>
      <c r="NB11" s="348">
        <v>0</v>
      </c>
      <c r="NC11" s="345">
        <v>0</v>
      </c>
      <c r="ND11" s="349">
        <v>0</v>
      </c>
      <c r="NE11" s="404">
        <v>0</v>
      </c>
      <c r="NF11" s="345">
        <v>1715895</v>
      </c>
      <c r="NG11" s="345">
        <v>3686026</v>
      </c>
      <c r="NH11" s="345">
        <v>11412313</v>
      </c>
      <c r="NI11" s="345">
        <v>10578422</v>
      </c>
      <c r="NJ11" s="345">
        <v>6722900</v>
      </c>
      <c r="NK11" s="349">
        <v>34115556</v>
      </c>
      <c r="NL11" s="347">
        <v>34115556</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0</v>
      </c>
      <c r="OD11" s="345">
        <v>0</v>
      </c>
      <c r="OE11" s="345">
        <v>371785</v>
      </c>
      <c r="OF11" s="345">
        <v>0</v>
      </c>
      <c r="OG11" s="349">
        <v>371785</v>
      </c>
      <c r="OH11" s="350">
        <v>371785</v>
      </c>
      <c r="OI11" s="348">
        <v>3756956</v>
      </c>
      <c r="OJ11" s="345">
        <v>4628302</v>
      </c>
      <c r="OK11" s="346">
        <v>8385258</v>
      </c>
      <c r="OL11" s="351">
        <v>0</v>
      </c>
      <c r="OM11" s="345">
        <v>65669433</v>
      </c>
      <c r="ON11" s="345">
        <v>79641386</v>
      </c>
      <c r="OO11" s="345">
        <v>80741135</v>
      </c>
      <c r="OP11" s="345">
        <v>84058385</v>
      </c>
      <c r="OQ11" s="345">
        <v>56427340</v>
      </c>
      <c r="OR11" s="349">
        <v>366537679</v>
      </c>
      <c r="OS11" s="354">
        <v>374922937</v>
      </c>
    </row>
    <row r="12" spans="1:409" s="70" customFormat="1" ht="21" customHeight="1" x14ac:dyDescent="0.2">
      <c r="B12" s="410" t="s">
        <v>14</v>
      </c>
      <c r="C12" s="326">
        <v>1906169</v>
      </c>
      <c r="D12" s="327">
        <v>3326526</v>
      </c>
      <c r="E12" s="328">
        <v>5232695</v>
      </c>
      <c r="F12" s="329">
        <v>0</v>
      </c>
      <c r="G12" s="327">
        <v>16449120</v>
      </c>
      <c r="H12" s="327">
        <v>31431696</v>
      </c>
      <c r="I12" s="327">
        <v>28107787</v>
      </c>
      <c r="J12" s="327">
        <v>19636536</v>
      </c>
      <c r="K12" s="327">
        <v>14788984</v>
      </c>
      <c r="L12" s="331">
        <v>110414123</v>
      </c>
      <c r="M12" s="330">
        <v>115646818</v>
      </c>
      <c r="N12" s="326">
        <v>617312</v>
      </c>
      <c r="O12" s="327">
        <v>1206546</v>
      </c>
      <c r="P12" s="328">
        <v>1823858</v>
      </c>
      <c r="Q12" s="326">
        <v>0</v>
      </c>
      <c r="R12" s="327">
        <v>5014836</v>
      </c>
      <c r="S12" s="327">
        <v>10657087</v>
      </c>
      <c r="T12" s="327">
        <v>9553771</v>
      </c>
      <c r="U12" s="327">
        <v>7657093</v>
      </c>
      <c r="V12" s="327">
        <v>8671420</v>
      </c>
      <c r="W12" s="328">
        <v>41554207</v>
      </c>
      <c r="X12" s="330">
        <v>43378065</v>
      </c>
      <c r="Y12" s="326">
        <v>0</v>
      </c>
      <c r="Z12" s="327">
        <v>0</v>
      </c>
      <c r="AA12" s="328">
        <v>0</v>
      </c>
      <c r="AB12" s="326">
        <v>0</v>
      </c>
      <c r="AC12" s="327">
        <v>2053229</v>
      </c>
      <c r="AD12" s="327">
        <v>4458607</v>
      </c>
      <c r="AE12" s="327">
        <v>5014563</v>
      </c>
      <c r="AF12" s="327">
        <v>3998124</v>
      </c>
      <c r="AG12" s="327">
        <v>5632428</v>
      </c>
      <c r="AH12" s="328">
        <v>21156951</v>
      </c>
      <c r="AI12" s="330">
        <v>21156951</v>
      </c>
      <c r="AJ12" s="326">
        <v>0</v>
      </c>
      <c r="AK12" s="327">
        <v>0</v>
      </c>
      <c r="AL12" s="328">
        <v>0</v>
      </c>
      <c r="AM12" s="326">
        <v>0</v>
      </c>
      <c r="AN12" s="327">
        <v>0</v>
      </c>
      <c r="AO12" s="327">
        <v>96565</v>
      </c>
      <c r="AP12" s="327">
        <v>123990</v>
      </c>
      <c r="AQ12" s="327">
        <v>359113</v>
      </c>
      <c r="AR12" s="327">
        <v>495265</v>
      </c>
      <c r="AS12" s="328">
        <v>1074933</v>
      </c>
      <c r="AT12" s="330">
        <v>1074933</v>
      </c>
      <c r="AU12" s="326">
        <v>328180</v>
      </c>
      <c r="AV12" s="327">
        <v>888139</v>
      </c>
      <c r="AW12" s="328">
        <v>1216319</v>
      </c>
      <c r="AX12" s="326">
        <v>0</v>
      </c>
      <c r="AY12" s="327">
        <v>1639790</v>
      </c>
      <c r="AZ12" s="327">
        <v>4173930</v>
      </c>
      <c r="BA12" s="327">
        <v>2762630</v>
      </c>
      <c r="BB12" s="327">
        <v>1777184</v>
      </c>
      <c r="BC12" s="327">
        <v>1474807</v>
      </c>
      <c r="BD12" s="328">
        <v>11828341</v>
      </c>
      <c r="BE12" s="330">
        <v>13044660</v>
      </c>
      <c r="BF12" s="326">
        <v>30788</v>
      </c>
      <c r="BG12" s="327">
        <v>52855</v>
      </c>
      <c r="BH12" s="331">
        <v>83643</v>
      </c>
      <c r="BI12" s="332">
        <v>0</v>
      </c>
      <c r="BJ12" s="327">
        <v>49129</v>
      </c>
      <c r="BK12" s="327">
        <v>94777</v>
      </c>
      <c r="BL12" s="327">
        <v>55268</v>
      </c>
      <c r="BM12" s="327">
        <v>186640</v>
      </c>
      <c r="BN12" s="327">
        <v>0</v>
      </c>
      <c r="BO12" s="328">
        <v>385814</v>
      </c>
      <c r="BP12" s="330">
        <v>469457</v>
      </c>
      <c r="BQ12" s="326">
        <v>258344</v>
      </c>
      <c r="BR12" s="327">
        <v>265552</v>
      </c>
      <c r="BS12" s="328">
        <v>523896</v>
      </c>
      <c r="BT12" s="326">
        <v>0</v>
      </c>
      <c r="BU12" s="327">
        <v>1272688</v>
      </c>
      <c r="BV12" s="327">
        <v>1833208</v>
      </c>
      <c r="BW12" s="327">
        <v>1597320</v>
      </c>
      <c r="BX12" s="327">
        <v>1336032</v>
      </c>
      <c r="BY12" s="327">
        <v>1068920</v>
      </c>
      <c r="BZ12" s="328">
        <v>7108168</v>
      </c>
      <c r="CA12" s="330">
        <v>7632064</v>
      </c>
      <c r="CB12" s="326">
        <v>121636</v>
      </c>
      <c r="CC12" s="327">
        <v>503981</v>
      </c>
      <c r="CD12" s="328">
        <v>625617</v>
      </c>
      <c r="CE12" s="326">
        <v>0</v>
      </c>
      <c r="CF12" s="327">
        <v>5593065</v>
      </c>
      <c r="CG12" s="327">
        <v>9676005</v>
      </c>
      <c r="CH12" s="327">
        <v>8421784</v>
      </c>
      <c r="CI12" s="327">
        <v>4149586</v>
      </c>
      <c r="CJ12" s="327">
        <v>1167460</v>
      </c>
      <c r="CK12" s="328">
        <v>29007900</v>
      </c>
      <c r="CL12" s="330">
        <v>29633517</v>
      </c>
      <c r="CM12" s="326">
        <v>0</v>
      </c>
      <c r="CN12" s="327">
        <v>0</v>
      </c>
      <c r="CO12" s="328">
        <v>0</v>
      </c>
      <c r="CP12" s="332">
        <v>0</v>
      </c>
      <c r="CQ12" s="327">
        <v>5099087</v>
      </c>
      <c r="CR12" s="327">
        <v>7993289</v>
      </c>
      <c r="CS12" s="327">
        <v>7448933</v>
      </c>
      <c r="CT12" s="327">
        <v>3296526</v>
      </c>
      <c r="CU12" s="327">
        <v>1048754</v>
      </c>
      <c r="CV12" s="328">
        <v>24886589</v>
      </c>
      <c r="CW12" s="330">
        <v>24886589</v>
      </c>
      <c r="CX12" s="326">
        <v>121636</v>
      </c>
      <c r="CY12" s="327">
        <v>503981</v>
      </c>
      <c r="CZ12" s="328">
        <v>625617</v>
      </c>
      <c r="DA12" s="326">
        <v>0</v>
      </c>
      <c r="DB12" s="327">
        <v>493978</v>
      </c>
      <c r="DC12" s="327">
        <v>1682716</v>
      </c>
      <c r="DD12" s="327">
        <v>972851</v>
      </c>
      <c r="DE12" s="327">
        <v>853060</v>
      </c>
      <c r="DF12" s="327">
        <v>118706</v>
      </c>
      <c r="DG12" s="328">
        <v>4121311</v>
      </c>
      <c r="DH12" s="330">
        <v>4746928</v>
      </c>
      <c r="DI12" s="326">
        <v>0</v>
      </c>
      <c r="DJ12" s="327">
        <v>36440</v>
      </c>
      <c r="DK12" s="331">
        <v>36440</v>
      </c>
      <c r="DL12" s="332">
        <v>0</v>
      </c>
      <c r="DM12" s="327">
        <v>231469</v>
      </c>
      <c r="DN12" s="327">
        <v>1507834</v>
      </c>
      <c r="DO12" s="327">
        <v>2349643</v>
      </c>
      <c r="DP12" s="327">
        <v>1981003</v>
      </c>
      <c r="DQ12" s="327">
        <v>1216241</v>
      </c>
      <c r="DR12" s="328">
        <v>7286190</v>
      </c>
      <c r="DS12" s="330">
        <v>7322630</v>
      </c>
      <c r="DT12" s="326">
        <v>0</v>
      </c>
      <c r="DU12" s="327">
        <v>36440</v>
      </c>
      <c r="DV12" s="328">
        <v>36440</v>
      </c>
      <c r="DW12" s="326">
        <v>0</v>
      </c>
      <c r="DX12" s="327">
        <v>231469</v>
      </c>
      <c r="DY12" s="327">
        <v>1448170</v>
      </c>
      <c r="DZ12" s="327">
        <v>2349643</v>
      </c>
      <c r="EA12" s="327">
        <v>1981003</v>
      </c>
      <c r="EB12" s="327">
        <v>1154357</v>
      </c>
      <c r="EC12" s="328">
        <v>7164642</v>
      </c>
      <c r="ED12" s="330">
        <v>7201082</v>
      </c>
      <c r="EE12" s="326">
        <v>0</v>
      </c>
      <c r="EF12" s="331">
        <v>0</v>
      </c>
      <c r="EG12" s="328">
        <v>0</v>
      </c>
      <c r="EH12" s="326">
        <v>0</v>
      </c>
      <c r="EI12" s="327">
        <v>0</v>
      </c>
      <c r="EJ12" s="327">
        <v>59664</v>
      </c>
      <c r="EK12" s="327">
        <v>0</v>
      </c>
      <c r="EL12" s="327">
        <v>0</v>
      </c>
      <c r="EM12" s="327">
        <v>61884</v>
      </c>
      <c r="EN12" s="331">
        <v>121548</v>
      </c>
      <c r="EO12" s="330">
        <v>121548</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411960</v>
      </c>
      <c r="FM12" s="327">
        <v>931720</v>
      </c>
      <c r="FN12" s="328">
        <v>1343680</v>
      </c>
      <c r="FO12" s="326">
        <v>0</v>
      </c>
      <c r="FP12" s="327">
        <v>1060200</v>
      </c>
      <c r="FQ12" s="327">
        <v>3216200</v>
      </c>
      <c r="FR12" s="327">
        <v>2319028</v>
      </c>
      <c r="FS12" s="327">
        <v>1429952</v>
      </c>
      <c r="FT12" s="327">
        <v>1257708</v>
      </c>
      <c r="FU12" s="328">
        <v>9283088</v>
      </c>
      <c r="FV12" s="330">
        <v>10626768</v>
      </c>
      <c r="FW12" s="333">
        <v>201480</v>
      </c>
      <c r="FX12" s="327">
        <v>750632</v>
      </c>
      <c r="FY12" s="331">
        <v>952112</v>
      </c>
      <c r="FZ12" s="332">
        <v>0</v>
      </c>
      <c r="GA12" s="327">
        <v>824080</v>
      </c>
      <c r="GB12" s="327">
        <v>3090024</v>
      </c>
      <c r="GC12" s="327">
        <v>2179144</v>
      </c>
      <c r="GD12" s="327">
        <v>1423712</v>
      </c>
      <c r="GE12" s="327">
        <v>1208760</v>
      </c>
      <c r="GF12" s="328">
        <v>8725720</v>
      </c>
      <c r="GG12" s="334">
        <v>9677832</v>
      </c>
      <c r="GH12" s="333">
        <v>0</v>
      </c>
      <c r="GI12" s="327">
        <v>41088</v>
      </c>
      <c r="GJ12" s="331">
        <v>41088</v>
      </c>
      <c r="GK12" s="332">
        <v>0</v>
      </c>
      <c r="GL12" s="327">
        <v>14520</v>
      </c>
      <c r="GM12" s="327">
        <v>89376</v>
      </c>
      <c r="GN12" s="327">
        <v>26400</v>
      </c>
      <c r="GO12" s="327">
        <v>6240</v>
      </c>
      <c r="GP12" s="327">
        <v>48948</v>
      </c>
      <c r="GQ12" s="328">
        <v>185484</v>
      </c>
      <c r="GR12" s="330">
        <v>226572</v>
      </c>
      <c r="GS12" s="326">
        <v>210480</v>
      </c>
      <c r="GT12" s="327">
        <v>140000</v>
      </c>
      <c r="GU12" s="328">
        <v>350480</v>
      </c>
      <c r="GV12" s="326">
        <v>0</v>
      </c>
      <c r="GW12" s="327">
        <v>221600</v>
      </c>
      <c r="GX12" s="327">
        <v>36800</v>
      </c>
      <c r="GY12" s="327">
        <v>113484</v>
      </c>
      <c r="GZ12" s="327">
        <v>0</v>
      </c>
      <c r="HA12" s="327">
        <v>0</v>
      </c>
      <c r="HB12" s="331">
        <v>371884</v>
      </c>
      <c r="HC12" s="330">
        <v>722364</v>
      </c>
      <c r="HD12" s="326">
        <v>755261</v>
      </c>
      <c r="HE12" s="327">
        <v>647839</v>
      </c>
      <c r="HF12" s="331">
        <v>1403100</v>
      </c>
      <c r="HG12" s="332">
        <v>0</v>
      </c>
      <c r="HH12" s="327">
        <v>4549550</v>
      </c>
      <c r="HI12" s="327">
        <v>6374570</v>
      </c>
      <c r="HJ12" s="327">
        <v>5463561</v>
      </c>
      <c r="HK12" s="327">
        <v>4418902</v>
      </c>
      <c r="HL12" s="327">
        <v>2476155</v>
      </c>
      <c r="HM12" s="328">
        <v>23282738</v>
      </c>
      <c r="HN12" s="329">
        <v>24685838</v>
      </c>
      <c r="HO12" s="333">
        <v>0</v>
      </c>
      <c r="HP12" s="327">
        <v>0</v>
      </c>
      <c r="HQ12" s="328">
        <v>0</v>
      </c>
      <c r="HR12" s="326">
        <v>0</v>
      </c>
      <c r="HS12" s="327">
        <v>0</v>
      </c>
      <c r="HT12" s="327">
        <v>0</v>
      </c>
      <c r="HU12" s="327">
        <v>0</v>
      </c>
      <c r="HV12" s="327">
        <v>0</v>
      </c>
      <c r="HW12" s="327">
        <v>0</v>
      </c>
      <c r="HX12" s="331">
        <v>0</v>
      </c>
      <c r="HY12" s="330">
        <v>0</v>
      </c>
      <c r="HZ12" s="335">
        <v>41539</v>
      </c>
      <c r="IA12" s="336">
        <v>68138</v>
      </c>
      <c r="IB12" s="337">
        <v>109677</v>
      </c>
      <c r="IC12" s="355">
        <v>0</v>
      </c>
      <c r="ID12" s="356">
        <v>6736687</v>
      </c>
      <c r="IE12" s="357">
        <v>7834668</v>
      </c>
      <c r="IF12" s="358">
        <v>8635298</v>
      </c>
      <c r="IG12" s="356">
        <v>7852567</v>
      </c>
      <c r="IH12" s="358">
        <v>4696036</v>
      </c>
      <c r="II12" s="359">
        <v>35755256</v>
      </c>
      <c r="IJ12" s="341">
        <v>35864933</v>
      </c>
      <c r="IK12" s="342">
        <v>0</v>
      </c>
      <c r="IL12" s="343">
        <v>0</v>
      </c>
      <c r="IM12" s="344">
        <v>0</v>
      </c>
      <c r="IN12" s="404">
        <v>0</v>
      </c>
      <c r="IO12" s="345">
        <v>70546</v>
      </c>
      <c r="IP12" s="345">
        <v>328450</v>
      </c>
      <c r="IQ12" s="345">
        <v>296078</v>
      </c>
      <c r="IR12" s="345">
        <v>497892</v>
      </c>
      <c r="IS12" s="345">
        <v>1754258</v>
      </c>
      <c r="IT12" s="346">
        <v>2947224</v>
      </c>
      <c r="IU12" s="347">
        <v>2947224</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3252763</v>
      </c>
      <c r="JL12" s="345">
        <v>4355146</v>
      </c>
      <c r="JM12" s="345">
        <v>2954134</v>
      </c>
      <c r="JN12" s="345">
        <v>1558696</v>
      </c>
      <c r="JO12" s="345">
        <v>228893</v>
      </c>
      <c r="JP12" s="349">
        <v>12349632</v>
      </c>
      <c r="JQ12" s="347">
        <v>12349632</v>
      </c>
      <c r="JR12" s="348">
        <v>0</v>
      </c>
      <c r="JS12" s="345">
        <v>0</v>
      </c>
      <c r="JT12" s="346">
        <v>0</v>
      </c>
      <c r="JU12" s="351">
        <v>0</v>
      </c>
      <c r="JV12" s="345">
        <v>334234</v>
      </c>
      <c r="JW12" s="345">
        <v>94344</v>
      </c>
      <c r="JX12" s="345">
        <v>89679</v>
      </c>
      <c r="JY12" s="345">
        <v>0</v>
      </c>
      <c r="JZ12" s="345">
        <v>0</v>
      </c>
      <c r="KA12" s="349">
        <v>518257</v>
      </c>
      <c r="KB12" s="347">
        <v>518257</v>
      </c>
      <c r="KC12" s="352">
        <v>41539</v>
      </c>
      <c r="KD12" s="353">
        <v>68138</v>
      </c>
      <c r="KE12" s="349">
        <v>109677</v>
      </c>
      <c r="KF12" s="351">
        <v>0</v>
      </c>
      <c r="KG12" s="345">
        <v>608580</v>
      </c>
      <c r="KH12" s="345">
        <v>648124</v>
      </c>
      <c r="KI12" s="345">
        <v>1236366</v>
      </c>
      <c r="KJ12" s="345">
        <v>1948950</v>
      </c>
      <c r="KK12" s="345">
        <v>588319</v>
      </c>
      <c r="KL12" s="349">
        <v>5030339</v>
      </c>
      <c r="KM12" s="354">
        <v>5140016</v>
      </c>
      <c r="KN12" s="342">
        <v>0</v>
      </c>
      <c r="KO12" s="343">
        <v>0</v>
      </c>
      <c r="KP12" s="344">
        <v>0</v>
      </c>
      <c r="KQ12" s="404">
        <v>0</v>
      </c>
      <c r="KR12" s="345">
        <v>2295425</v>
      </c>
      <c r="KS12" s="345">
        <v>2042090</v>
      </c>
      <c r="KT12" s="345">
        <v>3530610</v>
      </c>
      <c r="KU12" s="345">
        <v>3218449</v>
      </c>
      <c r="KV12" s="345">
        <v>1390861</v>
      </c>
      <c r="KW12" s="349">
        <v>12477435</v>
      </c>
      <c r="KX12" s="347">
        <v>12477435</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245455</v>
      </c>
      <c r="LQ12" s="345">
        <v>295904</v>
      </c>
      <c r="LR12" s="345">
        <v>0</v>
      </c>
      <c r="LS12" s="349">
        <v>541359</v>
      </c>
      <c r="LT12" s="347">
        <v>541359</v>
      </c>
      <c r="LU12" s="348">
        <v>0</v>
      </c>
      <c r="LV12" s="345">
        <v>0</v>
      </c>
      <c r="LW12" s="349">
        <v>0</v>
      </c>
      <c r="LX12" s="404">
        <v>0</v>
      </c>
      <c r="LY12" s="345">
        <v>175139</v>
      </c>
      <c r="LZ12" s="345">
        <v>366514</v>
      </c>
      <c r="MA12" s="345">
        <v>282976</v>
      </c>
      <c r="MB12" s="345">
        <v>332676</v>
      </c>
      <c r="MC12" s="345">
        <v>733705</v>
      </c>
      <c r="MD12" s="349">
        <v>1891010</v>
      </c>
      <c r="ME12" s="350">
        <v>1891010</v>
      </c>
      <c r="MF12" s="348">
        <v>0</v>
      </c>
      <c r="MG12" s="345">
        <v>0</v>
      </c>
      <c r="MH12" s="349">
        <v>0</v>
      </c>
      <c r="MI12" s="404">
        <v>0</v>
      </c>
      <c r="MJ12" s="345">
        <v>272192</v>
      </c>
      <c r="MK12" s="345">
        <v>3683527</v>
      </c>
      <c r="ML12" s="345">
        <v>17288826</v>
      </c>
      <c r="MM12" s="345">
        <v>21466214</v>
      </c>
      <c r="MN12" s="345">
        <v>13079759</v>
      </c>
      <c r="MO12" s="349">
        <v>55790518</v>
      </c>
      <c r="MP12" s="354">
        <v>55790518</v>
      </c>
      <c r="MQ12" s="348">
        <v>0</v>
      </c>
      <c r="MR12" s="345">
        <v>0</v>
      </c>
      <c r="MS12" s="349">
        <v>0</v>
      </c>
      <c r="MT12" s="404">
        <v>0</v>
      </c>
      <c r="MU12" s="345">
        <v>0</v>
      </c>
      <c r="MV12" s="345">
        <v>224661</v>
      </c>
      <c r="MW12" s="345">
        <v>10901583</v>
      </c>
      <c r="MX12" s="345">
        <v>14777669</v>
      </c>
      <c r="MY12" s="345">
        <v>8561769</v>
      </c>
      <c r="MZ12" s="349">
        <v>34465682</v>
      </c>
      <c r="NA12" s="354">
        <v>34465682</v>
      </c>
      <c r="NB12" s="348">
        <v>0</v>
      </c>
      <c r="NC12" s="345">
        <v>0</v>
      </c>
      <c r="ND12" s="349">
        <v>0</v>
      </c>
      <c r="NE12" s="404">
        <v>0</v>
      </c>
      <c r="NF12" s="345">
        <v>272192</v>
      </c>
      <c r="NG12" s="345">
        <v>3458866</v>
      </c>
      <c r="NH12" s="345">
        <v>6387243</v>
      </c>
      <c r="NI12" s="345">
        <v>5243156</v>
      </c>
      <c r="NJ12" s="345">
        <v>1876217</v>
      </c>
      <c r="NK12" s="349">
        <v>17237674</v>
      </c>
      <c r="NL12" s="347">
        <v>17237674</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0</v>
      </c>
      <c r="OE12" s="345">
        <v>1445389</v>
      </c>
      <c r="OF12" s="345">
        <v>2641773</v>
      </c>
      <c r="OG12" s="349">
        <v>4087162</v>
      </c>
      <c r="OH12" s="350">
        <v>4087162</v>
      </c>
      <c r="OI12" s="348">
        <v>1947708</v>
      </c>
      <c r="OJ12" s="345">
        <v>3394664</v>
      </c>
      <c r="OK12" s="346">
        <v>5342372</v>
      </c>
      <c r="OL12" s="351">
        <v>0</v>
      </c>
      <c r="OM12" s="345">
        <v>23457999</v>
      </c>
      <c r="ON12" s="345">
        <v>42949891</v>
      </c>
      <c r="OO12" s="345">
        <v>54031911</v>
      </c>
      <c r="OP12" s="345">
        <v>48955317</v>
      </c>
      <c r="OQ12" s="345">
        <v>32564779</v>
      </c>
      <c r="OR12" s="349">
        <v>201959897</v>
      </c>
      <c r="OS12" s="354">
        <v>207302269</v>
      </c>
    </row>
    <row r="13" spans="1:409" s="70" customFormat="1" ht="21" customHeight="1" x14ac:dyDescent="0.2">
      <c r="B13" s="410" t="s">
        <v>7</v>
      </c>
      <c r="C13" s="326">
        <v>1783965</v>
      </c>
      <c r="D13" s="327">
        <v>1903983</v>
      </c>
      <c r="E13" s="328">
        <v>3687948</v>
      </c>
      <c r="F13" s="329">
        <v>0</v>
      </c>
      <c r="G13" s="327">
        <v>27850644</v>
      </c>
      <c r="H13" s="327">
        <v>26086806</v>
      </c>
      <c r="I13" s="327">
        <v>17793421</v>
      </c>
      <c r="J13" s="327">
        <v>19263168</v>
      </c>
      <c r="K13" s="327">
        <v>15008883</v>
      </c>
      <c r="L13" s="329">
        <v>106002922</v>
      </c>
      <c r="M13" s="330">
        <v>109690870</v>
      </c>
      <c r="N13" s="326">
        <v>333216</v>
      </c>
      <c r="O13" s="327">
        <v>290592</v>
      </c>
      <c r="P13" s="328">
        <v>623808</v>
      </c>
      <c r="Q13" s="326">
        <v>0</v>
      </c>
      <c r="R13" s="327">
        <v>7426920</v>
      </c>
      <c r="S13" s="327">
        <v>7174513</v>
      </c>
      <c r="T13" s="327">
        <v>5095832</v>
      </c>
      <c r="U13" s="327">
        <v>7329004</v>
      </c>
      <c r="V13" s="327">
        <v>6785576</v>
      </c>
      <c r="W13" s="328">
        <v>33811845</v>
      </c>
      <c r="X13" s="330">
        <v>34435653</v>
      </c>
      <c r="Y13" s="326">
        <v>0</v>
      </c>
      <c r="Z13" s="327">
        <v>0</v>
      </c>
      <c r="AA13" s="328">
        <v>0</v>
      </c>
      <c r="AB13" s="326">
        <v>0</v>
      </c>
      <c r="AC13" s="327">
        <v>3239483</v>
      </c>
      <c r="AD13" s="327">
        <v>3132340</v>
      </c>
      <c r="AE13" s="327">
        <v>2835283</v>
      </c>
      <c r="AF13" s="327">
        <v>4310425</v>
      </c>
      <c r="AG13" s="327">
        <v>3515558</v>
      </c>
      <c r="AH13" s="328">
        <v>17033089</v>
      </c>
      <c r="AI13" s="330">
        <v>17033089</v>
      </c>
      <c r="AJ13" s="326">
        <v>0</v>
      </c>
      <c r="AK13" s="327">
        <v>0</v>
      </c>
      <c r="AL13" s="328">
        <v>0</v>
      </c>
      <c r="AM13" s="326">
        <v>0</v>
      </c>
      <c r="AN13" s="327">
        <v>0</v>
      </c>
      <c r="AO13" s="327">
        <v>204180</v>
      </c>
      <c r="AP13" s="327">
        <v>253608</v>
      </c>
      <c r="AQ13" s="327">
        <v>682083</v>
      </c>
      <c r="AR13" s="327">
        <v>951524</v>
      </c>
      <c r="AS13" s="328">
        <v>2091395</v>
      </c>
      <c r="AT13" s="330">
        <v>2091395</v>
      </c>
      <c r="AU13" s="326">
        <v>24792</v>
      </c>
      <c r="AV13" s="327">
        <v>79606</v>
      </c>
      <c r="AW13" s="328">
        <v>104398</v>
      </c>
      <c r="AX13" s="326">
        <v>0</v>
      </c>
      <c r="AY13" s="327">
        <v>2261497</v>
      </c>
      <c r="AZ13" s="327">
        <v>2096747</v>
      </c>
      <c r="BA13" s="327">
        <v>852076</v>
      </c>
      <c r="BB13" s="327">
        <v>1104049</v>
      </c>
      <c r="BC13" s="327">
        <v>1463522</v>
      </c>
      <c r="BD13" s="328">
        <v>7777891</v>
      </c>
      <c r="BE13" s="330">
        <v>7882289</v>
      </c>
      <c r="BF13" s="326">
        <v>0</v>
      </c>
      <c r="BG13" s="327">
        <v>41138</v>
      </c>
      <c r="BH13" s="331">
        <v>41138</v>
      </c>
      <c r="BI13" s="332">
        <v>0</v>
      </c>
      <c r="BJ13" s="327">
        <v>344204</v>
      </c>
      <c r="BK13" s="327">
        <v>121230</v>
      </c>
      <c r="BL13" s="327">
        <v>88681</v>
      </c>
      <c r="BM13" s="327">
        <v>86599</v>
      </c>
      <c r="BN13" s="327">
        <v>61588</v>
      </c>
      <c r="BO13" s="328">
        <v>702302</v>
      </c>
      <c r="BP13" s="330">
        <v>743440</v>
      </c>
      <c r="BQ13" s="326">
        <v>308424</v>
      </c>
      <c r="BR13" s="327">
        <v>169848</v>
      </c>
      <c r="BS13" s="328">
        <v>478272</v>
      </c>
      <c r="BT13" s="326">
        <v>0</v>
      </c>
      <c r="BU13" s="327">
        <v>1581736</v>
      </c>
      <c r="BV13" s="327">
        <v>1620016</v>
      </c>
      <c r="BW13" s="327">
        <v>1066184</v>
      </c>
      <c r="BX13" s="327">
        <v>1145848</v>
      </c>
      <c r="BY13" s="327">
        <v>793384</v>
      </c>
      <c r="BZ13" s="328">
        <v>6207168</v>
      </c>
      <c r="CA13" s="330">
        <v>6685440</v>
      </c>
      <c r="CB13" s="326">
        <v>62601</v>
      </c>
      <c r="CC13" s="327">
        <v>232949</v>
      </c>
      <c r="CD13" s="328">
        <v>295550</v>
      </c>
      <c r="CE13" s="326">
        <v>0</v>
      </c>
      <c r="CF13" s="327">
        <v>8935469</v>
      </c>
      <c r="CG13" s="327">
        <v>6873186</v>
      </c>
      <c r="CH13" s="327">
        <v>4007224</v>
      </c>
      <c r="CI13" s="327">
        <v>2305980</v>
      </c>
      <c r="CJ13" s="327">
        <v>1474550</v>
      </c>
      <c r="CK13" s="328">
        <v>23596409</v>
      </c>
      <c r="CL13" s="330">
        <v>23891959</v>
      </c>
      <c r="CM13" s="326">
        <v>0</v>
      </c>
      <c r="CN13" s="327">
        <v>0</v>
      </c>
      <c r="CO13" s="328">
        <v>0</v>
      </c>
      <c r="CP13" s="332">
        <v>0</v>
      </c>
      <c r="CQ13" s="327">
        <v>7577895</v>
      </c>
      <c r="CR13" s="327">
        <v>5073624</v>
      </c>
      <c r="CS13" s="327">
        <v>3297846</v>
      </c>
      <c r="CT13" s="327">
        <v>1568156</v>
      </c>
      <c r="CU13" s="327">
        <v>1047135</v>
      </c>
      <c r="CV13" s="328">
        <v>18564656</v>
      </c>
      <c r="CW13" s="330">
        <v>18564656</v>
      </c>
      <c r="CX13" s="326">
        <v>62601</v>
      </c>
      <c r="CY13" s="327">
        <v>232949</v>
      </c>
      <c r="CZ13" s="328">
        <v>295550</v>
      </c>
      <c r="DA13" s="326">
        <v>0</v>
      </c>
      <c r="DB13" s="327">
        <v>1357574</v>
      </c>
      <c r="DC13" s="327">
        <v>1799562</v>
      </c>
      <c r="DD13" s="327">
        <v>709378</v>
      </c>
      <c r="DE13" s="327">
        <v>737824</v>
      </c>
      <c r="DF13" s="327">
        <v>427415</v>
      </c>
      <c r="DG13" s="328">
        <v>5031753</v>
      </c>
      <c r="DH13" s="330">
        <v>5327303</v>
      </c>
      <c r="DI13" s="326">
        <v>0</v>
      </c>
      <c r="DJ13" s="327">
        <v>67115</v>
      </c>
      <c r="DK13" s="331">
        <v>67115</v>
      </c>
      <c r="DL13" s="332">
        <v>0</v>
      </c>
      <c r="DM13" s="327">
        <v>1013976</v>
      </c>
      <c r="DN13" s="327">
        <v>2517121</v>
      </c>
      <c r="DO13" s="327">
        <v>2250316</v>
      </c>
      <c r="DP13" s="327">
        <v>1398936</v>
      </c>
      <c r="DQ13" s="327">
        <v>1121885</v>
      </c>
      <c r="DR13" s="328">
        <v>8302234</v>
      </c>
      <c r="DS13" s="330">
        <v>8369349</v>
      </c>
      <c r="DT13" s="326">
        <v>0</v>
      </c>
      <c r="DU13" s="327">
        <v>67115</v>
      </c>
      <c r="DV13" s="328">
        <v>67115</v>
      </c>
      <c r="DW13" s="326">
        <v>0</v>
      </c>
      <c r="DX13" s="327">
        <v>978807</v>
      </c>
      <c r="DY13" s="327">
        <v>2324760</v>
      </c>
      <c r="DZ13" s="327">
        <v>2106568</v>
      </c>
      <c r="EA13" s="327">
        <v>1398936</v>
      </c>
      <c r="EB13" s="327">
        <v>1106286</v>
      </c>
      <c r="EC13" s="328">
        <v>7915357</v>
      </c>
      <c r="ED13" s="330">
        <v>7982472</v>
      </c>
      <c r="EE13" s="326">
        <v>0</v>
      </c>
      <c r="EF13" s="331">
        <v>0</v>
      </c>
      <c r="EG13" s="328">
        <v>0</v>
      </c>
      <c r="EH13" s="326">
        <v>0</v>
      </c>
      <c r="EI13" s="327">
        <v>35169</v>
      </c>
      <c r="EJ13" s="327">
        <v>192361</v>
      </c>
      <c r="EK13" s="327">
        <v>143748</v>
      </c>
      <c r="EL13" s="327">
        <v>0</v>
      </c>
      <c r="EM13" s="327">
        <v>15599</v>
      </c>
      <c r="EN13" s="331">
        <v>386877</v>
      </c>
      <c r="EO13" s="330">
        <v>386877</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340016</v>
      </c>
      <c r="FM13" s="327">
        <v>251048</v>
      </c>
      <c r="FN13" s="328">
        <v>591064</v>
      </c>
      <c r="FO13" s="326">
        <v>0</v>
      </c>
      <c r="FP13" s="327">
        <v>2243251</v>
      </c>
      <c r="FQ13" s="327">
        <v>2527039</v>
      </c>
      <c r="FR13" s="327">
        <v>1428812</v>
      </c>
      <c r="FS13" s="327">
        <v>1253208</v>
      </c>
      <c r="FT13" s="327">
        <v>887888</v>
      </c>
      <c r="FU13" s="328">
        <v>8340198</v>
      </c>
      <c r="FV13" s="330">
        <v>8931262</v>
      </c>
      <c r="FW13" s="333">
        <v>156592</v>
      </c>
      <c r="FX13" s="327">
        <v>231048</v>
      </c>
      <c r="FY13" s="331">
        <v>387640</v>
      </c>
      <c r="FZ13" s="332">
        <v>0</v>
      </c>
      <c r="GA13" s="327">
        <v>910752</v>
      </c>
      <c r="GB13" s="327">
        <v>2106489</v>
      </c>
      <c r="GC13" s="327">
        <v>1215640</v>
      </c>
      <c r="GD13" s="327">
        <v>1135096</v>
      </c>
      <c r="GE13" s="327">
        <v>887888</v>
      </c>
      <c r="GF13" s="328">
        <v>6255865</v>
      </c>
      <c r="GG13" s="334">
        <v>6643505</v>
      </c>
      <c r="GH13" s="333">
        <v>0</v>
      </c>
      <c r="GI13" s="327">
        <v>20000</v>
      </c>
      <c r="GJ13" s="331">
        <v>20000</v>
      </c>
      <c r="GK13" s="332">
        <v>0</v>
      </c>
      <c r="GL13" s="327">
        <v>146739</v>
      </c>
      <c r="GM13" s="327">
        <v>66950</v>
      </c>
      <c r="GN13" s="327">
        <v>15092</v>
      </c>
      <c r="GO13" s="327">
        <v>28512</v>
      </c>
      <c r="GP13" s="327">
        <v>0</v>
      </c>
      <c r="GQ13" s="328">
        <v>257293</v>
      </c>
      <c r="GR13" s="330">
        <v>277293</v>
      </c>
      <c r="GS13" s="326">
        <v>183424</v>
      </c>
      <c r="GT13" s="327">
        <v>0</v>
      </c>
      <c r="GU13" s="328">
        <v>183424</v>
      </c>
      <c r="GV13" s="326">
        <v>0</v>
      </c>
      <c r="GW13" s="327">
        <v>1185760</v>
      </c>
      <c r="GX13" s="327">
        <v>353600</v>
      </c>
      <c r="GY13" s="327">
        <v>198080</v>
      </c>
      <c r="GZ13" s="327">
        <v>89600</v>
      </c>
      <c r="HA13" s="327">
        <v>0</v>
      </c>
      <c r="HB13" s="331">
        <v>1827040</v>
      </c>
      <c r="HC13" s="330">
        <v>2010464</v>
      </c>
      <c r="HD13" s="326">
        <v>1048132</v>
      </c>
      <c r="HE13" s="327">
        <v>1062279</v>
      </c>
      <c r="HF13" s="331">
        <v>2110411</v>
      </c>
      <c r="HG13" s="332">
        <v>0</v>
      </c>
      <c r="HH13" s="327">
        <v>8231028</v>
      </c>
      <c r="HI13" s="327">
        <v>6994947</v>
      </c>
      <c r="HJ13" s="327">
        <v>5011237</v>
      </c>
      <c r="HK13" s="327">
        <v>6976040</v>
      </c>
      <c r="HL13" s="327">
        <v>4738984</v>
      </c>
      <c r="HM13" s="328">
        <v>31952236</v>
      </c>
      <c r="HN13" s="329">
        <v>34062647</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5467395</v>
      </c>
      <c r="IE13" s="339">
        <v>7352115</v>
      </c>
      <c r="IF13" s="337">
        <v>4749004</v>
      </c>
      <c r="IG13" s="336">
        <v>3756641</v>
      </c>
      <c r="IH13" s="337">
        <v>1234608</v>
      </c>
      <c r="II13" s="340">
        <v>22559763</v>
      </c>
      <c r="IJ13" s="341">
        <v>22559763</v>
      </c>
      <c r="IK13" s="342">
        <v>0</v>
      </c>
      <c r="IL13" s="343">
        <v>0</v>
      </c>
      <c r="IM13" s="344">
        <v>0</v>
      </c>
      <c r="IN13" s="404">
        <v>0</v>
      </c>
      <c r="IO13" s="345">
        <v>0</v>
      </c>
      <c r="IP13" s="345">
        <v>266264</v>
      </c>
      <c r="IQ13" s="345">
        <v>0</v>
      </c>
      <c r="IR13" s="345">
        <v>279376</v>
      </c>
      <c r="IS13" s="345">
        <v>0</v>
      </c>
      <c r="IT13" s="346">
        <v>545640</v>
      </c>
      <c r="IU13" s="347">
        <v>545640</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3114882</v>
      </c>
      <c r="JL13" s="345">
        <v>3343149</v>
      </c>
      <c r="JM13" s="345">
        <v>1217261</v>
      </c>
      <c r="JN13" s="345">
        <v>303802</v>
      </c>
      <c r="JO13" s="345">
        <v>0</v>
      </c>
      <c r="JP13" s="349">
        <v>7979094</v>
      </c>
      <c r="JQ13" s="347">
        <v>7979094</v>
      </c>
      <c r="JR13" s="348">
        <v>0</v>
      </c>
      <c r="JS13" s="345">
        <v>0</v>
      </c>
      <c r="JT13" s="346">
        <v>0</v>
      </c>
      <c r="JU13" s="351">
        <v>0</v>
      </c>
      <c r="JV13" s="345">
        <v>436757</v>
      </c>
      <c r="JW13" s="345">
        <v>656489</v>
      </c>
      <c r="JX13" s="345">
        <v>682960</v>
      </c>
      <c r="JY13" s="345">
        <v>606704</v>
      </c>
      <c r="JZ13" s="345">
        <v>272391</v>
      </c>
      <c r="KA13" s="349">
        <v>2655301</v>
      </c>
      <c r="KB13" s="347">
        <v>2655301</v>
      </c>
      <c r="KC13" s="352">
        <v>0</v>
      </c>
      <c r="KD13" s="353">
        <v>0</v>
      </c>
      <c r="KE13" s="349">
        <v>0</v>
      </c>
      <c r="KF13" s="351">
        <v>0</v>
      </c>
      <c r="KG13" s="345">
        <v>578388</v>
      </c>
      <c r="KH13" s="345">
        <v>508266</v>
      </c>
      <c r="KI13" s="345">
        <v>445833</v>
      </c>
      <c r="KJ13" s="345">
        <v>759867</v>
      </c>
      <c r="KK13" s="345">
        <v>0</v>
      </c>
      <c r="KL13" s="349">
        <v>2292354</v>
      </c>
      <c r="KM13" s="354">
        <v>2292354</v>
      </c>
      <c r="KN13" s="342">
        <v>0</v>
      </c>
      <c r="KO13" s="343">
        <v>0</v>
      </c>
      <c r="KP13" s="344">
        <v>0</v>
      </c>
      <c r="KQ13" s="404">
        <v>0</v>
      </c>
      <c r="KR13" s="345">
        <v>1337368</v>
      </c>
      <c r="KS13" s="345">
        <v>2633094</v>
      </c>
      <c r="KT13" s="345">
        <v>1868281</v>
      </c>
      <c r="KU13" s="345">
        <v>1591443</v>
      </c>
      <c r="KV13" s="345">
        <v>272749</v>
      </c>
      <c r="KW13" s="349">
        <v>7702935</v>
      </c>
      <c r="KX13" s="347">
        <v>7702935</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0</v>
      </c>
      <c r="LZ13" s="345">
        <v>-55147</v>
      </c>
      <c r="MA13" s="345">
        <v>534669</v>
      </c>
      <c r="MB13" s="345">
        <v>215449</v>
      </c>
      <c r="MC13" s="345">
        <v>689468</v>
      </c>
      <c r="MD13" s="349">
        <v>1384439</v>
      </c>
      <c r="ME13" s="350">
        <v>1384439</v>
      </c>
      <c r="MF13" s="348">
        <v>0</v>
      </c>
      <c r="MG13" s="345">
        <v>0</v>
      </c>
      <c r="MH13" s="349">
        <v>0</v>
      </c>
      <c r="MI13" s="404">
        <v>0</v>
      </c>
      <c r="MJ13" s="345">
        <v>3799738</v>
      </c>
      <c r="MK13" s="345">
        <v>2964140</v>
      </c>
      <c r="ML13" s="345">
        <v>11649688</v>
      </c>
      <c r="MM13" s="345">
        <v>18801889</v>
      </c>
      <c r="MN13" s="345">
        <v>7572383</v>
      </c>
      <c r="MO13" s="349">
        <v>44787838</v>
      </c>
      <c r="MP13" s="354">
        <v>44787838</v>
      </c>
      <c r="MQ13" s="348">
        <v>0</v>
      </c>
      <c r="MR13" s="345">
        <v>0</v>
      </c>
      <c r="MS13" s="349">
        <v>0</v>
      </c>
      <c r="MT13" s="404">
        <v>0</v>
      </c>
      <c r="MU13" s="345">
        <v>74698</v>
      </c>
      <c r="MV13" s="345">
        <v>242309</v>
      </c>
      <c r="MW13" s="345">
        <v>8162468</v>
      </c>
      <c r="MX13" s="345">
        <v>13402217</v>
      </c>
      <c r="MY13" s="345">
        <v>5904946</v>
      </c>
      <c r="MZ13" s="349">
        <v>27786638</v>
      </c>
      <c r="NA13" s="354">
        <v>27786638</v>
      </c>
      <c r="NB13" s="348">
        <v>0</v>
      </c>
      <c r="NC13" s="345">
        <v>0</v>
      </c>
      <c r="ND13" s="349">
        <v>0</v>
      </c>
      <c r="NE13" s="404">
        <v>0</v>
      </c>
      <c r="NF13" s="345">
        <v>3725040</v>
      </c>
      <c r="NG13" s="345">
        <v>2721831</v>
      </c>
      <c r="NH13" s="345">
        <v>3487220</v>
      </c>
      <c r="NI13" s="345">
        <v>5242961</v>
      </c>
      <c r="NJ13" s="345">
        <v>1667437</v>
      </c>
      <c r="NK13" s="349">
        <v>16844489</v>
      </c>
      <c r="NL13" s="347">
        <v>16844489</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0</v>
      </c>
      <c r="OE13" s="345">
        <v>156711</v>
      </c>
      <c r="OF13" s="345">
        <v>0</v>
      </c>
      <c r="OG13" s="349">
        <v>156711</v>
      </c>
      <c r="OH13" s="350">
        <v>156711</v>
      </c>
      <c r="OI13" s="348">
        <v>1783965</v>
      </c>
      <c r="OJ13" s="345">
        <v>1903983</v>
      </c>
      <c r="OK13" s="346">
        <v>3687948</v>
      </c>
      <c r="OL13" s="351">
        <v>0</v>
      </c>
      <c r="OM13" s="345">
        <v>37117777</v>
      </c>
      <c r="ON13" s="345">
        <v>36403061</v>
      </c>
      <c r="OO13" s="345">
        <v>34192113</v>
      </c>
      <c r="OP13" s="345">
        <v>41821698</v>
      </c>
      <c r="OQ13" s="345">
        <v>23815874</v>
      </c>
      <c r="OR13" s="349">
        <v>173350523</v>
      </c>
      <c r="OS13" s="354">
        <v>177038471</v>
      </c>
    </row>
    <row r="14" spans="1:409" s="70" customFormat="1" ht="21" customHeight="1" x14ac:dyDescent="0.2">
      <c r="B14" s="410" t="s">
        <v>8</v>
      </c>
      <c r="C14" s="326">
        <v>1175722</v>
      </c>
      <c r="D14" s="327">
        <v>724216</v>
      </c>
      <c r="E14" s="328">
        <v>1899938</v>
      </c>
      <c r="F14" s="329">
        <v>0</v>
      </c>
      <c r="G14" s="327">
        <v>8895270</v>
      </c>
      <c r="H14" s="327">
        <v>10059538</v>
      </c>
      <c r="I14" s="327">
        <v>9673393</v>
      </c>
      <c r="J14" s="327">
        <v>7731713</v>
      </c>
      <c r="K14" s="327">
        <v>6474906</v>
      </c>
      <c r="L14" s="329">
        <v>42834820</v>
      </c>
      <c r="M14" s="330">
        <v>44734758</v>
      </c>
      <c r="N14" s="326">
        <v>220106</v>
      </c>
      <c r="O14" s="327">
        <v>175190</v>
      </c>
      <c r="P14" s="328">
        <v>395296</v>
      </c>
      <c r="Q14" s="326">
        <v>0</v>
      </c>
      <c r="R14" s="327">
        <v>2305775</v>
      </c>
      <c r="S14" s="327">
        <v>3820354</v>
      </c>
      <c r="T14" s="327">
        <v>4535684</v>
      </c>
      <c r="U14" s="327">
        <v>2641363</v>
      </c>
      <c r="V14" s="327">
        <v>3927268</v>
      </c>
      <c r="W14" s="328">
        <v>17230444</v>
      </c>
      <c r="X14" s="330">
        <v>17625740</v>
      </c>
      <c r="Y14" s="326">
        <v>0</v>
      </c>
      <c r="Z14" s="327">
        <v>0</v>
      </c>
      <c r="AA14" s="328">
        <v>0</v>
      </c>
      <c r="AB14" s="326">
        <v>0</v>
      </c>
      <c r="AC14" s="327">
        <v>911393</v>
      </c>
      <c r="AD14" s="327">
        <v>1773078</v>
      </c>
      <c r="AE14" s="327">
        <v>2712722</v>
      </c>
      <c r="AF14" s="327">
        <v>1354311</v>
      </c>
      <c r="AG14" s="327">
        <v>2875229</v>
      </c>
      <c r="AH14" s="328">
        <v>9626733</v>
      </c>
      <c r="AI14" s="330">
        <v>9626733</v>
      </c>
      <c r="AJ14" s="326">
        <v>0</v>
      </c>
      <c r="AK14" s="327">
        <v>0</v>
      </c>
      <c r="AL14" s="328">
        <v>0</v>
      </c>
      <c r="AM14" s="326">
        <v>0</v>
      </c>
      <c r="AN14" s="327">
        <v>59277</v>
      </c>
      <c r="AO14" s="327">
        <v>94844</v>
      </c>
      <c r="AP14" s="327">
        <v>94844</v>
      </c>
      <c r="AQ14" s="327">
        <v>0</v>
      </c>
      <c r="AR14" s="327">
        <v>81849</v>
      </c>
      <c r="AS14" s="328">
        <v>330814</v>
      </c>
      <c r="AT14" s="330">
        <v>330814</v>
      </c>
      <c r="AU14" s="326">
        <v>73050</v>
      </c>
      <c r="AV14" s="327">
        <v>84399</v>
      </c>
      <c r="AW14" s="328">
        <v>157449</v>
      </c>
      <c r="AX14" s="326">
        <v>0</v>
      </c>
      <c r="AY14" s="327">
        <v>711341</v>
      </c>
      <c r="AZ14" s="327">
        <v>1340547</v>
      </c>
      <c r="BA14" s="327">
        <v>1229675</v>
      </c>
      <c r="BB14" s="327">
        <v>779289</v>
      </c>
      <c r="BC14" s="327">
        <v>540746</v>
      </c>
      <c r="BD14" s="328">
        <v>4601598</v>
      </c>
      <c r="BE14" s="330">
        <v>4759047</v>
      </c>
      <c r="BF14" s="326">
        <v>34688</v>
      </c>
      <c r="BG14" s="327">
        <v>46183</v>
      </c>
      <c r="BH14" s="331">
        <v>80871</v>
      </c>
      <c r="BI14" s="332">
        <v>0</v>
      </c>
      <c r="BJ14" s="327">
        <v>168356</v>
      </c>
      <c r="BK14" s="327">
        <v>180917</v>
      </c>
      <c r="BL14" s="327">
        <v>154963</v>
      </c>
      <c r="BM14" s="327">
        <v>96187</v>
      </c>
      <c r="BN14" s="327">
        <v>28020</v>
      </c>
      <c r="BO14" s="328">
        <v>628443</v>
      </c>
      <c r="BP14" s="330">
        <v>709314</v>
      </c>
      <c r="BQ14" s="326">
        <v>112368</v>
      </c>
      <c r="BR14" s="327">
        <v>44608</v>
      </c>
      <c r="BS14" s="328">
        <v>156976</v>
      </c>
      <c r="BT14" s="326">
        <v>0</v>
      </c>
      <c r="BU14" s="327">
        <v>455408</v>
      </c>
      <c r="BV14" s="327">
        <v>430968</v>
      </c>
      <c r="BW14" s="327">
        <v>343480</v>
      </c>
      <c r="BX14" s="327">
        <v>411576</v>
      </c>
      <c r="BY14" s="327">
        <v>401424</v>
      </c>
      <c r="BZ14" s="328">
        <v>2042856</v>
      </c>
      <c r="CA14" s="330">
        <v>2199832</v>
      </c>
      <c r="CB14" s="326">
        <v>126072</v>
      </c>
      <c r="CC14" s="327">
        <v>155860</v>
      </c>
      <c r="CD14" s="328">
        <v>281932</v>
      </c>
      <c r="CE14" s="326">
        <v>0</v>
      </c>
      <c r="CF14" s="327">
        <v>3011076</v>
      </c>
      <c r="CG14" s="327">
        <v>3203479</v>
      </c>
      <c r="CH14" s="327">
        <v>1421092</v>
      </c>
      <c r="CI14" s="327">
        <v>2011605</v>
      </c>
      <c r="CJ14" s="327">
        <v>775442</v>
      </c>
      <c r="CK14" s="328">
        <v>10422694</v>
      </c>
      <c r="CL14" s="330">
        <v>10704626</v>
      </c>
      <c r="CM14" s="326">
        <v>0</v>
      </c>
      <c r="CN14" s="327">
        <v>0</v>
      </c>
      <c r="CO14" s="328">
        <v>0</v>
      </c>
      <c r="CP14" s="332">
        <v>0</v>
      </c>
      <c r="CQ14" s="327">
        <v>2417318</v>
      </c>
      <c r="CR14" s="327">
        <v>2528300</v>
      </c>
      <c r="CS14" s="327">
        <v>1027987</v>
      </c>
      <c r="CT14" s="327">
        <v>1941767</v>
      </c>
      <c r="CU14" s="327">
        <v>655536</v>
      </c>
      <c r="CV14" s="328">
        <v>8570908</v>
      </c>
      <c r="CW14" s="330">
        <v>8570908</v>
      </c>
      <c r="CX14" s="326">
        <v>126072</v>
      </c>
      <c r="CY14" s="327">
        <v>155860</v>
      </c>
      <c r="CZ14" s="328">
        <v>281932</v>
      </c>
      <c r="DA14" s="326">
        <v>0</v>
      </c>
      <c r="DB14" s="327">
        <v>593758</v>
      </c>
      <c r="DC14" s="327">
        <v>675179</v>
      </c>
      <c r="DD14" s="327">
        <v>393105</v>
      </c>
      <c r="DE14" s="327">
        <v>69838</v>
      </c>
      <c r="DF14" s="327">
        <v>119906</v>
      </c>
      <c r="DG14" s="328">
        <v>1851786</v>
      </c>
      <c r="DH14" s="330">
        <v>2133718</v>
      </c>
      <c r="DI14" s="326">
        <v>0</v>
      </c>
      <c r="DJ14" s="327">
        <v>59037</v>
      </c>
      <c r="DK14" s="331">
        <v>59037</v>
      </c>
      <c r="DL14" s="332">
        <v>0</v>
      </c>
      <c r="DM14" s="327">
        <v>99506</v>
      </c>
      <c r="DN14" s="327">
        <v>248699</v>
      </c>
      <c r="DO14" s="327">
        <v>1772088</v>
      </c>
      <c r="DP14" s="327">
        <v>548368</v>
      </c>
      <c r="DQ14" s="327">
        <v>164435</v>
      </c>
      <c r="DR14" s="328">
        <v>2833096</v>
      </c>
      <c r="DS14" s="330">
        <v>2892133</v>
      </c>
      <c r="DT14" s="326">
        <v>0</v>
      </c>
      <c r="DU14" s="327">
        <v>59037</v>
      </c>
      <c r="DV14" s="328">
        <v>59037</v>
      </c>
      <c r="DW14" s="326">
        <v>0</v>
      </c>
      <c r="DX14" s="327">
        <v>99506</v>
      </c>
      <c r="DY14" s="327">
        <v>248699</v>
      </c>
      <c r="DZ14" s="327">
        <v>1741207</v>
      </c>
      <c r="EA14" s="327">
        <v>548368</v>
      </c>
      <c r="EB14" s="327">
        <v>164435</v>
      </c>
      <c r="EC14" s="328">
        <v>2802215</v>
      </c>
      <c r="ED14" s="330">
        <v>2861252</v>
      </c>
      <c r="EE14" s="326">
        <v>0</v>
      </c>
      <c r="EF14" s="331">
        <v>0</v>
      </c>
      <c r="EG14" s="328">
        <v>0</v>
      </c>
      <c r="EH14" s="326">
        <v>0</v>
      </c>
      <c r="EI14" s="327">
        <v>0</v>
      </c>
      <c r="EJ14" s="327">
        <v>0</v>
      </c>
      <c r="EK14" s="327">
        <v>30881</v>
      </c>
      <c r="EL14" s="327">
        <v>0</v>
      </c>
      <c r="EM14" s="327">
        <v>0</v>
      </c>
      <c r="EN14" s="331">
        <v>30881</v>
      </c>
      <c r="EO14" s="330">
        <v>30881</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360140</v>
      </c>
      <c r="FM14" s="327">
        <v>137536</v>
      </c>
      <c r="FN14" s="328">
        <v>497676</v>
      </c>
      <c r="FO14" s="326">
        <v>0</v>
      </c>
      <c r="FP14" s="327">
        <v>457299</v>
      </c>
      <c r="FQ14" s="327">
        <v>1188824</v>
      </c>
      <c r="FR14" s="327">
        <v>712848</v>
      </c>
      <c r="FS14" s="327">
        <v>742712</v>
      </c>
      <c r="FT14" s="327">
        <v>415840</v>
      </c>
      <c r="FU14" s="328">
        <v>3517523</v>
      </c>
      <c r="FV14" s="330">
        <v>4015199</v>
      </c>
      <c r="FW14" s="333">
        <v>75464</v>
      </c>
      <c r="FX14" s="327">
        <v>137536</v>
      </c>
      <c r="FY14" s="331">
        <v>213000</v>
      </c>
      <c r="FZ14" s="332">
        <v>0</v>
      </c>
      <c r="GA14" s="327">
        <v>433856</v>
      </c>
      <c r="GB14" s="327">
        <v>1088248</v>
      </c>
      <c r="GC14" s="327">
        <v>703504</v>
      </c>
      <c r="GD14" s="327">
        <v>669496</v>
      </c>
      <c r="GE14" s="327">
        <v>351840</v>
      </c>
      <c r="GF14" s="328">
        <v>3246944</v>
      </c>
      <c r="GG14" s="334">
        <v>3459944</v>
      </c>
      <c r="GH14" s="333">
        <v>28160</v>
      </c>
      <c r="GI14" s="327">
        <v>0</v>
      </c>
      <c r="GJ14" s="331">
        <v>28160</v>
      </c>
      <c r="GK14" s="332">
        <v>0</v>
      </c>
      <c r="GL14" s="327">
        <v>23443</v>
      </c>
      <c r="GM14" s="327">
        <v>74176</v>
      </c>
      <c r="GN14" s="327">
        <v>9344</v>
      </c>
      <c r="GO14" s="327">
        <v>73216</v>
      </c>
      <c r="GP14" s="327">
        <v>0</v>
      </c>
      <c r="GQ14" s="328">
        <v>180179</v>
      </c>
      <c r="GR14" s="330">
        <v>208339</v>
      </c>
      <c r="GS14" s="326">
        <v>256516</v>
      </c>
      <c r="GT14" s="327">
        <v>0</v>
      </c>
      <c r="GU14" s="328">
        <v>256516</v>
      </c>
      <c r="GV14" s="326">
        <v>0</v>
      </c>
      <c r="GW14" s="327">
        <v>0</v>
      </c>
      <c r="GX14" s="327">
        <v>26400</v>
      </c>
      <c r="GY14" s="327">
        <v>0</v>
      </c>
      <c r="GZ14" s="327">
        <v>0</v>
      </c>
      <c r="HA14" s="327">
        <v>64000</v>
      </c>
      <c r="HB14" s="331">
        <v>90400</v>
      </c>
      <c r="HC14" s="330">
        <v>346916</v>
      </c>
      <c r="HD14" s="326">
        <v>469404</v>
      </c>
      <c r="HE14" s="327">
        <v>196593</v>
      </c>
      <c r="HF14" s="331">
        <v>665997</v>
      </c>
      <c r="HG14" s="332">
        <v>0</v>
      </c>
      <c r="HH14" s="327">
        <v>3021614</v>
      </c>
      <c r="HI14" s="327">
        <v>1598182</v>
      </c>
      <c r="HJ14" s="327">
        <v>1231681</v>
      </c>
      <c r="HK14" s="327">
        <v>1787665</v>
      </c>
      <c r="HL14" s="327">
        <v>1191921</v>
      </c>
      <c r="HM14" s="328">
        <v>8831063</v>
      </c>
      <c r="HN14" s="329">
        <v>9497060</v>
      </c>
      <c r="HO14" s="333">
        <v>0</v>
      </c>
      <c r="HP14" s="327">
        <v>0</v>
      </c>
      <c r="HQ14" s="328">
        <v>0</v>
      </c>
      <c r="HR14" s="326">
        <v>0</v>
      </c>
      <c r="HS14" s="327">
        <v>0</v>
      </c>
      <c r="HT14" s="327">
        <v>0</v>
      </c>
      <c r="HU14" s="327">
        <v>0</v>
      </c>
      <c r="HV14" s="327">
        <v>0</v>
      </c>
      <c r="HW14" s="327">
        <v>0</v>
      </c>
      <c r="HX14" s="331">
        <v>0</v>
      </c>
      <c r="HY14" s="330">
        <v>0</v>
      </c>
      <c r="HZ14" s="335">
        <v>0</v>
      </c>
      <c r="IA14" s="336">
        <v>82812</v>
      </c>
      <c r="IB14" s="337">
        <v>82812</v>
      </c>
      <c r="IC14" s="355">
        <v>0</v>
      </c>
      <c r="ID14" s="356">
        <v>2248350</v>
      </c>
      <c r="IE14" s="357">
        <v>3140835</v>
      </c>
      <c r="IF14" s="358">
        <v>2515343</v>
      </c>
      <c r="IG14" s="356">
        <v>2442130</v>
      </c>
      <c r="IH14" s="358">
        <v>938850</v>
      </c>
      <c r="II14" s="359">
        <v>11285508</v>
      </c>
      <c r="IJ14" s="341">
        <v>11368320</v>
      </c>
      <c r="IK14" s="342">
        <v>0</v>
      </c>
      <c r="IL14" s="343">
        <v>0</v>
      </c>
      <c r="IM14" s="344">
        <v>0</v>
      </c>
      <c r="IN14" s="404">
        <v>0</v>
      </c>
      <c r="IO14" s="345">
        <v>87773</v>
      </c>
      <c r="IP14" s="345">
        <v>0</v>
      </c>
      <c r="IQ14" s="345">
        <v>0</v>
      </c>
      <c r="IR14" s="345">
        <v>0</v>
      </c>
      <c r="IS14" s="345">
        <v>0</v>
      </c>
      <c r="IT14" s="346">
        <v>87773</v>
      </c>
      <c r="IU14" s="347">
        <v>87773</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1003960</v>
      </c>
      <c r="JL14" s="345">
        <v>2435166</v>
      </c>
      <c r="JM14" s="345">
        <v>526415</v>
      </c>
      <c r="JN14" s="345">
        <v>810869</v>
      </c>
      <c r="JO14" s="345">
        <v>162100</v>
      </c>
      <c r="JP14" s="349">
        <v>4938510</v>
      </c>
      <c r="JQ14" s="347">
        <v>4938510</v>
      </c>
      <c r="JR14" s="348">
        <v>0</v>
      </c>
      <c r="JS14" s="345">
        <v>0</v>
      </c>
      <c r="JT14" s="346">
        <v>0</v>
      </c>
      <c r="JU14" s="351">
        <v>0</v>
      </c>
      <c r="JV14" s="345">
        <v>0</v>
      </c>
      <c r="JW14" s="345">
        <v>0</v>
      </c>
      <c r="JX14" s="345">
        <v>0</v>
      </c>
      <c r="JY14" s="345">
        <v>0</v>
      </c>
      <c r="JZ14" s="345">
        <v>0</v>
      </c>
      <c r="KA14" s="349">
        <v>0</v>
      </c>
      <c r="KB14" s="347">
        <v>0</v>
      </c>
      <c r="KC14" s="352">
        <v>0</v>
      </c>
      <c r="KD14" s="353">
        <v>82812</v>
      </c>
      <c r="KE14" s="349">
        <v>82812</v>
      </c>
      <c r="KF14" s="351">
        <v>0</v>
      </c>
      <c r="KG14" s="345">
        <v>228924</v>
      </c>
      <c r="KH14" s="345">
        <v>0</v>
      </c>
      <c r="KI14" s="345">
        <v>0</v>
      </c>
      <c r="KJ14" s="345">
        <v>514130</v>
      </c>
      <c r="KK14" s="345">
        <v>0</v>
      </c>
      <c r="KL14" s="349">
        <v>743054</v>
      </c>
      <c r="KM14" s="354">
        <v>825866</v>
      </c>
      <c r="KN14" s="342">
        <v>0</v>
      </c>
      <c r="KO14" s="343">
        <v>0</v>
      </c>
      <c r="KP14" s="344">
        <v>0</v>
      </c>
      <c r="KQ14" s="404">
        <v>0</v>
      </c>
      <c r="KR14" s="345">
        <v>483734</v>
      </c>
      <c r="KS14" s="345">
        <v>505135</v>
      </c>
      <c r="KT14" s="345">
        <v>1270263</v>
      </c>
      <c r="KU14" s="345">
        <v>808844</v>
      </c>
      <c r="KV14" s="345">
        <v>269952</v>
      </c>
      <c r="KW14" s="349">
        <v>3337928</v>
      </c>
      <c r="KX14" s="347">
        <v>3337928</v>
      </c>
      <c r="KY14" s="348">
        <v>0</v>
      </c>
      <c r="KZ14" s="345">
        <v>0</v>
      </c>
      <c r="LA14" s="349">
        <v>0</v>
      </c>
      <c r="LB14" s="404">
        <v>0</v>
      </c>
      <c r="LC14" s="345">
        <v>0</v>
      </c>
      <c r="LD14" s="345">
        <v>0</v>
      </c>
      <c r="LE14" s="345">
        <v>214140</v>
      </c>
      <c r="LF14" s="345">
        <v>0</v>
      </c>
      <c r="LG14" s="345">
        <v>506798</v>
      </c>
      <c r="LH14" s="349">
        <v>720938</v>
      </c>
      <c r="LI14" s="350">
        <v>720938</v>
      </c>
      <c r="LJ14" s="348">
        <v>0</v>
      </c>
      <c r="LK14" s="345">
        <v>0</v>
      </c>
      <c r="LL14" s="349">
        <v>0</v>
      </c>
      <c r="LM14" s="404">
        <v>0</v>
      </c>
      <c r="LN14" s="345">
        <v>0</v>
      </c>
      <c r="LO14" s="345">
        <v>0</v>
      </c>
      <c r="LP14" s="345">
        <v>0</v>
      </c>
      <c r="LQ14" s="345">
        <v>0</v>
      </c>
      <c r="LR14" s="345">
        <v>0</v>
      </c>
      <c r="LS14" s="349">
        <v>0</v>
      </c>
      <c r="LT14" s="347">
        <v>0</v>
      </c>
      <c r="LU14" s="348">
        <v>0</v>
      </c>
      <c r="LV14" s="345">
        <v>0</v>
      </c>
      <c r="LW14" s="349">
        <v>0</v>
      </c>
      <c r="LX14" s="404">
        <v>0</v>
      </c>
      <c r="LY14" s="345">
        <v>443959</v>
      </c>
      <c r="LZ14" s="345">
        <v>200534</v>
      </c>
      <c r="MA14" s="345">
        <v>504525</v>
      </c>
      <c r="MB14" s="345">
        <v>308287</v>
      </c>
      <c r="MC14" s="345">
        <v>0</v>
      </c>
      <c r="MD14" s="349">
        <v>1457305</v>
      </c>
      <c r="ME14" s="350">
        <v>1457305</v>
      </c>
      <c r="MF14" s="348">
        <v>0</v>
      </c>
      <c r="MG14" s="345">
        <v>0</v>
      </c>
      <c r="MH14" s="349">
        <v>0</v>
      </c>
      <c r="MI14" s="404">
        <v>0</v>
      </c>
      <c r="MJ14" s="345">
        <v>832838</v>
      </c>
      <c r="MK14" s="345">
        <v>219040</v>
      </c>
      <c r="ML14" s="345">
        <v>5457873</v>
      </c>
      <c r="MM14" s="345">
        <v>3394153</v>
      </c>
      <c r="MN14" s="345">
        <v>3143290</v>
      </c>
      <c r="MO14" s="349">
        <v>13047194</v>
      </c>
      <c r="MP14" s="354">
        <v>13047194</v>
      </c>
      <c r="MQ14" s="348">
        <v>0</v>
      </c>
      <c r="MR14" s="345">
        <v>0</v>
      </c>
      <c r="MS14" s="349">
        <v>0</v>
      </c>
      <c r="MT14" s="404">
        <v>0</v>
      </c>
      <c r="MU14" s="345">
        <v>225895</v>
      </c>
      <c r="MV14" s="345">
        <v>219040</v>
      </c>
      <c r="MW14" s="345">
        <v>3531885</v>
      </c>
      <c r="MX14" s="345">
        <v>2736331</v>
      </c>
      <c r="MY14" s="345">
        <v>1875174</v>
      </c>
      <c r="MZ14" s="349">
        <v>8588325</v>
      </c>
      <c r="NA14" s="354">
        <v>8588325</v>
      </c>
      <c r="NB14" s="348">
        <v>0</v>
      </c>
      <c r="NC14" s="345">
        <v>0</v>
      </c>
      <c r="ND14" s="349">
        <v>0</v>
      </c>
      <c r="NE14" s="404">
        <v>0</v>
      </c>
      <c r="NF14" s="345">
        <v>606943</v>
      </c>
      <c r="NG14" s="345">
        <v>0</v>
      </c>
      <c r="NH14" s="345">
        <v>1925988</v>
      </c>
      <c r="NI14" s="345">
        <v>657822</v>
      </c>
      <c r="NJ14" s="345">
        <v>1268116</v>
      </c>
      <c r="NK14" s="349">
        <v>4458869</v>
      </c>
      <c r="NL14" s="347">
        <v>4458869</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0</v>
      </c>
      <c r="OF14" s="345">
        <v>0</v>
      </c>
      <c r="OG14" s="349">
        <v>0</v>
      </c>
      <c r="OH14" s="350">
        <v>0</v>
      </c>
      <c r="OI14" s="348">
        <v>1175722</v>
      </c>
      <c r="OJ14" s="345">
        <v>807028</v>
      </c>
      <c r="OK14" s="346">
        <v>1982750</v>
      </c>
      <c r="OL14" s="351">
        <v>0</v>
      </c>
      <c r="OM14" s="345">
        <v>11976458</v>
      </c>
      <c r="ON14" s="345">
        <v>13419413</v>
      </c>
      <c r="OO14" s="345">
        <v>17646609</v>
      </c>
      <c r="OP14" s="345">
        <v>13567996</v>
      </c>
      <c r="OQ14" s="345">
        <v>10557046</v>
      </c>
      <c r="OR14" s="349">
        <v>67167522</v>
      </c>
      <c r="OS14" s="354">
        <v>69150272</v>
      </c>
    </row>
    <row r="15" spans="1:409" s="70" customFormat="1" ht="21" customHeight="1" x14ac:dyDescent="0.2">
      <c r="B15" s="410" t="s">
        <v>9</v>
      </c>
      <c r="C15" s="326">
        <v>1321430</v>
      </c>
      <c r="D15" s="327">
        <v>887665</v>
      </c>
      <c r="E15" s="328">
        <v>2209095</v>
      </c>
      <c r="F15" s="332">
        <v>0</v>
      </c>
      <c r="G15" s="327">
        <v>11864532</v>
      </c>
      <c r="H15" s="327">
        <v>9444602</v>
      </c>
      <c r="I15" s="327">
        <v>14799471</v>
      </c>
      <c r="J15" s="327">
        <v>13211086</v>
      </c>
      <c r="K15" s="327">
        <v>6938680</v>
      </c>
      <c r="L15" s="329">
        <v>56258371</v>
      </c>
      <c r="M15" s="330">
        <v>58467466</v>
      </c>
      <c r="N15" s="326">
        <v>324555</v>
      </c>
      <c r="O15" s="327">
        <v>417112</v>
      </c>
      <c r="P15" s="328">
        <v>741667</v>
      </c>
      <c r="Q15" s="326">
        <v>0</v>
      </c>
      <c r="R15" s="327">
        <v>4452446</v>
      </c>
      <c r="S15" s="327">
        <v>3026838</v>
      </c>
      <c r="T15" s="327">
        <v>5133583</v>
      </c>
      <c r="U15" s="327">
        <v>5169283</v>
      </c>
      <c r="V15" s="327">
        <v>4794743</v>
      </c>
      <c r="W15" s="328">
        <v>22576893</v>
      </c>
      <c r="X15" s="330">
        <v>23318560</v>
      </c>
      <c r="Y15" s="326">
        <v>0</v>
      </c>
      <c r="Z15" s="327">
        <v>0</v>
      </c>
      <c r="AA15" s="328">
        <v>0</v>
      </c>
      <c r="AB15" s="326">
        <v>0</v>
      </c>
      <c r="AC15" s="327">
        <v>1859761</v>
      </c>
      <c r="AD15" s="327">
        <v>1388582</v>
      </c>
      <c r="AE15" s="327">
        <v>2736316</v>
      </c>
      <c r="AF15" s="327">
        <v>3156937</v>
      </c>
      <c r="AG15" s="327">
        <v>2855174</v>
      </c>
      <c r="AH15" s="328">
        <v>11996770</v>
      </c>
      <c r="AI15" s="330">
        <v>11996770</v>
      </c>
      <c r="AJ15" s="326">
        <v>0</v>
      </c>
      <c r="AK15" s="327">
        <v>0</v>
      </c>
      <c r="AL15" s="328">
        <v>0</v>
      </c>
      <c r="AM15" s="326">
        <v>0</v>
      </c>
      <c r="AN15" s="327">
        <v>0</v>
      </c>
      <c r="AO15" s="327">
        <v>48973</v>
      </c>
      <c r="AP15" s="327">
        <v>0</v>
      </c>
      <c r="AQ15" s="327">
        <v>124369</v>
      </c>
      <c r="AR15" s="327">
        <v>479829</v>
      </c>
      <c r="AS15" s="328">
        <v>653171</v>
      </c>
      <c r="AT15" s="330">
        <v>653171</v>
      </c>
      <c r="AU15" s="326">
        <v>220595</v>
      </c>
      <c r="AV15" s="327">
        <v>289060</v>
      </c>
      <c r="AW15" s="328">
        <v>509655</v>
      </c>
      <c r="AX15" s="326">
        <v>0</v>
      </c>
      <c r="AY15" s="327">
        <v>1667195</v>
      </c>
      <c r="AZ15" s="327">
        <v>823766</v>
      </c>
      <c r="BA15" s="327">
        <v>1467923</v>
      </c>
      <c r="BB15" s="327">
        <v>1071906</v>
      </c>
      <c r="BC15" s="327">
        <v>941350</v>
      </c>
      <c r="BD15" s="328">
        <v>5972140</v>
      </c>
      <c r="BE15" s="330">
        <v>6481795</v>
      </c>
      <c r="BF15" s="326">
        <v>0</v>
      </c>
      <c r="BG15" s="327">
        <v>46732</v>
      </c>
      <c r="BH15" s="331">
        <v>46732</v>
      </c>
      <c r="BI15" s="332">
        <v>0</v>
      </c>
      <c r="BJ15" s="327">
        <v>121746</v>
      </c>
      <c r="BK15" s="327">
        <v>84173</v>
      </c>
      <c r="BL15" s="327">
        <v>0</v>
      </c>
      <c r="BM15" s="327">
        <v>87471</v>
      </c>
      <c r="BN15" s="327">
        <v>140678</v>
      </c>
      <c r="BO15" s="328">
        <v>434068</v>
      </c>
      <c r="BP15" s="330">
        <v>480800</v>
      </c>
      <c r="BQ15" s="326">
        <v>103960</v>
      </c>
      <c r="BR15" s="327">
        <v>81320</v>
      </c>
      <c r="BS15" s="328">
        <v>185280</v>
      </c>
      <c r="BT15" s="326">
        <v>0</v>
      </c>
      <c r="BU15" s="327">
        <v>803744</v>
      </c>
      <c r="BV15" s="327">
        <v>681344</v>
      </c>
      <c r="BW15" s="327">
        <v>929344</v>
      </c>
      <c r="BX15" s="327">
        <v>728600</v>
      </c>
      <c r="BY15" s="327">
        <v>377712</v>
      </c>
      <c r="BZ15" s="328">
        <v>3520744</v>
      </c>
      <c r="CA15" s="330">
        <v>3706024</v>
      </c>
      <c r="CB15" s="326">
        <v>112233</v>
      </c>
      <c r="CC15" s="327">
        <v>77039</v>
      </c>
      <c r="CD15" s="328">
        <v>189272</v>
      </c>
      <c r="CE15" s="326">
        <v>0</v>
      </c>
      <c r="CF15" s="327">
        <v>3423911</v>
      </c>
      <c r="CG15" s="327">
        <v>2454200</v>
      </c>
      <c r="CH15" s="327">
        <v>3799343</v>
      </c>
      <c r="CI15" s="327">
        <v>2533878</v>
      </c>
      <c r="CJ15" s="327">
        <v>197426</v>
      </c>
      <c r="CK15" s="328">
        <v>12408758</v>
      </c>
      <c r="CL15" s="330">
        <v>12598030</v>
      </c>
      <c r="CM15" s="326">
        <v>0</v>
      </c>
      <c r="CN15" s="327">
        <v>0</v>
      </c>
      <c r="CO15" s="328">
        <v>0</v>
      </c>
      <c r="CP15" s="332">
        <v>0</v>
      </c>
      <c r="CQ15" s="327">
        <v>2793248</v>
      </c>
      <c r="CR15" s="327">
        <v>1430004</v>
      </c>
      <c r="CS15" s="327">
        <v>2799370</v>
      </c>
      <c r="CT15" s="327">
        <v>1197607</v>
      </c>
      <c r="CU15" s="327">
        <v>197426</v>
      </c>
      <c r="CV15" s="328">
        <v>8417655</v>
      </c>
      <c r="CW15" s="330">
        <v>8417655</v>
      </c>
      <c r="CX15" s="326">
        <v>112233</v>
      </c>
      <c r="CY15" s="327">
        <v>77039</v>
      </c>
      <c r="CZ15" s="328">
        <v>189272</v>
      </c>
      <c r="DA15" s="326">
        <v>0</v>
      </c>
      <c r="DB15" s="327">
        <v>630663</v>
      </c>
      <c r="DC15" s="327">
        <v>1024196</v>
      </c>
      <c r="DD15" s="327">
        <v>999973</v>
      </c>
      <c r="DE15" s="327">
        <v>1336271</v>
      </c>
      <c r="DF15" s="327">
        <v>0</v>
      </c>
      <c r="DG15" s="328">
        <v>3991103</v>
      </c>
      <c r="DH15" s="330">
        <v>4180375</v>
      </c>
      <c r="DI15" s="326">
        <v>0</v>
      </c>
      <c r="DJ15" s="327">
        <v>0</v>
      </c>
      <c r="DK15" s="331">
        <v>0</v>
      </c>
      <c r="DL15" s="332">
        <v>0</v>
      </c>
      <c r="DM15" s="327">
        <v>347931</v>
      </c>
      <c r="DN15" s="327">
        <v>126828</v>
      </c>
      <c r="DO15" s="327">
        <v>1563931</v>
      </c>
      <c r="DP15" s="327">
        <v>304386</v>
      </c>
      <c r="DQ15" s="327">
        <v>158855</v>
      </c>
      <c r="DR15" s="328">
        <v>2501931</v>
      </c>
      <c r="DS15" s="330">
        <v>2501931</v>
      </c>
      <c r="DT15" s="326">
        <v>0</v>
      </c>
      <c r="DU15" s="327">
        <v>0</v>
      </c>
      <c r="DV15" s="328">
        <v>0</v>
      </c>
      <c r="DW15" s="326">
        <v>0</v>
      </c>
      <c r="DX15" s="327">
        <v>291995</v>
      </c>
      <c r="DY15" s="327">
        <v>126828</v>
      </c>
      <c r="DZ15" s="327">
        <v>1563931</v>
      </c>
      <c r="EA15" s="327">
        <v>253610</v>
      </c>
      <c r="EB15" s="327">
        <v>123415</v>
      </c>
      <c r="EC15" s="328">
        <v>2359779</v>
      </c>
      <c r="ED15" s="330">
        <v>2359779</v>
      </c>
      <c r="EE15" s="326">
        <v>0</v>
      </c>
      <c r="EF15" s="331">
        <v>0</v>
      </c>
      <c r="EG15" s="328">
        <v>0</v>
      </c>
      <c r="EH15" s="326">
        <v>0</v>
      </c>
      <c r="EI15" s="327">
        <v>55936</v>
      </c>
      <c r="EJ15" s="327">
        <v>0</v>
      </c>
      <c r="EK15" s="327">
        <v>0</v>
      </c>
      <c r="EL15" s="327">
        <v>50776</v>
      </c>
      <c r="EM15" s="327">
        <v>35440</v>
      </c>
      <c r="EN15" s="331">
        <v>142152</v>
      </c>
      <c r="EO15" s="330">
        <v>142152</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540648</v>
      </c>
      <c r="FM15" s="327">
        <v>105176</v>
      </c>
      <c r="FN15" s="328">
        <v>645824</v>
      </c>
      <c r="FO15" s="326">
        <v>0</v>
      </c>
      <c r="FP15" s="327">
        <v>727832</v>
      </c>
      <c r="FQ15" s="327">
        <v>779227</v>
      </c>
      <c r="FR15" s="327">
        <v>1198600</v>
      </c>
      <c r="FS15" s="327">
        <v>1030256</v>
      </c>
      <c r="FT15" s="327">
        <v>625086</v>
      </c>
      <c r="FU15" s="328">
        <v>4361001</v>
      </c>
      <c r="FV15" s="330">
        <v>5006825</v>
      </c>
      <c r="FW15" s="333">
        <v>168648</v>
      </c>
      <c r="FX15" s="327">
        <v>105176</v>
      </c>
      <c r="FY15" s="331">
        <v>273824</v>
      </c>
      <c r="FZ15" s="332">
        <v>0</v>
      </c>
      <c r="GA15" s="327">
        <v>479304</v>
      </c>
      <c r="GB15" s="327">
        <v>758248</v>
      </c>
      <c r="GC15" s="327">
        <v>952520</v>
      </c>
      <c r="GD15" s="327">
        <v>921056</v>
      </c>
      <c r="GE15" s="327">
        <v>625086</v>
      </c>
      <c r="GF15" s="328">
        <v>3736214</v>
      </c>
      <c r="GG15" s="334">
        <v>4010038</v>
      </c>
      <c r="GH15" s="333">
        <v>17600</v>
      </c>
      <c r="GI15" s="327">
        <v>0</v>
      </c>
      <c r="GJ15" s="331">
        <v>17600</v>
      </c>
      <c r="GK15" s="332">
        <v>0</v>
      </c>
      <c r="GL15" s="327">
        <v>85568</v>
      </c>
      <c r="GM15" s="327">
        <v>20979</v>
      </c>
      <c r="GN15" s="327">
        <v>14080</v>
      </c>
      <c r="GO15" s="327">
        <v>0</v>
      </c>
      <c r="GP15" s="327">
        <v>0</v>
      </c>
      <c r="GQ15" s="328">
        <v>120627</v>
      </c>
      <c r="GR15" s="330">
        <v>138227</v>
      </c>
      <c r="GS15" s="326">
        <v>354400</v>
      </c>
      <c r="GT15" s="327">
        <v>0</v>
      </c>
      <c r="GU15" s="328">
        <v>354400</v>
      </c>
      <c r="GV15" s="326">
        <v>0</v>
      </c>
      <c r="GW15" s="327">
        <v>162960</v>
      </c>
      <c r="GX15" s="327">
        <v>0</v>
      </c>
      <c r="GY15" s="327">
        <v>232000</v>
      </c>
      <c r="GZ15" s="327">
        <v>109200</v>
      </c>
      <c r="HA15" s="327">
        <v>0</v>
      </c>
      <c r="HB15" s="331">
        <v>504160</v>
      </c>
      <c r="HC15" s="330">
        <v>858560</v>
      </c>
      <c r="HD15" s="326">
        <v>343994</v>
      </c>
      <c r="HE15" s="327">
        <v>288338</v>
      </c>
      <c r="HF15" s="331">
        <v>632332</v>
      </c>
      <c r="HG15" s="332">
        <v>0</v>
      </c>
      <c r="HH15" s="327">
        <v>2912412</v>
      </c>
      <c r="HI15" s="327">
        <v>3057509</v>
      </c>
      <c r="HJ15" s="327">
        <v>3104014</v>
      </c>
      <c r="HK15" s="327">
        <v>4173283</v>
      </c>
      <c r="HL15" s="327">
        <v>1162570</v>
      </c>
      <c r="HM15" s="328">
        <v>14409788</v>
      </c>
      <c r="HN15" s="329">
        <v>15042120</v>
      </c>
      <c r="HO15" s="333">
        <v>0</v>
      </c>
      <c r="HP15" s="327">
        <v>0</v>
      </c>
      <c r="HQ15" s="328">
        <v>0</v>
      </c>
      <c r="HR15" s="326">
        <v>0</v>
      </c>
      <c r="HS15" s="327">
        <v>0</v>
      </c>
      <c r="HT15" s="327">
        <v>0</v>
      </c>
      <c r="HU15" s="327">
        <v>0</v>
      </c>
      <c r="HV15" s="327">
        <v>0</v>
      </c>
      <c r="HW15" s="327">
        <v>0</v>
      </c>
      <c r="HX15" s="331">
        <v>0</v>
      </c>
      <c r="HY15" s="330">
        <v>0</v>
      </c>
      <c r="HZ15" s="360">
        <v>0</v>
      </c>
      <c r="IA15" s="361">
        <v>0</v>
      </c>
      <c r="IB15" s="362">
        <v>0</v>
      </c>
      <c r="IC15" s="338">
        <v>0</v>
      </c>
      <c r="ID15" s="336">
        <v>2830583</v>
      </c>
      <c r="IE15" s="339">
        <v>3276007</v>
      </c>
      <c r="IF15" s="337">
        <v>3974509</v>
      </c>
      <c r="IG15" s="336">
        <v>2869071</v>
      </c>
      <c r="IH15" s="337">
        <v>1081565</v>
      </c>
      <c r="II15" s="340">
        <v>14031735</v>
      </c>
      <c r="IJ15" s="363">
        <v>14031735</v>
      </c>
      <c r="IK15" s="342">
        <v>0</v>
      </c>
      <c r="IL15" s="343">
        <v>0</v>
      </c>
      <c r="IM15" s="344">
        <v>0</v>
      </c>
      <c r="IN15" s="404">
        <v>0</v>
      </c>
      <c r="IO15" s="345">
        <v>0</v>
      </c>
      <c r="IP15" s="345">
        <v>0</v>
      </c>
      <c r="IQ15" s="345">
        <v>366771</v>
      </c>
      <c r="IR15" s="345">
        <v>0</v>
      </c>
      <c r="IS15" s="345">
        <v>0</v>
      </c>
      <c r="IT15" s="346">
        <v>366771</v>
      </c>
      <c r="IU15" s="347">
        <v>366771</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2211365</v>
      </c>
      <c r="JL15" s="345">
        <v>1339582</v>
      </c>
      <c r="JM15" s="345">
        <v>1032631</v>
      </c>
      <c r="JN15" s="345">
        <v>774510</v>
      </c>
      <c r="JO15" s="345">
        <v>595460</v>
      </c>
      <c r="JP15" s="349">
        <v>5953548</v>
      </c>
      <c r="JQ15" s="347">
        <v>5953548</v>
      </c>
      <c r="JR15" s="348">
        <v>0</v>
      </c>
      <c r="JS15" s="345">
        <v>0</v>
      </c>
      <c r="JT15" s="346">
        <v>0</v>
      </c>
      <c r="JU15" s="351">
        <v>0</v>
      </c>
      <c r="JV15" s="345">
        <v>0</v>
      </c>
      <c r="JW15" s="345">
        <v>39698</v>
      </c>
      <c r="JX15" s="345">
        <v>0</v>
      </c>
      <c r="JY15" s="345">
        <v>0</v>
      </c>
      <c r="JZ15" s="345">
        <v>208905</v>
      </c>
      <c r="KA15" s="349">
        <v>248603</v>
      </c>
      <c r="KB15" s="347">
        <v>248603</v>
      </c>
      <c r="KC15" s="352">
        <v>0</v>
      </c>
      <c r="KD15" s="353">
        <v>0</v>
      </c>
      <c r="KE15" s="349">
        <v>0</v>
      </c>
      <c r="KF15" s="351">
        <v>0</v>
      </c>
      <c r="KG15" s="345">
        <v>122421</v>
      </c>
      <c r="KH15" s="345">
        <v>513825</v>
      </c>
      <c r="KI15" s="345">
        <v>253473</v>
      </c>
      <c r="KJ15" s="345">
        <v>268159</v>
      </c>
      <c r="KK15" s="345">
        <v>0</v>
      </c>
      <c r="KL15" s="349">
        <v>1157878</v>
      </c>
      <c r="KM15" s="354">
        <v>1157878</v>
      </c>
      <c r="KN15" s="342">
        <v>0</v>
      </c>
      <c r="KO15" s="343">
        <v>0</v>
      </c>
      <c r="KP15" s="344">
        <v>0</v>
      </c>
      <c r="KQ15" s="404">
        <v>0</v>
      </c>
      <c r="KR15" s="345">
        <v>496797</v>
      </c>
      <c r="KS15" s="345">
        <v>777134</v>
      </c>
      <c r="KT15" s="345">
        <v>2119877</v>
      </c>
      <c r="KU15" s="345">
        <v>1479176</v>
      </c>
      <c r="KV15" s="345">
        <v>277200</v>
      </c>
      <c r="KW15" s="349">
        <v>5150184</v>
      </c>
      <c r="KX15" s="347">
        <v>5150184</v>
      </c>
      <c r="KY15" s="348">
        <v>0</v>
      </c>
      <c r="KZ15" s="345">
        <v>0</v>
      </c>
      <c r="LA15" s="349">
        <v>0</v>
      </c>
      <c r="LB15" s="404">
        <v>0</v>
      </c>
      <c r="LC15" s="345">
        <v>0</v>
      </c>
      <c r="LD15" s="345">
        <v>185618</v>
      </c>
      <c r="LE15" s="345">
        <v>201757</v>
      </c>
      <c r="LF15" s="345">
        <v>0</v>
      </c>
      <c r="LG15" s="345">
        <v>0</v>
      </c>
      <c r="LH15" s="349">
        <v>387375</v>
      </c>
      <c r="LI15" s="350">
        <v>387375</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0</v>
      </c>
      <c r="LZ15" s="345">
        <v>420150</v>
      </c>
      <c r="MA15" s="345">
        <v>0</v>
      </c>
      <c r="MB15" s="345">
        <v>347226</v>
      </c>
      <c r="MC15" s="345">
        <v>0</v>
      </c>
      <c r="MD15" s="349">
        <v>767376</v>
      </c>
      <c r="ME15" s="350">
        <v>767376</v>
      </c>
      <c r="MF15" s="348">
        <v>0</v>
      </c>
      <c r="MG15" s="345">
        <v>0</v>
      </c>
      <c r="MH15" s="349">
        <v>0</v>
      </c>
      <c r="MI15" s="404">
        <v>0</v>
      </c>
      <c r="MJ15" s="345">
        <v>642166</v>
      </c>
      <c r="MK15" s="345">
        <v>1142258</v>
      </c>
      <c r="ML15" s="345">
        <v>6270577</v>
      </c>
      <c r="MM15" s="345">
        <v>8112965</v>
      </c>
      <c r="MN15" s="345">
        <v>4075757</v>
      </c>
      <c r="MO15" s="349">
        <v>20243723</v>
      </c>
      <c r="MP15" s="354">
        <v>20243723</v>
      </c>
      <c r="MQ15" s="348">
        <v>0</v>
      </c>
      <c r="MR15" s="345">
        <v>0</v>
      </c>
      <c r="MS15" s="349">
        <v>0</v>
      </c>
      <c r="MT15" s="404">
        <v>0</v>
      </c>
      <c r="MU15" s="345">
        <v>0</v>
      </c>
      <c r="MV15" s="345">
        <v>0</v>
      </c>
      <c r="MW15" s="345">
        <v>3203219</v>
      </c>
      <c r="MX15" s="345">
        <v>5853718</v>
      </c>
      <c r="MY15" s="345">
        <v>2277656</v>
      </c>
      <c r="MZ15" s="349">
        <v>11334593</v>
      </c>
      <c r="NA15" s="354">
        <v>11334593</v>
      </c>
      <c r="NB15" s="348">
        <v>0</v>
      </c>
      <c r="NC15" s="345">
        <v>0</v>
      </c>
      <c r="ND15" s="349">
        <v>0</v>
      </c>
      <c r="NE15" s="404">
        <v>0</v>
      </c>
      <c r="NF15" s="345">
        <v>642166</v>
      </c>
      <c r="NG15" s="345">
        <v>1142258</v>
      </c>
      <c r="NH15" s="345">
        <v>3067358</v>
      </c>
      <c r="NI15" s="345">
        <v>2259247</v>
      </c>
      <c r="NJ15" s="345">
        <v>1396809</v>
      </c>
      <c r="NK15" s="349">
        <v>8507838</v>
      </c>
      <c r="NL15" s="347">
        <v>8507838</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401292</v>
      </c>
      <c r="OG15" s="349">
        <v>401292</v>
      </c>
      <c r="OH15" s="350">
        <v>401292</v>
      </c>
      <c r="OI15" s="348">
        <v>1321430</v>
      </c>
      <c r="OJ15" s="345">
        <v>887665</v>
      </c>
      <c r="OK15" s="346">
        <v>2209095</v>
      </c>
      <c r="OL15" s="351">
        <v>0</v>
      </c>
      <c r="OM15" s="345">
        <v>15337281</v>
      </c>
      <c r="ON15" s="345">
        <v>13862867</v>
      </c>
      <c r="OO15" s="345">
        <v>25044557</v>
      </c>
      <c r="OP15" s="345">
        <v>24193122</v>
      </c>
      <c r="OQ15" s="345">
        <v>12096002</v>
      </c>
      <c r="OR15" s="349">
        <v>90533829</v>
      </c>
      <c r="OS15" s="354">
        <v>92742924</v>
      </c>
    </row>
    <row r="16" spans="1:409" s="70" customFormat="1" ht="21" customHeight="1" x14ac:dyDescent="0.2">
      <c r="B16" s="410" t="s">
        <v>10</v>
      </c>
      <c r="C16" s="326">
        <v>1736489</v>
      </c>
      <c r="D16" s="327">
        <v>1982089</v>
      </c>
      <c r="E16" s="328">
        <v>3718578</v>
      </c>
      <c r="F16" s="364">
        <v>0</v>
      </c>
      <c r="G16" s="327">
        <v>21977945</v>
      </c>
      <c r="H16" s="327">
        <v>17977067</v>
      </c>
      <c r="I16" s="327">
        <v>14868625</v>
      </c>
      <c r="J16" s="327">
        <v>16623219</v>
      </c>
      <c r="K16" s="327">
        <v>11258232</v>
      </c>
      <c r="L16" s="329">
        <v>82705088</v>
      </c>
      <c r="M16" s="330">
        <v>86423666</v>
      </c>
      <c r="N16" s="326">
        <v>637730</v>
      </c>
      <c r="O16" s="327">
        <v>947777</v>
      </c>
      <c r="P16" s="328">
        <v>1585507</v>
      </c>
      <c r="Q16" s="326">
        <v>0</v>
      </c>
      <c r="R16" s="327">
        <v>6787680</v>
      </c>
      <c r="S16" s="327">
        <v>6107212</v>
      </c>
      <c r="T16" s="327">
        <v>5474415</v>
      </c>
      <c r="U16" s="327">
        <v>7698995</v>
      </c>
      <c r="V16" s="327">
        <v>6139591</v>
      </c>
      <c r="W16" s="328">
        <v>32207893</v>
      </c>
      <c r="X16" s="330">
        <v>33793400</v>
      </c>
      <c r="Y16" s="326">
        <v>0</v>
      </c>
      <c r="Z16" s="327">
        <v>0</v>
      </c>
      <c r="AA16" s="328">
        <v>0</v>
      </c>
      <c r="AB16" s="326">
        <v>0</v>
      </c>
      <c r="AC16" s="327">
        <v>3079411</v>
      </c>
      <c r="AD16" s="327">
        <v>2923507</v>
      </c>
      <c r="AE16" s="327">
        <v>3180547</v>
      </c>
      <c r="AF16" s="327">
        <v>4754512</v>
      </c>
      <c r="AG16" s="327">
        <v>3597340</v>
      </c>
      <c r="AH16" s="328">
        <v>17535317</v>
      </c>
      <c r="AI16" s="330">
        <v>17535317</v>
      </c>
      <c r="AJ16" s="326">
        <v>0</v>
      </c>
      <c r="AK16" s="327">
        <v>0</v>
      </c>
      <c r="AL16" s="328">
        <v>0</v>
      </c>
      <c r="AM16" s="326">
        <v>0</v>
      </c>
      <c r="AN16" s="327">
        <v>0</v>
      </c>
      <c r="AO16" s="327">
        <v>62481</v>
      </c>
      <c r="AP16" s="327">
        <v>144925</v>
      </c>
      <c r="AQ16" s="327">
        <v>343545</v>
      </c>
      <c r="AR16" s="327">
        <v>761461</v>
      </c>
      <c r="AS16" s="328">
        <v>1312412</v>
      </c>
      <c r="AT16" s="330">
        <v>1312412</v>
      </c>
      <c r="AU16" s="326">
        <v>356777</v>
      </c>
      <c r="AV16" s="327">
        <v>672646</v>
      </c>
      <c r="AW16" s="328">
        <v>1029423</v>
      </c>
      <c r="AX16" s="326">
        <v>0</v>
      </c>
      <c r="AY16" s="327">
        <v>2172229</v>
      </c>
      <c r="AZ16" s="327">
        <v>1492129</v>
      </c>
      <c r="BA16" s="327">
        <v>1126605</v>
      </c>
      <c r="BB16" s="327">
        <v>1213645</v>
      </c>
      <c r="BC16" s="327">
        <v>966211</v>
      </c>
      <c r="BD16" s="328">
        <v>6970819</v>
      </c>
      <c r="BE16" s="330">
        <v>8000242</v>
      </c>
      <c r="BF16" s="326">
        <v>15553</v>
      </c>
      <c r="BG16" s="327">
        <v>102067</v>
      </c>
      <c r="BH16" s="331">
        <v>117620</v>
      </c>
      <c r="BI16" s="332">
        <v>0</v>
      </c>
      <c r="BJ16" s="327">
        <v>272520</v>
      </c>
      <c r="BK16" s="327">
        <v>525983</v>
      </c>
      <c r="BL16" s="327">
        <v>112634</v>
      </c>
      <c r="BM16" s="327">
        <v>189389</v>
      </c>
      <c r="BN16" s="327">
        <v>82275</v>
      </c>
      <c r="BO16" s="328">
        <v>1182801</v>
      </c>
      <c r="BP16" s="330">
        <v>1300421</v>
      </c>
      <c r="BQ16" s="326">
        <v>265400</v>
      </c>
      <c r="BR16" s="327">
        <v>173064</v>
      </c>
      <c r="BS16" s="328">
        <v>438464</v>
      </c>
      <c r="BT16" s="326">
        <v>0</v>
      </c>
      <c r="BU16" s="327">
        <v>1263520</v>
      </c>
      <c r="BV16" s="327">
        <v>1103112</v>
      </c>
      <c r="BW16" s="327">
        <v>909704</v>
      </c>
      <c r="BX16" s="327">
        <v>1197904</v>
      </c>
      <c r="BY16" s="327">
        <v>732304</v>
      </c>
      <c r="BZ16" s="328">
        <v>5206544</v>
      </c>
      <c r="CA16" s="330">
        <v>5645008</v>
      </c>
      <c r="CB16" s="326">
        <v>61443</v>
      </c>
      <c r="CC16" s="327">
        <v>155491</v>
      </c>
      <c r="CD16" s="328">
        <v>216934</v>
      </c>
      <c r="CE16" s="326">
        <v>0</v>
      </c>
      <c r="CF16" s="327">
        <v>7497225</v>
      </c>
      <c r="CG16" s="327">
        <v>5144543</v>
      </c>
      <c r="CH16" s="327">
        <v>3384590</v>
      </c>
      <c r="CI16" s="327">
        <v>1365895</v>
      </c>
      <c r="CJ16" s="327">
        <v>1358595</v>
      </c>
      <c r="CK16" s="328">
        <v>18750848</v>
      </c>
      <c r="CL16" s="330">
        <v>18967782</v>
      </c>
      <c r="CM16" s="326">
        <v>0</v>
      </c>
      <c r="CN16" s="327">
        <v>0</v>
      </c>
      <c r="CO16" s="328">
        <v>0</v>
      </c>
      <c r="CP16" s="332">
        <v>0</v>
      </c>
      <c r="CQ16" s="327">
        <v>6198137</v>
      </c>
      <c r="CR16" s="327">
        <v>4355926</v>
      </c>
      <c r="CS16" s="327">
        <v>2444953</v>
      </c>
      <c r="CT16" s="327">
        <v>1321107</v>
      </c>
      <c r="CU16" s="327">
        <v>1066223</v>
      </c>
      <c r="CV16" s="328">
        <v>15386346</v>
      </c>
      <c r="CW16" s="330">
        <v>15386346</v>
      </c>
      <c r="CX16" s="326">
        <v>61443</v>
      </c>
      <c r="CY16" s="327">
        <v>155491</v>
      </c>
      <c r="CZ16" s="328">
        <v>216934</v>
      </c>
      <c r="DA16" s="326">
        <v>0</v>
      </c>
      <c r="DB16" s="327">
        <v>1299088</v>
      </c>
      <c r="DC16" s="327">
        <v>788617</v>
      </c>
      <c r="DD16" s="327">
        <v>939637</v>
      </c>
      <c r="DE16" s="327">
        <v>44788</v>
      </c>
      <c r="DF16" s="327">
        <v>292372</v>
      </c>
      <c r="DG16" s="328">
        <v>3364502</v>
      </c>
      <c r="DH16" s="330">
        <v>3581436</v>
      </c>
      <c r="DI16" s="326">
        <v>0</v>
      </c>
      <c r="DJ16" s="327">
        <v>154224</v>
      </c>
      <c r="DK16" s="331">
        <v>154224</v>
      </c>
      <c r="DL16" s="332">
        <v>0</v>
      </c>
      <c r="DM16" s="327">
        <v>877685</v>
      </c>
      <c r="DN16" s="327">
        <v>837818</v>
      </c>
      <c r="DO16" s="327">
        <v>1650984</v>
      </c>
      <c r="DP16" s="327">
        <v>1124828</v>
      </c>
      <c r="DQ16" s="327">
        <v>462244</v>
      </c>
      <c r="DR16" s="328">
        <v>4953559</v>
      </c>
      <c r="DS16" s="330">
        <v>5107783</v>
      </c>
      <c r="DT16" s="326">
        <v>0</v>
      </c>
      <c r="DU16" s="327">
        <v>154224</v>
      </c>
      <c r="DV16" s="328">
        <v>154224</v>
      </c>
      <c r="DW16" s="326">
        <v>0</v>
      </c>
      <c r="DX16" s="327">
        <v>840770</v>
      </c>
      <c r="DY16" s="327">
        <v>652846</v>
      </c>
      <c r="DZ16" s="327">
        <v>1501123</v>
      </c>
      <c r="EA16" s="327">
        <v>1124828</v>
      </c>
      <c r="EB16" s="327">
        <v>462244</v>
      </c>
      <c r="EC16" s="328">
        <v>4581811</v>
      </c>
      <c r="ED16" s="330">
        <v>4736035</v>
      </c>
      <c r="EE16" s="326">
        <v>0</v>
      </c>
      <c r="EF16" s="331">
        <v>0</v>
      </c>
      <c r="EG16" s="328">
        <v>0</v>
      </c>
      <c r="EH16" s="326">
        <v>0</v>
      </c>
      <c r="EI16" s="327">
        <v>36915</v>
      </c>
      <c r="EJ16" s="327">
        <v>184972</v>
      </c>
      <c r="EK16" s="327">
        <v>149861</v>
      </c>
      <c r="EL16" s="327">
        <v>0</v>
      </c>
      <c r="EM16" s="327">
        <v>0</v>
      </c>
      <c r="EN16" s="331">
        <v>371748</v>
      </c>
      <c r="EO16" s="330">
        <v>371748</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526760</v>
      </c>
      <c r="FM16" s="327">
        <v>455216</v>
      </c>
      <c r="FN16" s="328">
        <v>981976</v>
      </c>
      <c r="FO16" s="326">
        <v>0</v>
      </c>
      <c r="FP16" s="327">
        <v>1299683</v>
      </c>
      <c r="FQ16" s="327">
        <v>1709416</v>
      </c>
      <c r="FR16" s="327">
        <v>1259780</v>
      </c>
      <c r="FS16" s="327">
        <v>945656</v>
      </c>
      <c r="FT16" s="327">
        <v>721628</v>
      </c>
      <c r="FU16" s="328">
        <v>5936163</v>
      </c>
      <c r="FV16" s="330">
        <v>6918139</v>
      </c>
      <c r="FW16" s="333">
        <v>330040</v>
      </c>
      <c r="FX16" s="327">
        <v>455216</v>
      </c>
      <c r="FY16" s="331">
        <v>785256</v>
      </c>
      <c r="FZ16" s="332">
        <v>0</v>
      </c>
      <c r="GA16" s="327">
        <v>850152</v>
      </c>
      <c r="GB16" s="327">
        <v>1709416</v>
      </c>
      <c r="GC16" s="327">
        <v>1018512</v>
      </c>
      <c r="GD16" s="327">
        <v>895496</v>
      </c>
      <c r="GE16" s="327">
        <v>721628</v>
      </c>
      <c r="GF16" s="328">
        <v>5195204</v>
      </c>
      <c r="GG16" s="334">
        <v>5980460</v>
      </c>
      <c r="GH16" s="333">
        <v>79920</v>
      </c>
      <c r="GI16" s="327">
        <v>0</v>
      </c>
      <c r="GJ16" s="331">
        <v>79920</v>
      </c>
      <c r="GK16" s="332">
        <v>0</v>
      </c>
      <c r="GL16" s="327">
        <v>254288</v>
      </c>
      <c r="GM16" s="327">
        <v>0</v>
      </c>
      <c r="GN16" s="327">
        <v>81268</v>
      </c>
      <c r="GO16" s="327">
        <v>50160</v>
      </c>
      <c r="GP16" s="327">
        <v>0</v>
      </c>
      <c r="GQ16" s="328">
        <v>385716</v>
      </c>
      <c r="GR16" s="330">
        <v>465636</v>
      </c>
      <c r="GS16" s="326">
        <v>116800</v>
      </c>
      <c r="GT16" s="327">
        <v>0</v>
      </c>
      <c r="GU16" s="328">
        <v>116800</v>
      </c>
      <c r="GV16" s="326">
        <v>0</v>
      </c>
      <c r="GW16" s="327">
        <v>195243</v>
      </c>
      <c r="GX16" s="327">
        <v>0</v>
      </c>
      <c r="GY16" s="327">
        <v>160000</v>
      </c>
      <c r="GZ16" s="327">
        <v>0</v>
      </c>
      <c r="HA16" s="327">
        <v>0</v>
      </c>
      <c r="HB16" s="331">
        <v>355243</v>
      </c>
      <c r="HC16" s="330">
        <v>472043</v>
      </c>
      <c r="HD16" s="326">
        <v>510556</v>
      </c>
      <c r="HE16" s="327">
        <v>269381</v>
      </c>
      <c r="HF16" s="331">
        <v>779937</v>
      </c>
      <c r="HG16" s="332">
        <v>0</v>
      </c>
      <c r="HH16" s="327">
        <v>5515672</v>
      </c>
      <c r="HI16" s="327">
        <v>4178078</v>
      </c>
      <c r="HJ16" s="327">
        <v>3098856</v>
      </c>
      <c r="HK16" s="327">
        <v>5487845</v>
      </c>
      <c r="HL16" s="327">
        <v>2576174</v>
      </c>
      <c r="HM16" s="328">
        <v>20856625</v>
      </c>
      <c r="HN16" s="329">
        <v>21636562</v>
      </c>
      <c r="HO16" s="333">
        <v>0</v>
      </c>
      <c r="HP16" s="327">
        <v>0</v>
      </c>
      <c r="HQ16" s="328">
        <v>0</v>
      </c>
      <c r="HR16" s="326">
        <v>0</v>
      </c>
      <c r="HS16" s="327">
        <v>0</v>
      </c>
      <c r="HT16" s="327">
        <v>0</v>
      </c>
      <c r="HU16" s="327">
        <v>0</v>
      </c>
      <c r="HV16" s="327">
        <v>0</v>
      </c>
      <c r="HW16" s="327">
        <v>0</v>
      </c>
      <c r="HX16" s="331">
        <v>0</v>
      </c>
      <c r="HY16" s="330">
        <v>0</v>
      </c>
      <c r="HZ16" s="358">
        <v>0</v>
      </c>
      <c r="IA16" s="356">
        <v>166568</v>
      </c>
      <c r="IB16" s="358">
        <v>166568</v>
      </c>
      <c r="IC16" s="355">
        <v>0</v>
      </c>
      <c r="ID16" s="356">
        <v>5727698</v>
      </c>
      <c r="IE16" s="357">
        <v>4251925</v>
      </c>
      <c r="IF16" s="358">
        <v>4465744</v>
      </c>
      <c r="IG16" s="356">
        <v>3988212</v>
      </c>
      <c r="IH16" s="358">
        <v>3915115</v>
      </c>
      <c r="II16" s="359">
        <v>22348694</v>
      </c>
      <c r="IJ16" s="358">
        <v>22515262</v>
      </c>
      <c r="IK16" s="342">
        <v>0</v>
      </c>
      <c r="IL16" s="343">
        <v>0</v>
      </c>
      <c r="IM16" s="344">
        <v>0</v>
      </c>
      <c r="IN16" s="404">
        <v>0</v>
      </c>
      <c r="IO16" s="345">
        <v>93848</v>
      </c>
      <c r="IP16" s="345">
        <v>0</v>
      </c>
      <c r="IQ16" s="345">
        <v>200479</v>
      </c>
      <c r="IR16" s="345">
        <v>145844</v>
      </c>
      <c r="IS16" s="345">
        <v>71049</v>
      </c>
      <c r="IT16" s="346">
        <v>511220</v>
      </c>
      <c r="IU16" s="347">
        <v>511220</v>
      </c>
      <c r="IV16" s="348">
        <v>0</v>
      </c>
      <c r="IW16" s="345">
        <v>0</v>
      </c>
      <c r="IX16" s="349">
        <v>0</v>
      </c>
      <c r="IY16" s="404">
        <v>0</v>
      </c>
      <c r="IZ16" s="345">
        <v>21002</v>
      </c>
      <c r="JA16" s="345">
        <v>0</v>
      </c>
      <c r="JB16" s="345">
        <v>10501</v>
      </c>
      <c r="JC16" s="345">
        <v>0</v>
      </c>
      <c r="JD16" s="345">
        <v>0</v>
      </c>
      <c r="JE16" s="349">
        <v>31503</v>
      </c>
      <c r="JF16" s="350">
        <v>31503</v>
      </c>
      <c r="JG16" s="348">
        <v>0</v>
      </c>
      <c r="JH16" s="345">
        <v>0</v>
      </c>
      <c r="JI16" s="346">
        <v>0</v>
      </c>
      <c r="JJ16" s="351">
        <v>0</v>
      </c>
      <c r="JK16" s="345">
        <v>1900874</v>
      </c>
      <c r="JL16" s="345">
        <v>1208312</v>
      </c>
      <c r="JM16" s="345">
        <v>500226</v>
      </c>
      <c r="JN16" s="345">
        <v>314925</v>
      </c>
      <c r="JO16" s="345">
        <v>301122</v>
      </c>
      <c r="JP16" s="349">
        <v>4225459</v>
      </c>
      <c r="JQ16" s="347">
        <v>4225459</v>
      </c>
      <c r="JR16" s="348">
        <v>0</v>
      </c>
      <c r="JS16" s="345">
        <v>0</v>
      </c>
      <c r="JT16" s="346">
        <v>0</v>
      </c>
      <c r="JU16" s="351">
        <v>0</v>
      </c>
      <c r="JV16" s="345">
        <v>314962</v>
      </c>
      <c r="JW16" s="345">
        <v>85066</v>
      </c>
      <c r="JX16" s="345">
        <v>116960</v>
      </c>
      <c r="JY16" s="345">
        <v>0</v>
      </c>
      <c r="JZ16" s="345">
        <v>0</v>
      </c>
      <c r="KA16" s="349">
        <v>516988</v>
      </c>
      <c r="KB16" s="347">
        <v>516988</v>
      </c>
      <c r="KC16" s="352">
        <v>0</v>
      </c>
      <c r="KD16" s="353">
        <v>166568</v>
      </c>
      <c r="KE16" s="349">
        <v>166568</v>
      </c>
      <c r="KF16" s="351">
        <v>0</v>
      </c>
      <c r="KG16" s="345">
        <v>771182</v>
      </c>
      <c r="KH16" s="345">
        <v>168184</v>
      </c>
      <c r="KI16" s="345">
        <v>256240</v>
      </c>
      <c r="KJ16" s="345">
        <v>547471</v>
      </c>
      <c r="KK16" s="345">
        <v>0</v>
      </c>
      <c r="KL16" s="349">
        <v>1743077</v>
      </c>
      <c r="KM16" s="354">
        <v>1909645</v>
      </c>
      <c r="KN16" s="342">
        <v>0</v>
      </c>
      <c r="KO16" s="343">
        <v>0</v>
      </c>
      <c r="KP16" s="344">
        <v>0</v>
      </c>
      <c r="KQ16" s="404">
        <v>0</v>
      </c>
      <c r="KR16" s="345">
        <v>1484093</v>
      </c>
      <c r="KS16" s="345">
        <v>1801853</v>
      </c>
      <c r="KT16" s="345">
        <v>2011634</v>
      </c>
      <c r="KU16" s="345">
        <v>1340320</v>
      </c>
      <c r="KV16" s="345">
        <v>1520924</v>
      </c>
      <c r="KW16" s="349">
        <v>8158824</v>
      </c>
      <c r="KX16" s="347">
        <v>8158824</v>
      </c>
      <c r="KY16" s="348">
        <v>0</v>
      </c>
      <c r="KZ16" s="345">
        <v>0</v>
      </c>
      <c r="LA16" s="349">
        <v>0</v>
      </c>
      <c r="LB16" s="404">
        <v>0</v>
      </c>
      <c r="LC16" s="345">
        <v>897616</v>
      </c>
      <c r="LD16" s="345">
        <v>181397</v>
      </c>
      <c r="LE16" s="345">
        <v>222603</v>
      </c>
      <c r="LF16" s="345">
        <v>221288</v>
      </c>
      <c r="LG16" s="345">
        <v>241812</v>
      </c>
      <c r="LH16" s="349">
        <v>1764716</v>
      </c>
      <c r="LI16" s="350">
        <v>1764716</v>
      </c>
      <c r="LJ16" s="348">
        <v>0</v>
      </c>
      <c r="LK16" s="345">
        <v>0</v>
      </c>
      <c r="LL16" s="349">
        <v>0</v>
      </c>
      <c r="LM16" s="404">
        <v>0</v>
      </c>
      <c r="LN16" s="345">
        <v>0</v>
      </c>
      <c r="LO16" s="345">
        <v>221685</v>
      </c>
      <c r="LP16" s="345">
        <v>275396</v>
      </c>
      <c r="LQ16" s="345">
        <v>795558</v>
      </c>
      <c r="LR16" s="345">
        <v>1780208</v>
      </c>
      <c r="LS16" s="349">
        <v>3072847</v>
      </c>
      <c r="LT16" s="347">
        <v>3072847</v>
      </c>
      <c r="LU16" s="348">
        <v>0</v>
      </c>
      <c r="LV16" s="345">
        <v>0</v>
      </c>
      <c r="LW16" s="349">
        <v>0</v>
      </c>
      <c r="LX16" s="404">
        <v>0</v>
      </c>
      <c r="LY16" s="345">
        <v>244121</v>
      </c>
      <c r="LZ16" s="345">
        <v>585428</v>
      </c>
      <c r="MA16" s="345">
        <v>871705</v>
      </c>
      <c r="MB16" s="345">
        <v>622806</v>
      </c>
      <c r="MC16" s="345">
        <v>0</v>
      </c>
      <c r="MD16" s="349">
        <v>2324060</v>
      </c>
      <c r="ME16" s="350">
        <v>2324060</v>
      </c>
      <c r="MF16" s="348">
        <v>0</v>
      </c>
      <c r="MG16" s="345">
        <v>0</v>
      </c>
      <c r="MH16" s="349">
        <v>0</v>
      </c>
      <c r="MI16" s="404">
        <v>0</v>
      </c>
      <c r="MJ16" s="345">
        <v>577135</v>
      </c>
      <c r="MK16" s="345">
        <v>1767687</v>
      </c>
      <c r="ML16" s="345">
        <v>4280151</v>
      </c>
      <c r="MM16" s="345">
        <v>10148131</v>
      </c>
      <c r="MN16" s="345">
        <v>6480395</v>
      </c>
      <c r="MO16" s="349">
        <v>23253499</v>
      </c>
      <c r="MP16" s="354">
        <v>23253499</v>
      </c>
      <c r="MQ16" s="348">
        <v>0</v>
      </c>
      <c r="MR16" s="345">
        <v>0</v>
      </c>
      <c r="MS16" s="349">
        <v>0</v>
      </c>
      <c r="MT16" s="404">
        <v>0</v>
      </c>
      <c r="MU16" s="345">
        <v>0</v>
      </c>
      <c r="MV16" s="345">
        <v>0</v>
      </c>
      <c r="MW16" s="345">
        <v>3199874</v>
      </c>
      <c r="MX16" s="345">
        <v>7827550</v>
      </c>
      <c r="MY16" s="345">
        <v>4380332</v>
      </c>
      <c r="MZ16" s="349">
        <v>15407756</v>
      </c>
      <c r="NA16" s="354">
        <v>15407756</v>
      </c>
      <c r="NB16" s="348">
        <v>0</v>
      </c>
      <c r="NC16" s="345">
        <v>0</v>
      </c>
      <c r="ND16" s="349">
        <v>0</v>
      </c>
      <c r="NE16" s="404">
        <v>0</v>
      </c>
      <c r="NF16" s="345">
        <v>577135</v>
      </c>
      <c r="NG16" s="345">
        <v>1767687</v>
      </c>
      <c r="NH16" s="345">
        <v>1080277</v>
      </c>
      <c r="NI16" s="345">
        <v>1962661</v>
      </c>
      <c r="NJ16" s="345">
        <v>1708379</v>
      </c>
      <c r="NK16" s="349">
        <v>7096139</v>
      </c>
      <c r="NL16" s="347">
        <v>7096139</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0</v>
      </c>
      <c r="OE16" s="345">
        <v>357920</v>
      </c>
      <c r="OF16" s="345">
        <v>391684</v>
      </c>
      <c r="OG16" s="349">
        <v>749604</v>
      </c>
      <c r="OH16" s="350">
        <v>749604</v>
      </c>
      <c r="OI16" s="348">
        <v>1736489</v>
      </c>
      <c r="OJ16" s="345">
        <v>2148657</v>
      </c>
      <c r="OK16" s="346">
        <v>3885146</v>
      </c>
      <c r="OL16" s="351">
        <v>0</v>
      </c>
      <c r="OM16" s="345">
        <v>28282778</v>
      </c>
      <c r="ON16" s="345">
        <v>23996679</v>
      </c>
      <c r="OO16" s="345">
        <v>23614520</v>
      </c>
      <c r="OP16" s="345">
        <v>30759562</v>
      </c>
      <c r="OQ16" s="345">
        <v>21653742</v>
      </c>
      <c r="OR16" s="349">
        <v>128307281</v>
      </c>
      <c r="OS16" s="354">
        <v>132192427</v>
      </c>
    </row>
    <row r="17" spans="2:409" s="70" customFormat="1" ht="21" customHeight="1" x14ac:dyDescent="0.2">
      <c r="B17" s="410" t="s">
        <v>11</v>
      </c>
      <c r="C17" s="326">
        <v>572370</v>
      </c>
      <c r="D17" s="327">
        <v>706576</v>
      </c>
      <c r="E17" s="365">
        <v>1278946</v>
      </c>
      <c r="F17" s="332">
        <v>0</v>
      </c>
      <c r="G17" s="327">
        <v>9236844</v>
      </c>
      <c r="H17" s="327">
        <v>7948916</v>
      </c>
      <c r="I17" s="327">
        <v>7333018</v>
      </c>
      <c r="J17" s="327">
        <v>8968045</v>
      </c>
      <c r="K17" s="327">
        <v>3178811</v>
      </c>
      <c r="L17" s="329">
        <v>36665634</v>
      </c>
      <c r="M17" s="330">
        <v>37944580</v>
      </c>
      <c r="N17" s="326">
        <v>101131</v>
      </c>
      <c r="O17" s="327">
        <v>215197</v>
      </c>
      <c r="P17" s="328">
        <v>316328</v>
      </c>
      <c r="Q17" s="326">
        <v>0</v>
      </c>
      <c r="R17" s="327">
        <v>2114078</v>
      </c>
      <c r="S17" s="327">
        <v>1772029</v>
      </c>
      <c r="T17" s="327">
        <v>1779414</v>
      </c>
      <c r="U17" s="327">
        <v>2475776</v>
      </c>
      <c r="V17" s="327">
        <v>1418225</v>
      </c>
      <c r="W17" s="328">
        <v>9559522</v>
      </c>
      <c r="X17" s="330">
        <v>9875850</v>
      </c>
      <c r="Y17" s="326">
        <v>0</v>
      </c>
      <c r="Z17" s="327">
        <v>0</v>
      </c>
      <c r="AA17" s="328">
        <v>0</v>
      </c>
      <c r="AB17" s="326">
        <v>0</v>
      </c>
      <c r="AC17" s="327">
        <v>925409</v>
      </c>
      <c r="AD17" s="327">
        <v>566826</v>
      </c>
      <c r="AE17" s="327">
        <v>697673</v>
      </c>
      <c r="AF17" s="327">
        <v>1302747</v>
      </c>
      <c r="AG17" s="327">
        <v>686109</v>
      </c>
      <c r="AH17" s="328">
        <v>4178764</v>
      </c>
      <c r="AI17" s="330">
        <v>4178764</v>
      </c>
      <c r="AJ17" s="326">
        <v>0</v>
      </c>
      <c r="AK17" s="327">
        <v>0</v>
      </c>
      <c r="AL17" s="328">
        <v>0</v>
      </c>
      <c r="AM17" s="326">
        <v>0</v>
      </c>
      <c r="AN17" s="327">
        <v>0</v>
      </c>
      <c r="AO17" s="327">
        <v>106700</v>
      </c>
      <c r="AP17" s="327">
        <v>0</v>
      </c>
      <c r="AQ17" s="327">
        <v>193436</v>
      </c>
      <c r="AR17" s="327">
        <v>250739</v>
      </c>
      <c r="AS17" s="328">
        <v>550875</v>
      </c>
      <c r="AT17" s="330">
        <v>550875</v>
      </c>
      <c r="AU17" s="326">
        <v>46299</v>
      </c>
      <c r="AV17" s="327">
        <v>168301</v>
      </c>
      <c r="AW17" s="328">
        <v>214600</v>
      </c>
      <c r="AX17" s="326">
        <v>0</v>
      </c>
      <c r="AY17" s="327">
        <v>776458</v>
      </c>
      <c r="AZ17" s="327">
        <v>758339</v>
      </c>
      <c r="BA17" s="327">
        <v>722528</v>
      </c>
      <c r="BB17" s="327">
        <v>600377</v>
      </c>
      <c r="BC17" s="327">
        <v>375089</v>
      </c>
      <c r="BD17" s="328">
        <v>3232791</v>
      </c>
      <c r="BE17" s="330">
        <v>3447391</v>
      </c>
      <c r="BF17" s="326">
        <v>0</v>
      </c>
      <c r="BG17" s="327">
        <v>29680</v>
      </c>
      <c r="BH17" s="331">
        <v>29680</v>
      </c>
      <c r="BI17" s="332">
        <v>0</v>
      </c>
      <c r="BJ17" s="327">
        <v>30475</v>
      </c>
      <c r="BK17" s="327">
        <v>39012</v>
      </c>
      <c r="BL17" s="327">
        <v>94493</v>
      </c>
      <c r="BM17" s="327">
        <v>19976</v>
      </c>
      <c r="BN17" s="327">
        <v>0</v>
      </c>
      <c r="BO17" s="328">
        <v>183956</v>
      </c>
      <c r="BP17" s="330">
        <v>213636</v>
      </c>
      <c r="BQ17" s="326">
        <v>54832</v>
      </c>
      <c r="BR17" s="327">
        <v>17216</v>
      </c>
      <c r="BS17" s="328">
        <v>72048</v>
      </c>
      <c r="BT17" s="326">
        <v>0</v>
      </c>
      <c r="BU17" s="327">
        <v>381736</v>
      </c>
      <c r="BV17" s="327">
        <v>301152</v>
      </c>
      <c r="BW17" s="327">
        <v>264720</v>
      </c>
      <c r="BX17" s="327">
        <v>359240</v>
      </c>
      <c r="BY17" s="327">
        <v>106288</v>
      </c>
      <c r="BZ17" s="328">
        <v>1413136</v>
      </c>
      <c r="CA17" s="330">
        <v>1485184</v>
      </c>
      <c r="CB17" s="326">
        <v>182993</v>
      </c>
      <c r="CC17" s="327">
        <v>224417</v>
      </c>
      <c r="CD17" s="328">
        <v>407410</v>
      </c>
      <c r="CE17" s="326">
        <v>0</v>
      </c>
      <c r="CF17" s="327">
        <v>3342142</v>
      </c>
      <c r="CG17" s="327">
        <v>2321387</v>
      </c>
      <c r="CH17" s="327">
        <v>1709488</v>
      </c>
      <c r="CI17" s="327">
        <v>1388720</v>
      </c>
      <c r="CJ17" s="327">
        <v>256089</v>
      </c>
      <c r="CK17" s="328">
        <v>9017826</v>
      </c>
      <c r="CL17" s="330">
        <v>9425236</v>
      </c>
      <c r="CM17" s="326">
        <v>0</v>
      </c>
      <c r="CN17" s="327">
        <v>0</v>
      </c>
      <c r="CO17" s="328">
        <v>0</v>
      </c>
      <c r="CP17" s="332">
        <v>0</v>
      </c>
      <c r="CQ17" s="327">
        <v>2241994</v>
      </c>
      <c r="CR17" s="327">
        <v>1779659</v>
      </c>
      <c r="CS17" s="327">
        <v>1465986</v>
      </c>
      <c r="CT17" s="327">
        <v>761685</v>
      </c>
      <c r="CU17" s="327">
        <v>256089</v>
      </c>
      <c r="CV17" s="328">
        <v>6505413</v>
      </c>
      <c r="CW17" s="330">
        <v>6505413</v>
      </c>
      <c r="CX17" s="326">
        <v>182993</v>
      </c>
      <c r="CY17" s="327">
        <v>224417</v>
      </c>
      <c r="CZ17" s="328">
        <v>407410</v>
      </c>
      <c r="DA17" s="326">
        <v>0</v>
      </c>
      <c r="DB17" s="327">
        <v>1100148</v>
      </c>
      <c r="DC17" s="327">
        <v>541728</v>
      </c>
      <c r="DD17" s="327">
        <v>243502</v>
      </c>
      <c r="DE17" s="327">
        <v>627035</v>
      </c>
      <c r="DF17" s="327">
        <v>0</v>
      </c>
      <c r="DG17" s="328">
        <v>2512413</v>
      </c>
      <c r="DH17" s="330">
        <v>2919823</v>
      </c>
      <c r="DI17" s="326">
        <v>0</v>
      </c>
      <c r="DJ17" s="327">
        <v>0</v>
      </c>
      <c r="DK17" s="331">
        <v>0</v>
      </c>
      <c r="DL17" s="332">
        <v>0</v>
      </c>
      <c r="DM17" s="327">
        <v>443662</v>
      </c>
      <c r="DN17" s="327">
        <v>573786</v>
      </c>
      <c r="DO17" s="327">
        <v>604581</v>
      </c>
      <c r="DP17" s="327">
        <v>545376</v>
      </c>
      <c r="DQ17" s="327">
        <v>0</v>
      </c>
      <c r="DR17" s="328">
        <v>2167405</v>
      </c>
      <c r="DS17" s="330">
        <v>2167405</v>
      </c>
      <c r="DT17" s="326">
        <v>0</v>
      </c>
      <c r="DU17" s="327">
        <v>0</v>
      </c>
      <c r="DV17" s="328">
        <v>0</v>
      </c>
      <c r="DW17" s="326">
        <v>0</v>
      </c>
      <c r="DX17" s="327">
        <v>332726</v>
      </c>
      <c r="DY17" s="327">
        <v>573786</v>
      </c>
      <c r="DZ17" s="327">
        <v>434289</v>
      </c>
      <c r="EA17" s="327">
        <v>342223</v>
      </c>
      <c r="EB17" s="327">
        <v>0</v>
      </c>
      <c r="EC17" s="328">
        <v>1683024</v>
      </c>
      <c r="ED17" s="330">
        <v>1683024</v>
      </c>
      <c r="EE17" s="326">
        <v>0</v>
      </c>
      <c r="EF17" s="331">
        <v>0</v>
      </c>
      <c r="EG17" s="328">
        <v>0</v>
      </c>
      <c r="EH17" s="326">
        <v>0</v>
      </c>
      <c r="EI17" s="327">
        <v>110936</v>
      </c>
      <c r="EJ17" s="327">
        <v>0</v>
      </c>
      <c r="EK17" s="327">
        <v>170292</v>
      </c>
      <c r="EL17" s="327">
        <v>203153</v>
      </c>
      <c r="EM17" s="327">
        <v>0</v>
      </c>
      <c r="EN17" s="331">
        <v>484381</v>
      </c>
      <c r="EO17" s="330">
        <v>484381</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173640</v>
      </c>
      <c r="FM17" s="327">
        <v>168800</v>
      </c>
      <c r="FN17" s="328">
        <v>342440</v>
      </c>
      <c r="FO17" s="326">
        <v>0</v>
      </c>
      <c r="FP17" s="327">
        <v>361363</v>
      </c>
      <c r="FQ17" s="327">
        <v>856352</v>
      </c>
      <c r="FR17" s="327">
        <v>546313</v>
      </c>
      <c r="FS17" s="327">
        <v>562472</v>
      </c>
      <c r="FT17" s="327">
        <v>286400</v>
      </c>
      <c r="FU17" s="328">
        <v>2612900</v>
      </c>
      <c r="FV17" s="330">
        <v>2955340</v>
      </c>
      <c r="FW17" s="333">
        <v>84040</v>
      </c>
      <c r="FX17" s="327">
        <v>139200</v>
      </c>
      <c r="FY17" s="331">
        <v>223240</v>
      </c>
      <c r="FZ17" s="332">
        <v>0</v>
      </c>
      <c r="GA17" s="327">
        <v>317216</v>
      </c>
      <c r="GB17" s="327">
        <v>838048</v>
      </c>
      <c r="GC17" s="327">
        <v>472024</v>
      </c>
      <c r="GD17" s="327">
        <v>440072</v>
      </c>
      <c r="GE17" s="327">
        <v>286400</v>
      </c>
      <c r="GF17" s="328">
        <v>2353760</v>
      </c>
      <c r="GG17" s="334">
        <v>2577000</v>
      </c>
      <c r="GH17" s="333">
        <v>0</v>
      </c>
      <c r="GI17" s="327">
        <v>0</v>
      </c>
      <c r="GJ17" s="331">
        <v>0</v>
      </c>
      <c r="GK17" s="332">
        <v>0</v>
      </c>
      <c r="GL17" s="327">
        <v>24147</v>
      </c>
      <c r="GM17" s="327">
        <v>18304</v>
      </c>
      <c r="GN17" s="327">
        <v>74289</v>
      </c>
      <c r="GO17" s="327">
        <v>0</v>
      </c>
      <c r="GP17" s="327">
        <v>0</v>
      </c>
      <c r="GQ17" s="328">
        <v>116740</v>
      </c>
      <c r="GR17" s="330">
        <v>116740</v>
      </c>
      <c r="GS17" s="326">
        <v>89600</v>
      </c>
      <c r="GT17" s="327">
        <v>29600</v>
      </c>
      <c r="GU17" s="328">
        <v>119200</v>
      </c>
      <c r="GV17" s="326">
        <v>0</v>
      </c>
      <c r="GW17" s="327">
        <v>20000</v>
      </c>
      <c r="GX17" s="327">
        <v>0</v>
      </c>
      <c r="GY17" s="327">
        <v>0</v>
      </c>
      <c r="GZ17" s="327">
        <v>122400</v>
      </c>
      <c r="HA17" s="327">
        <v>0</v>
      </c>
      <c r="HB17" s="331">
        <v>142400</v>
      </c>
      <c r="HC17" s="330">
        <v>261600</v>
      </c>
      <c r="HD17" s="326">
        <v>114606</v>
      </c>
      <c r="HE17" s="327">
        <v>98162</v>
      </c>
      <c r="HF17" s="331">
        <v>212768</v>
      </c>
      <c r="HG17" s="332">
        <v>0</v>
      </c>
      <c r="HH17" s="327">
        <v>2975599</v>
      </c>
      <c r="HI17" s="327">
        <v>2425362</v>
      </c>
      <c r="HJ17" s="327">
        <v>2693222</v>
      </c>
      <c r="HK17" s="327">
        <v>3995701</v>
      </c>
      <c r="HL17" s="327">
        <v>1218097</v>
      </c>
      <c r="HM17" s="328">
        <v>13307981</v>
      </c>
      <c r="HN17" s="329">
        <v>13520749</v>
      </c>
      <c r="HO17" s="333">
        <v>0</v>
      </c>
      <c r="HP17" s="327">
        <v>0</v>
      </c>
      <c r="HQ17" s="328">
        <v>0</v>
      </c>
      <c r="HR17" s="326">
        <v>0</v>
      </c>
      <c r="HS17" s="327">
        <v>0</v>
      </c>
      <c r="HT17" s="327">
        <v>0</v>
      </c>
      <c r="HU17" s="327">
        <v>0</v>
      </c>
      <c r="HV17" s="327">
        <v>0</v>
      </c>
      <c r="HW17" s="327">
        <v>0</v>
      </c>
      <c r="HX17" s="331">
        <v>0</v>
      </c>
      <c r="HY17" s="330">
        <v>0</v>
      </c>
      <c r="HZ17" s="335">
        <v>0</v>
      </c>
      <c r="IA17" s="336">
        <v>0</v>
      </c>
      <c r="IB17" s="337">
        <v>0</v>
      </c>
      <c r="IC17" s="338">
        <v>0</v>
      </c>
      <c r="ID17" s="336">
        <v>2107428</v>
      </c>
      <c r="IE17" s="339">
        <v>1801383</v>
      </c>
      <c r="IF17" s="337">
        <v>1265611</v>
      </c>
      <c r="IG17" s="336">
        <v>1080759</v>
      </c>
      <c r="IH17" s="337">
        <v>499500</v>
      </c>
      <c r="II17" s="340">
        <v>6754681</v>
      </c>
      <c r="IJ17" s="341">
        <v>6754681</v>
      </c>
      <c r="IK17" s="342">
        <v>0</v>
      </c>
      <c r="IL17" s="343">
        <v>0</v>
      </c>
      <c r="IM17" s="344">
        <v>0</v>
      </c>
      <c r="IN17" s="404">
        <v>0</v>
      </c>
      <c r="IO17" s="345">
        <v>152350</v>
      </c>
      <c r="IP17" s="345">
        <v>0</v>
      </c>
      <c r="IQ17" s="345">
        <v>0</v>
      </c>
      <c r="IR17" s="345">
        <v>0</v>
      </c>
      <c r="IS17" s="345">
        <v>0</v>
      </c>
      <c r="IT17" s="346">
        <v>152350</v>
      </c>
      <c r="IU17" s="347">
        <v>152350</v>
      </c>
      <c r="IV17" s="348">
        <v>0</v>
      </c>
      <c r="IW17" s="345">
        <v>0</v>
      </c>
      <c r="IX17" s="349">
        <v>0</v>
      </c>
      <c r="IY17" s="404">
        <v>0</v>
      </c>
      <c r="IZ17" s="345">
        <v>0</v>
      </c>
      <c r="JA17" s="345">
        <v>22923</v>
      </c>
      <c r="JB17" s="345">
        <v>0</v>
      </c>
      <c r="JC17" s="345">
        <v>0</v>
      </c>
      <c r="JD17" s="345">
        <v>0</v>
      </c>
      <c r="JE17" s="349">
        <v>22923</v>
      </c>
      <c r="JF17" s="350">
        <v>22923</v>
      </c>
      <c r="JG17" s="348">
        <v>0</v>
      </c>
      <c r="JH17" s="345">
        <v>0</v>
      </c>
      <c r="JI17" s="346">
        <v>0</v>
      </c>
      <c r="JJ17" s="351">
        <v>0</v>
      </c>
      <c r="JK17" s="345">
        <v>1331687</v>
      </c>
      <c r="JL17" s="345">
        <v>373633</v>
      </c>
      <c r="JM17" s="345">
        <v>251256</v>
      </c>
      <c r="JN17" s="345">
        <v>278512</v>
      </c>
      <c r="JO17" s="345">
        <v>142295</v>
      </c>
      <c r="JP17" s="349">
        <v>2377383</v>
      </c>
      <c r="JQ17" s="347">
        <v>2377383</v>
      </c>
      <c r="JR17" s="348">
        <v>0</v>
      </c>
      <c r="JS17" s="345">
        <v>0</v>
      </c>
      <c r="JT17" s="346">
        <v>0</v>
      </c>
      <c r="JU17" s="351">
        <v>0</v>
      </c>
      <c r="JV17" s="345">
        <v>0</v>
      </c>
      <c r="JW17" s="345">
        <v>86856</v>
      </c>
      <c r="JX17" s="345">
        <v>282874</v>
      </c>
      <c r="JY17" s="345">
        <v>0</v>
      </c>
      <c r="JZ17" s="345">
        <v>0</v>
      </c>
      <c r="KA17" s="349">
        <v>369730</v>
      </c>
      <c r="KB17" s="347">
        <v>369730</v>
      </c>
      <c r="KC17" s="352">
        <v>0</v>
      </c>
      <c r="KD17" s="353">
        <v>0</v>
      </c>
      <c r="KE17" s="349">
        <v>0</v>
      </c>
      <c r="KF17" s="351">
        <v>0</v>
      </c>
      <c r="KG17" s="345">
        <v>229592</v>
      </c>
      <c r="KH17" s="345">
        <v>358715</v>
      </c>
      <c r="KI17" s="345">
        <v>253402</v>
      </c>
      <c r="KJ17" s="345">
        <v>0</v>
      </c>
      <c r="KK17" s="345">
        <v>0</v>
      </c>
      <c r="KL17" s="349">
        <v>841709</v>
      </c>
      <c r="KM17" s="354">
        <v>841709</v>
      </c>
      <c r="KN17" s="342">
        <v>0</v>
      </c>
      <c r="KO17" s="343">
        <v>0</v>
      </c>
      <c r="KP17" s="344">
        <v>0</v>
      </c>
      <c r="KQ17" s="404">
        <v>0</v>
      </c>
      <c r="KR17" s="345">
        <v>246134</v>
      </c>
      <c r="KS17" s="345">
        <v>765356</v>
      </c>
      <c r="KT17" s="345">
        <v>267712</v>
      </c>
      <c r="KU17" s="345">
        <v>802247</v>
      </c>
      <c r="KV17" s="345">
        <v>0</v>
      </c>
      <c r="KW17" s="349">
        <v>2081449</v>
      </c>
      <c r="KX17" s="347">
        <v>2081449</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147665</v>
      </c>
      <c r="LZ17" s="345">
        <v>193900</v>
      </c>
      <c r="MA17" s="345">
        <v>210367</v>
      </c>
      <c r="MB17" s="345">
        <v>0</v>
      </c>
      <c r="MC17" s="345">
        <v>357205</v>
      </c>
      <c r="MD17" s="349">
        <v>909137</v>
      </c>
      <c r="ME17" s="350">
        <v>909137</v>
      </c>
      <c r="MF17" s="348">
        <v>0</v>
      </c>
      <c r="MG17" s="345">
        <v>0</v>
      </c>
      <c r="MH17" s="349">
        <v>0</v>
      </c>
      <c r="MI17" s="404">
        <v>0</v>
      </c>
      <c r="MJ17" s="345">
        <v>168203</v>
      </c>
      <c r="MK17" s="345">
        <v>623197</v>
      </c>
      <c r="ML17" s="345">
        <v>3216541</v>
      </c>
      <c r="MM17" s="345">
        <v>5655270</v>
      </c>
      <c r="MN17" s="345">
        <v>3171850</v>
      </c>
      <c r="MO17" s="349">
        <v>12835061</v>
      </c>
      <c r="MP17" s="354">
        <v>12835061</v>
      </c>
      <c r="MQ17" s="348">
        <v>0</v>
      </c>
      <c r="MR17" s="345">
        <v>0</v>
      </c>
      <c r="MS17" s="349">
        <v>0</v>
      </c>
      <c r="MT17" s="404">
        <v>0</v>
      </c>
      <c r="MU17" s="345">
        <v>0</v>
      </c>
      <c r="MV17" s="345">
        <v>0</v>
      </c>
      <c r="MW17" s="345">
        <v>701669</v>
      </c>
      <c r="MX17" s="345">
        <v>3582434</v>
      </c>
      <c r="MY17" s="345">
        <v>1196224</v>
      </c>
      <c r="MZ17" s="349">
        <v>5480327</v>
      </c>
      <c r="NA17" s="354">
        <v>5480327</v>
      </c>
      <c r="NB17" s="348">
        <v>0</v>
      </c>
      <c r="NC17" s="345">
        <v>0</v>
      </c>
      <c r="ND17" s="349">
        <v>0</v>
      </c>
      <c r="NE17" s="404">
        <v>0</v>
      </c>
      <c r="NF17" s="345">
        <v>168203</v>
      </c>
      <c r="NG17" s="345">
        <v>557753</v>
      </c>
      <c r="NH17" s="345">
        <v>2514872</v>
      </c>
      <c r="NI17" s="345">
        <v>1741154</v>
      </c>
      <c r="NJ17" s="345">
        <v>1975626</v>
      </c>
      <c r="NK17" s="349">
        <v>6957608</v>
      </c>
      <c r="NL17" s="347">
        <v>6957608</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65444</v>
      </c>
      <c r="OD17" s="345">
        <v>0</v>
      </c>
      <c r="OE17" s="345">
        <v>331682</v>
      </c>
      <c r="OF17" s="345">
        <v>0</v>
      </c>
      <c r="OG17" s="349">
        <v>397126</v>
      </c>
      <c r="OH17" s="350">
        <v>397126</v>
      </c>
      <c r="OI17" s="348">
        <v>572370</v>
      </c>
      <c r="OJ17" s="345">
        <v>706576</v>
      </c>
      <c r="OK17" s="346">
        <v>1278946</v>
      </c>
      <c r="OL17" s="351">
        <v>0</v>
      </c>
      <c r="OM17" s="345">
        <v>11512475</v>
      </c>
      <c r="ON17" s="345">
        <v>10373496</v>
      </c>
      <c r="OO17" s="345">
        <v>11815170</v>
      </c>
      <c r="OP17" s="345">
        <v>15704074</v>
      </c>
      <c r="OQ17" s="345">
        <v>6850161</v>
      </c>
      <c r="OR17" s="349">
        <v>56255376</v>
      </c>
      <c r="OS17" s="354">
        <v>57534322</v>
      </c>
    </row>
    <row r="18" spans="2:409" s="70" customFormat="1" ht="21" customHeight="1" x14ac:dyDescent="0.2">
      <c r="B18" s="410" t="s">
        <v>12</v>
      </c>
      <c r="C18" s="326">
        <v>960091</v>
      </c>
      <c r="D18" s="327">
        <v>2751981</v>
      </c>
      <c r="E18" s="328">
        <v>3712072</v>
      </c>
      <c r="F18" s="329">
        <v>0</v>
      </c>
      <c r="G18" s="327">
        <v>7906596</v>
      </c>
      <c r="H18" s="366">
        <v>14053176</v>
      </c>
      <c r="I18" s="366">
        <v>9404218</v>
      </c>
      <c r="J18" s="366">
        <v>9478103</v>
      </c>
      <c r="K18" s="366">
        <v>4642360</v>
      </c>
      <c r="L18" s="331">
        <v>45484453</v>
      </c>
      <c r="M18" s="330">
        <v>49196525</v>
      </c>
      <c r="N18" s="326">
        <v>304105</v>
      </c>
      <c r="O18" s="327">
        <v>1148753</v>
      </c>
      <c r="P18" s="328">
        <v>1452858</v>
      </c>
      <c r="Q18" s="326">
        <v>0</v>
      </c>
      <c r="R18" s="327">
        <v>2082790</v>
      </c>
      <c r="S18" s="327">
        <v>4645043</v>
      </c>
      <c r="T18" s="327">
        <v>3508986</v>
      </c>
      <c r="U18" s="327">
        <v>3993216</v>
      </c>
      <c r="V18" s="327">
        <v>2132188</v>
      </c>
      <c r="W18" s="328">
        <v>16362223</v>
      </c>
      <c r="X18" s="330">
        <v>17815081</v>
      </c>
      <c r="Y18" s="326">
        <v>0</v>
      </c>
      <c r="Z18" s="327">
        <v>0</v>
      </c>
      <c r="AA18" s="328">
        <v>0</v>
      </c>
      <c r="AB18" s="326">
        <v>0</v>
      </c>
      <c r="AC18" s="327">
        <v>1223649</v>
      </c>
      <c r="AD18" s="327">
        <v>2213768</v>
      </c>
      <c r="AE18" s="327">
        <v>1633841</v>
      </c>
      <c r="AF18" s="327">
        <v>2506693</v>
      </c>
      <c r="AG18" s="327">
        <v>1034600</v>
      </c>
      <c r="AH18" s="328">
        <v>8612551</v>
      </c>
      <c r="AI18" s="330">
        <v>8612551</v>
      </c>
      <c r="AJ18" s="326">
        <v>0</v>
      </c>
      <c r="AK18" s="327">
        <v>17907</v>
      </c>
      <c r="AL18" s="328">
        <v>17907</v>
      </c>
      <c r="AM18" s="326">
        <v>0</v>
      </c>
      <c r="AN18" s="327">
        <v>0</v>
      </c>
      <c r="AO18" s="327">
        <v>37440</v>
      </c>
      <c r="AP18" s="327">
        <v>262739</v>
      </c>
      <c r="AQ18" s="327">
        <v>59048</v>
      </c>
      <c r="AR18" s="327">
        <v>202784</v>
      </c>
      <c r="AS18" s="328">
        <v>562011</v>
      </c>
      <c r="AT18" s="330">
        <v>579918</v>
      </c>
      <c r="AU18" s="326">
        <v>212793</v>
      </c>
      <c r="AV18" s="327">
        <v>934700</v>
      </c>
      <c r="AW18" s="328">
        <v>1147493</v>
      </c>
      <c r="AX18" s="326">
        <v>0</v>
      </c>
      <c r="AY18" s="327">
        <v>555557</v>
      </c>
      <c r="AZ18" s="327">
        <v>1757188</v>
      </c>
      <c r="BA18" s="327">
        <v>1195043</v>
      </c>
      <c r="BB18" s="327">
        <v>787060</v>
      </c>
      <c r="BC18" s="327">
        <v>622540</v>
      </c>
      <c r="BD18" s="328">
        <v>4917388</v>
      </c>
      <c r="BE18" s="330">
        <v>6064881</v>
      </c>
      <c r="BF18" s="326">
        <v>0</v>
      </c>
      <c r="BG18" s="327">
        <v>40938</v>
      </c>
      <c r="BH18" s="331">
        <v>40938</v>
      </c>
      <c r="BI18" s="332">
        <v>0</v>
      </c>
      <c r="BJ18" s="327">
        <v>0</v>
      </c>
      <c r="BK18" s="327">
        <v>151486</v>
      </c>
      <c r="BL18" s="327">
        <v>83723</v>
      </c>
      <c r="BM18" s="327">
        <v>47279</v>
      </c>
      <c r="BN18" s="327">
        <v>0</v>
      </c>
      <c r="BO18" s="328">
        <v>282488</v>
      </c>
      <c r="BP18" s="330">
        <v>323426</v>
      </c>
      <c r="BQ18" s="326">
        <v>91312</v>
      </c>
      <c r="BR18" s="327">
        <v>155208</v>
      </c>
      <c r="BS18" s="328">
        <v>246520</v>
      </c>
      <c r="BT18" s="326">
        <v>0</v>
      </c>
      <c r="BU18" s="327">
        <v>303584</v>
      </c>
      <c r="BV18" s="327">
        <v>485161</v>
      </c>
      <c r="BW18" s="327">
        <v>333640</v>
      </c>
      <c r="BX18" s="327">
        <v>593136</v>
      </c>
      <c r="BY18" s="327">
        <v>272264</v>
      </c>
      <c r="BZ18" s="328">
        <v>1987785</v>
      </c>
      <c r="CA18" s="330">
        <v>2234305</v>
      </c>
      <c r="CB18" s="326">
        <v>264366</v>
      </c>
      <c r="CC18" s="327">
        <v>595443</v>
      </c>
      <c r="CD18" s="328">
        <v>859809</v>
      </c>
      <c r="CE18" s="326">
        <v>0</v>
      </c>
      <c r="CF18" s="327">
        <v>3202086</v>
      </c>
      <c r="CG18" s="327">
        <v>4260862</v>
      </c>
      <c r="CH18" s="327">
        <v>2934276</v>
      </c>
      <c r="CI18" s="327">
        <v>1371189</v>
      </c>
      <c r="CJ18" s="327">
        <v>241386</v>
      </c>
      <c r="CK18" s="328">
        <v>12009799</v>
      </c>
      <c r="CL18" s="330">
        <v>12869608</v>
      </c>
      <c r="CM18" s="326">
        <v>0</v>
      </c>
      <c r="CN18" s="327">
        <v>0</v>
      </c>
      <c r="CO18" s="328">
        <v>0</v>
      </c>
      <c r="CP18" s="332">
        <v>0</v>
      </c>
      <c r="CQ18" s="327">
        <v>2874915</v>
      </c>
      <c r="CR18" s="327">
        <v>2941964</v>
      </c>
      <c r="CS18" s="327">
        <v>1928397</v>
      </c>
      <c r="CT18" s="327">
        <v>988120</v>
      </c>
      <c r="CU18" s="327">
        <v>127021</v>
      </c>
      <c r="CV18" s="328">
        <v>8860417</v>
      </c>
      <c r="CW18" s="330">
        <v>8860417</v>
      </c>
      <c r="CX18" s="326">
        <v>264366</v>
      </c>
      <c r="CY18" s="327">
        <v>595443</v>
      </c>
      <c r="CZ18" s="328">
        <v>859809</v>
      </c>
      <c r="DA18" s="326">
        <v>0</v>
      </c>
      <c r="DB18" s="327">
        <v>327171</v>
      </c>
      <c r="DC18" s="327">
        <v>1318898</v>
      </c>
      <c r="DD18" s="327">
        <v>1005879</v>
      </c>
      <c r="DE18" s="327">
        <v>383069</v>
      </c>
      <c r="DF18" s="327">
        <v>114365</v>
      </c>
      <c r="DG18" s="328">
        <v>3149382</v>
      </c>
      <c r="DH18" s="330">
        <v>4009191</v>
      </c>
      <c r="DI18" s="326">
        <v>0</v>
      </c>
      <c r="DJ18" s="327">
        <v>53880</v>
      </c>
      <c r="DK18" s="331">
        <v>53880</v>
      </c>
      <c r="DL18" s="332">
        <v>0</v>
      </c>
      <c r="DM18" s="327">
        <v>243358</v>
      </c>
      <c r="DN18" s="327">
        <v>673132</v>
      </c>
      <c r="DO18" s="327">
        <v>300036</v>
      </c>
      <c r="DP18" s="327">
        <v>834334</v>
      </c>
      <c r="DQ18" s="327">
        <v>510059</v>
      </c>
      <c r="DR18" s="328">
        <v>2560919</v>
      </c>
      <c r="DS18" s="330">
        <v>2614799</v>
      </c>
      <c r="DT18" s="326">
        <v>0</v>
      </c>
      <c r="DU18" s="327">
        <v>53880</v>
      </c>
      <c r="DV18" s="328">
        <v>53880</v>
      </c>
      <c r="DW18" s="326">
        <v>0</v>
      </c>
      <c r="DX18" s="327">
        <v>243358</v>
      </c>
      <c r="DY18" s="327">
        <v>673132</v>
      </c>
      <c r="DZ18" s="327">
        <v>241752</v>
      </c>
      <c r="EA18" s="327">
        <v>799553</v>
      </c>
      <c r="EB18" s="327">
        <v>510059</v>
      </c>
      <c r="EC18" s="328">
        <v>2467854</v>
      </c>
      <c r="ED18" s="330">
        <v>2521734</v>
      </c>
      <c r="EE18" s="326">
        <v>0</v>
      </c>
      <c r="EF18" s="331">
        <v>0</v>
      </c>
      <c r="EG18" s="328">
        <v>0</v>
      </c>
      <c r="EH18" s="326">
        <v>0</v>
      </c>
      <c r="EI18" s="327">
        <v>0</v>
      </c>
      <c r="EJ18" s="327">
        <v>0</v>
      </c>
      <c r="EK18" s="327">
        <v>58284</v>
      </c>
      <c r="EL18" s="327">
        <v>34781</v>
      </c>
      <c r="EM18" s="327">
        <v>0</v>
      </c>
      <c r="EN18" s="331">
        <v>93065</v>
      </c>
      <c r="EO18" s="330">
        <v>93065</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156776</v>
      </c>
      <c r="FM18" s="327">
        <v>370784</v>
      </c>
      <c r="FN18" s="328">
        <v>527560</v>
      </c>
      <c r="FO18" s="326">
        <v>0</v>
      </c>
      <c r="FP18" s="327">
        <v>243328</v>
      </c>
      <c r="FQ18" s="327">
        <v>1223043</v>
      </c>
      <c r="FR18" s="327">
        <v>796190</v>
      </c>
      <c r="FS18" s="327">
        <v>532896</v>
      </c>
      <c r="FT18" s="327">
        <v>521704</v>
      </c>
      <c r="FU18" s="328">
        <v>3317161</v>
      </c>
      <c r="FV18" s="330">
        <v>3844721</v>
      </c>
      <c r="FW18" s="333">
        <v>110136</v>
      </c>
      <c r="FX18" s="327">
        <v>309184</v>
      </c>
      <c r="FY18" s="331">
        <v>419320</v>
      </c>
      <c r="FZ18" s="332">
        <v>0</v>
      </c>
      <c r="GA18" s="327">
        <v>243328</v>
      </c>
      <c r="GB18" s="327">
        <v>1079056</v>
      </c>
      <c r="GC18" s="327">
        <v>699864</v>
      </c>
      <c r="GD18" s="327">
        <v>532896</v>
      </c>
      <c r="GE18" s="327">
        <v>388904</v>
      </c>
      <c r="GF18" s="328">
        <v>2944048</v>
      </c>
      <c r="GG18" s="334">
        <v>3363368</v>
      </c>
      <c r="GH18" s="333">
        <v>0</v>
      </c>
      <c r="GI18" s="327">
        <v>22400</v>
      </c>
      <c r="GJ18" s="331">
        <v>22400</v>
      </c>
      <c r="GK18" s="332">
        <v>0</v>
      </c>
      <c r="GL18" s="327">
        <v>0</v>
      </c>
      <c r="GM18" s="327">
        <v>39987</v>
      </c>
      <c r="GN18" s="327">
        <v>60086</v>
      </c>
      <c r="GO18" s="327">
        <v>0</v>
      </c>
      <c r="GP18" s="327">
        <v>0</v>
      </c>
      <c r="GQ18" s="328">
        <v>100073</v>
      </c>
      <c r="GR18" s="330">
        <v>122473</v>
      </c>
      <c r="GS18" s="326">
        <v>46640</v>
      </c>
      <c r="GT18" s="327">
        <v>39200</v>
      </c>
      <c r="GU18" s="328">
        <v>85840</v>
      </c>
      <c r="GV18" s="326">
        <v>0</v>
      </c>
      <c r="GW18" s="327">
        <v>0</v>
      </c>
      <c r="GX18" s="327">
        <v>104000</v>
      </c>
      <c r="GY18" s="327">
        <v>36240</v>
      </c>
      <c r="GZ18" s="327">
        <v>0</v>
      </c>
      <c r="HA18" s="327">
        <v>132800</v>
      </c>
      <c r="HB18" s="331">
        <v>273040</v>
      </c>
      <c r="HC18" s="330">
        <v>358880</v>
      </c>
      <c r="HD18" s="326">
        <v>234844</v>
      </c>
      <c r="HE18" s="327">
        <v>583121</v>
      </c>
      <c r="HF18" s="331">
        <v>817965</v>
      </c>
      <c r="HG18" s="332">
        <v>0</v>
      </c>
      <c r="HH18" s="327">
        <v>2135034</v>
      </c>
      <c r="HI18" s="327">
        <v>3251096</v>
      </c>
      <c r="HJ18" s="327">
        <v>1864730</v>
      </c>
      <c r="HK18" s="327">
        <v>2746468</v>
      </c>
      <c r="HL18" s="327">
        <v>1237023</v>
      </c>
      <c r="HM18" s="328">
        <v>11234351</v>
      </c>
      <c r="HN18" s="329">
        <v>12052316</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2396272</v>
      </c>
      <c r="IE18" s="357">
        <v>2247939</v>
      </c>
      <c r="IF18" s="358">
        <v>1663951</v>
      </c>
      <c r="IG18" s="356">
        <v>3769540</v>
      </c>
      <c r="IH18" s="358">
        <v>2639468</v>
      </c>
      <c r="II18" s="359">
        <v>12717170</v>
      </c>
      <c r="IJ18" s="358">
        <v>12717170</v>
      </c>
      <c r="IK18" s="342">
        <v>0</v>
      </c>
      <c r="IL18" s="343">
        <v>0</v>
      </c>
      <c r="IM18" s="344">
        <v>0</v>
      </c>
      <c r="IN18" s="404">
        <v>0</v>
      </c>
      <c r="IO18" s="345">
        <v>0</v>
      </c>
      <c r="IP18" s="345">
        <v>0</v>
      </c>
      <c r="IQ18" s="345">
        <v>0</v>
      </c>
      <c r="IR18" s="345">
        <v>0</v>
      </c>
      <c r="IS18" s="345">
        <v>0</v>
      </c>
      <c r="IT18" s="346">
        <v>0</v>
      </c>
      <c r="IU18" s="347">
        <v>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1245051</v>
      </c>
      <c r="JL18" s="345">
        <v>1082812</v>
      </c>
      <c r="JM18" s="345">
        <v>670482</v>
      </c>
      <c r="JN18" s="345">
        <v>473224</v>
      </c>
      <c r="JO18" s="345">
        <v>345224</v>
      </c>
      <c r="JP18" s="349">
        <v>3816793</v>
      </c>
      <c r="JQ18" s="347">
        <v>3816793</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403572</v>
      </c>
      <c r="KH18" s="345">
        <v>469928</v>
      </c>
      <c r="KI18" s="345">
        <v>734277</v>
      </c>
      <c r="KJ18" s="345">
        <v>1103087</v>
      </c>
      <c r="KK18" s="345">
        <v>1449963</v>
      </c>
      <c r="KL18" s="349">
        <v>4160827</v>
      </c>
      <c r="KM18" s="354">
        <v>4160827</v>
      </c>
      <c r="KN18" s="342">
        <v>0</v>
      </c>
      <c r="KO18" s="343">
        <v>0</v>
      </c>
      <c r="KP18" s="344">
        <v>0</v>
      </c>
      <c r="KQ18" s="404">
        <v>0</v>
      </c>
      <c r="KR18" s="345">
        <v>747649</v>
      </c>
      <c r="KS18" s="345">
        <v>0</v>
      </c>
      <c r="KT18" s="345">
        <v>259192</v>
      </c>
      <c r="KU18" s="345">
        <v>787250</v>
      </c>
      <c r="KV18" s="345">
        <v>272476</v>
      </c>
      <c r="KW18" s="349">
        <v>2066567</v>
      </c>
      <c r="KX18" s="347">
        <v>2066567</v>
      </c>
      <c r="KY18" s="348">
        <v>0</v>
      </c>
      <c r="KZ18" s="345">
        <v>0</v>
      </c>
      <c r="LA18" s="349">
        <v>0</v>
      </c>
      <c r="LB18" s="404">
        <v>0</v>
      </c>
      <c r="LC18" s="345">
        <v>0</v>
      </c>
      <c r="LD18" s="345">
        <v>489576</v>
      </c>
      <c r="LE18" s="345">
        <v>0</v>
      </c>
      <c r="LF18" s="345">
        <v>695064</v>
      </c>
      <c r="LG18" s="345">
        <v>252153</v>
      </c>
      <c r="LH18" s="349">
        <v>1436793</v>
      </c>
      <c r="LI18" s="350">
        <v>1436793</v>
      </c>
      <c r="LJ18" s="348">
        <v>0</v>
      </c>
      <c r="LK18" s="345">
        <v>0</v>
      </c>
      <c r="LL18" s="349">
        <v>0</v>
      </c>
      <c r="LM18" s="404">
        <v>0</v>
      </c>
      <c r="LN18" s="345">
        <v>0</v>
      </c>
      <c r="LO18" s="345">
        <v>0</v>
      </c>
      <c r="LP18" s="345">
        <v>0</v>
      </c>
      <c r="LQ18" s="345">
        <v>298969</v>
      </c>
      <c r="LR18" s="345">
        <v>319652</v>
      </c>
      <c r="LS18" s="349">
        <v>618621</v>
      </c>
      <c r="LT18" s="347">
        <v>618621</v>
      </c>
      <c r="LU18" s="348">
        <v>0</v>
      </c>
      <c r="LV18" s="345">
        <v>0</v>
      </c>
      <c r="LW18" s="349">
        <v>0</v>
      </c>
      <c r="LX18" s="404">
        <v>0</v>
      </c>
      <c r="LY18" s="345">
        <v>0</v>
      </c>
      <c r="LZ18" s="345">
        <v>205623</v>
      </c>
      <c r="MA18" s="345">
        <v>0</v>
      </c>
      <c r="MB18" s="345">
        <v>411946</v>
      </c>
      <c r="MC18" s="345">
        <v>0</v>
      </c>
      <c r="MD18" s="349">
        <v>617569</v>
      </c>
      <c r="ME18" s="350">
        <v>617569</v>
      </c>
      <c r="MF18" s="348">
        <v>0</v>
      </c>
      <c r="MG18" s="345">
        <v>0</v>
      </c>
      <c r="MH18" s="349">
        <v>0</v>
      </c>
      <c r="MI18" s="404">
        <v>0</v>
      </c>
      <c r="MJ18" s="345">
        <v>44326</v>
      </c>
      <c r="MK18" s="345">
        <v>859464</v>
      </c>
      <c r="ML18" s="345">
        <v>4807993</v>
      </c>
      <c r="MM18" s="345">
        <v>4771729</v>
      </c>
      <c r="MN18" s="345">
        <v>2712924</v>
      </c>
      <c r="MO18" s="349">
        <v>13196436</v>
      </c>
      <c r="MP18" s="354">
        <v>13196436</v>
      </c>
      <c r="MQ18" s="348">
        <v>0</v>
      </c>
      <c r="MR18" s="345">
        <v>0</v>
      </c>
      <c r="MS18" s="349">
        <v>0</v>
      </c>
      <c r="MT18" s="404">
        <v>0</v>
      </c>
      <c r="MU18" s="345">
        <v>0</v>
      </c>
      <c r="MV18" s="345">
        <v>0</v>
      </c>
      <c r="MW18" s="345">
        <v>1481521</v>
      </c>
      <c r="MX18" s="345">
        <v>1987597</v>
      </c>
      <c r="MY18" s="345">
        <v>1802157</v>
      </c>
      <c r="MZ18" s="349">
        <v>5271275</v>
      </c>
      <c r="NA18" s="354">
        <v>5271275</v>
      </c>
      <c r="NB18" s="348">
        <v>0</v>
      </c>
      <c r="NC18" s="345">
        <v>0</v>
      </c>
      <c r="ND18" s="349">
        <v>0</v>
      </c>
      <c r="NE18" s="404">
        <v>0</v>
      </c>
      <c r="NF18" s="345">
        <v>44326</v>
      </c>
      <c r="NG18" s="345">
        <v>859464</v>
      </c>
      <c r="NH18" s="345">
        <v>3326472</v>
      </c>
      <c r="NI18" s="345">
        <v>2784132</v>
      </c>
      <c r="NJ18" s="345">
        <v>910767</v>
      </c>
      <c r="NK18" s="349">
        <v>7925161</v>
      </c>
      <c r="NL18" s="347">
        <v>7925161</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0</v>
      </c>
      <c r="OF18" s="345">
        <v>0</v>
      </c>
      <c r="OG18" s="349">
        <v>0</v>
      </c>
      <c r="OH18" s="350">
        <v>0</v>
      </c>
      <c r="OI18" s="348">
        <v>960091</v>
      </c>
      <c r="OJ18" s="345">
        <v>2751981</v>
      </c>
      <c r="OK18" s="346">
        <v>3712072</v>
      </c>
      <c r="OL18" s="351">
        <v>0</v>
      </c>
      <c r="OM18" s="345">
        <v>10347194</v>
      </c>
      <c r="ON18" s="345">
        <v>17160579</v>
      </c>
      <c r="OO18" s="345">
        <v>15876162</v>
      </c>
      <c r="OP18" s="345">
        <v>18019372</v>
      </c>
      <c r="OQ18" s="345">
        <v>9994752</v>
      </c>
      <c r="OR18" s="349">
        <v>71398059</v>
      </c>
      <c r="OS18" s="354">
        <v>75110131</v>
      </c>
    </row>
    <row r="19" spans="2:409" s="70" customFormat="1" ht="21" customHeight="1" x14ac:dyDescent="0.2">
      <c r="B19" s="410" t="s">
        <v>13</v>
      </c>
      <c r="C19" s="326">
        <v>73115</v>
      </c>
      <c r="D19" s="327">
        <v>298464</v>
      </c>
      <c r="E19" s="328">
        <v>371579</v>
      </c>
      <c r="F19" s="326">
        <v>0</v>
      </c>
      <c r="G19" s="366">
        <v>4137154</v>
      </c>
      <c r="H19" s="327">
        <v>5709495</v>
      </c>
      <c r="I19" s="327">
        <v>3821874</v>
      </c>
      <c r="J19" s="327">
        <v>5397700</v>
      </c>
      <c r="K19" s="327">
        <v>3425423</v>
      </c>
      <c r="L19" s="331">
        <v>22491646</v>
      </c>
      <c r="M19" s="330">
        <v>22863225</v>
      </c>
      <c r="N19" s="326">
        <v>48443</v>
      </c>
      <c r="O19" s="327">
        <v>41744</v>
      </c>
      <c r="P19" s="328">
        <v>90187</v>
      </c>
      <c r="Q19" s="326">
        <v>0</v>
      </c>
      <c r="R19" s="327">
        <v>1225985</v>
      </c>
      <c r="S19" s="327">
        <v>1801737</v>
      </c>
      <c r="T19" s="327">
        <v>1784342</v>
      </c>
      <c r="U19" s="327">
        <v>1701482</v>
      </c>
      <c r="V19" s="327">
        <v>1974378</v>
      </c>
      <c r="W19" s="328">
        <v>8487924</v>
      </c>
      <c r="X19" s="330">
        <v>8578111</v>
      </c>
      <c r="Y19" s="326">
        <v>0</v>
      </c>
      <c r="Z19" s="327">
        <v>0</v>
      </c>
      <c r="AA19" s="328">
        <v>0</v>
      </c>
      <c r="AB19" s="326">
        <v>0</v>
      </c>
      <c r="AC19" s="327">
        <v>340607</v>
      </c>
      <c r="AD19" s="327">
        <v>501007</v>
      </c>
      <c r="AE19" s="327">
        <v>1043805</v>
      </c>
      <c r="AF19" s="327">
        <v>846948</v>
      </c>
      <c r="AG19" s="327">
        <v>1107421</v>
      </c>
      <c r="AH19" s="328">
        <v>3839788</v>
      </c>
      <c r="AI19" s="330">
        <v>3839788</v>
      </c>
      <c r="AJ19" s="326">
        <v>0</v>
      </c>
      <c r="AK19" s="327">
        <v>0</v>
      </c>
      <c r="AL19" s="328">
        <v>0</v>
      </c>
      <c r="AM19" s="326">
        <v>0</v>
      </c>
      <c r="AN19" s="327">
        <v>0</v>
      </c>
      <c r="AO19" s="327">
        <v>0</v>
      </c>
      <c r="AP19" s="327">
        <v>48042</v>
      </c>
      <c r="AQ19" s="327">
        <v>0</v>
      </c>
      <c r="AR19" s="327">
        <v>158232</v>
      </c>
      <c r="AS19" s="328">
        <v>206274</v>
      </c>
      <c r="AT19" s="330">
        <v>206274</v>
      </c>
      <c r="AU19" s="326">
        <v>25018</v>
      </c>
      <c r="AV19" s="327">
        <v>18600</v>
      </c>
      <c r="AW19" s="328">
        <v>43618</v>
      </c>
      <c r="AX19" s="326">
        <v>0</v>
      </c>
      <c r="AY19" s="327">
        <v>445614</v>
      </c>
      <c r="AZ19" s="327">
        <v>910597</v>
      </c>
      <c r="BA19" s="327">
        <v>354621</v>
      </c>
      <c r="BB19" s="327">
        <v>506766</v>
      </c>
      <c r="BC19" s="327">
        <v>500189</v>
      </c>
      <c r="BD19" s="328">
        <v>2717787</v>
      </c>
      <c r="BE19" s="330">
        <v>2761405</v>
      </c>
      <c r="BF19" s="326">
        <v>10369</v>
      </c>
      <c r="BG19" s="327">
        <v>0</v>
      </c>
      <c r="BH19" s="331">
        <v>10369</v>
      </c>
      <c r="BI19" s="332">
        <v>0</v>
      </c>
      <c r="BJ19" s="327">
        <v>72316</v>
      </c>
      <c r="BK19" s="327">
        <v>51141</v>
      </c>
      <c r="BL19" s="327">
        <v>53426</v>
      </c>
      <c r="BM19" s="327">
        <v>0</v>
      </c>
      <c r="BN19" s="327">
        <v>0</v>
      </c>
      <c r="BO19" s="328">
        <v>176883</v>
      </c>
      <c r="BP19" s="330">
        <v>187252</v>
      </c>
      <c r="BQ19" s="326">
        <v>13056</v>
      </c>
      <c r="BR19" s="327">
        <v>23144</v>
      </c>
      <c r="BS19" s="328">
        <v>36200</v>
      </c>
      <c r="BT19" s="326">
        <v>0</v>
      </c>
      <c r="BU19" s="327">
        <v>367448</v>
      </c>
      <c r="BV19" s="327">
        <v>338992</v>
      </c>
      <c r="BW19" s="327">
        <v>284448</v>
      </c>
      <c r="BX19" s="327">
        <v>347768</v>
      </c>
      <c r="BY19" s="327">
        <v>208536</v>
      </c>
      <c r="BZ19" s="328">
        <v>1547192</v>
      </c>
      <c r="CA19" s="330">
        <v>1583392</v>
      </c>
      <c r="CB19" s="326">
        <v>0</v>
      </c>
      <c r="CC19" s="327">
        <v>40857</v>
      </c>
      <c r="CD19" s="328">
        <v>40857</v>
      </c>
      <c r="CE19" s="326">
        <v>0</v>
      </c>
      <c r="CF19" s="327">
        <v>957594</v>
      </c>
      <c r="CG19" s="327">
        <v>910495</v>
      </c>
      <c r="CH19" s="327">
        <v>295033</v>
      </c>
      <c r="CI19" s="327">
        <v>756873</v>
      </c>
      <c r="CJ19" s="327">
        <v>164307</v>
      </c>
      <c r="CK19" s="328">
        <v>3084302</v>
      </c>
      <c r="CL19" s="330">
        <v>3125159</v>
      </c>
      <c r="CM19" s="326">
        <v>0</v>
      </c>
      <c r="CN19" s="327">
        <v>0</v>
      </c>
      <c r="CO19" s="328">
        <v>0</v>
      </c>
      <c r="CP19" s="332">
        <v>0</v>
      </c>
      <c r="CQ19" s="327">
        <v>824418</v>
      </c>
      <c r="CR19" s="327">
        <v>839931</v>
      </c>
      <c r="CS19" s="327">
        <v>239971</v>
      </c>
      <c r="CT19" s="327">
        <v>641379</v>
      </c>
      <c r="CU19" s="327">
        <v>164307</v>
      </c>
      <c r="CV19" s="328">
        <v>2710006</v>
      </c>
      <c r="CW19" s="330">
        <v>2710006</v>
      </c>
      <c r="CX19" s="326">
        <v>0</v>
      </c>
      <c r="CY19" s="327">
        <v>40857</v>
      </c>
      <c r="CZ19" s="328">
        <v>40857</v>
      </c>
      <c r="DA19" s="326">
        <v>0</v>
      </c>
      <c r="DB19" s="327">
        <v>133176</v>
      </c>
      <c r="DC19" s="327">
        <v>70564</v>
      </c>
      <c r="DD19" s="327">
        <v>55062</v>
      </c>
      <c r="DE19" s="327">
        <v>115494</v>
      </c>
      <c r="DF19" s="327">
        <v>0</v>
      </c>
      <c r="DG19" s="328">
        <v>374296</v>
      </c>
      <c r="DH19" s="330">
        <v>415153</v>
      </c>
      <c r="DI19" s="326">
        <v>0</v>
      </c>
      <c r="DJ19" s="327">
        <v>0</v>
      </c>
      <c r="DK19" s="331">
        <v>0</v>
      </c>
      <c r="DL19" s="332">
        <v>0</v>
      </c>
      <c r="DM19" s="327">
        <v>304163</v>
      </c>
      <c r="DN19" s="327">
        <v>187813</v>
      </c>
      <c r="DO19" s="327">
        <v>163145</v>
      </c>
      <c r="DP19" s="327">
        <v>90090</v>
      </c>
      <c r="DQ19" s="327">
        <v>62720</v>
      </c>
      <c r="DR19" s="328">
        <v>807931</v>
      </c>
      <c r="DS19" s="330">
        <v>807931</v>
      </c>
      <c r="DT19" s="326">
        <v>0</v>
      </c>
      <c r="DU19" s="327">
        <v>0</v>
      </c>
      <c r="DV19" s="328">
        <v>0</v>
      </c>
      <c r="DW19" s="326">
        <v>0</v>
      </c>
      <c r="DX19" s="327">
        <v>173687</v>
      </c>
      <c r="DY19" s="327">
        <v>187813</v>
      </c>
      <c r="DZ19" s="327">
        <v>163145</v>
      </c>
      <c r="EA19" s="327">
        <v>37096</v>
      </c>
      <c r="EB19" s="327">
        <v>62720</v>
      </c>
      <c r="EC19" s="328">
        <v>624461</v>
      </c>
      <c r="ED19" s="330">
        <v>624461</v>
      </c>
      <c r="EE19" s="326">
        <v>0</v>
      </c>
      <c r="EF19" s="331">
        <v>0</v>
      </c>
      <c r="EG19" s="328">
        <v>0</v>
      </c>
      <c r="EH19" s="326">
        <v>0</v>
      </c>
      <c r="EI19" s="327">
        <v>130476</v>
      </c>
      <c r="EJ19" s="327">
        <v>0</v>
      </c>
      <c r="EK19" s="327">
        <v>0</v>
      </c>
      <c r="EL19" s="327">
        <v>52994</v>
      </c>
      <c r="EM19" s="327">
        <v>0</v>
      </c>
      <c r="EN19" s="331">
        <v>183470</v>
      </c>
      <c r="EO19" s="330">
        <v>183470</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24672</v>
      </c>
      <c r="FM19" s="327">
        <v>13696</v>
      </c>
      <c r="FN19" s="328">
        <v>38368</v>
      </c>
      <c r="FO19" s="326">
        <v>0</v>
      </c>
      <c r="FP19" s="327">
        <v>142048</v>
      </c>
      <c r="FQ19" s="327">
        <v>653435</v>
      </c>
      <c r="FR19" s="327">
        <v>222208</v>
      </c>
      <c r="FS19" s="327">
        <v>165456</v>
      </c>
      <c r="FT19" s="327">
        <v>205544</v>
      </c>
      <c r="FU19" s="328">
        <v>1388691</v>
      </c>
      <c r="FV19" s="330">
        <v>1427059</v>
      </c>
      <c r="FW19" s="333">
        <v>24672</v>
      </c>
      <c r="FX19" s="327">
        <v>13696</v>
      </c>
      <c r="FY19" s="331">
        <v>38368</v>
      </c>
      <c r="FZ19" s="332">
        <v>0</v>
      </c>
      <c r="GA19" s="327">
        <v>142048</v>
      </c>
      <c r="GB19" s="327">
        <v>469288</v>
      </c>
      <c r="GC19" s="327">
        <v>222208</v>
      </c>
      <c r="GD19" s="327">
        <v>165456</v>
      </c>
      <c r="GE19" s="327">
        <v>205544</v>
      </c>
      <c r="GF19" s="328">
        <v>1204544</v>
      </c>
      <c r="GG19" s="334">
        <v>1242912</v>
      </c>
      <c r="GH19" s="333">
        <v>0</v>
      </c>
      <c r="GI19" s="327">
        <v>0</v>
      </c>
      <c r="GJ19" s="331">
        <v>0</v>
      </c>
      <c r="GK19" s="332">
        <v>0</v>
      </c>
      <c r="GL19" s="327">
        <v>0</v>
      </c>
      <c r="GM19" s="327">
        <v>24147</v>
      </c>
      <c r="GN19" s="327">
        <v>0</v>
      </c>
      <c r="GO19" s="327">
        <v>0</v>
      </c>
      <c r="GP19" s="327">
        <v>0</v>
      </c>
      <c r="GQ19" s="328">
        <v>24147</v>
      </c>
      <c r="GR19" s="330">
        <v>24147</v>
      </c>
      <c r="GS19" s="326">
        <v>0</v>
      </c>
      <c r="GT19" s="327">
        <v>0</v>
      </c>
      <c r="GU19" s="328">
        <v>0</v>
      </c>
      <c r="GV19" s="326">
        <v>0</v>
      </c>
      <c r="GW19" s="327">
        <v>0</v>
      </c>
      <c r="GX19" s="327">
        <v>160000</v>
      </c>
      <c r="GY19" s="327">
        <v>0</v>
      </c>
      <c r="GZ19" s="327">
        <v>0</v>
      </c>
      <c r="HA19" s="327">
        <v>0</v>
      </c>
      <c r="HB19" s="331">
        <v>160000</v>
      </c>
      <c r="HC19" s="330">
        <v>160000</v>
      </c>
      <c r="HD19" s="326">
        <v>0</v>
      </c>
      <c r="HE19" s="327">
        <v>202167</v>
      </c>
      <c r="HF19" s="331">
        <v>202167</v>
      </c>
      <c r="HG19" s="332">
        <v>0</v>
      </c>
      <c r="HH19" s="327">
        <v>1507364</v>
      </c>
      <c r="HI19" s="327">
        <v>2156015</v>
      </c>
      <c r="HJ19" s="327">
        <v>1357146</v>
      </c>
      <c r="HK19" s="327">
        <v>2683799</v>
      </c>
      <c r="HL19" s="327">
        <v>1018474</v>
      </c>
      <c r="HM19" s="328">
        <v>8722798</v>
      </c>
      <c r="HN19" s="329">
        <v>8924965</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557913</v>
      </c>
      <c r="IE19" s="339">
        <v>1171427</v>
      </c>
      <c r="IF19" s="337">
        <v>1327819</v>
      </c>
      <c r="IG19" s="336">
        <v>550853</v>
      </c>
      <c r="IH19" s="337">
        <v>559690</v>
      </c>
      <c r="II19" s="340">
        <v>4167702</v>
      </c>
      <c r="IJ19" s="341">
        <v>4167702</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557913</v>
      </c>
      <c r="JL19" s="345">
        <v>1007051</v>
      </c>
      <c r="JM19" s="345">
        <v>556311</v>
      </c>
      <c r="JN19" s="345">
        <v>37277</v>
      </c>
      <c r="JO19" s="345">
        <v>0</v>
      </c>
      <c r="JP19" s="349">
        <v>2158552</v>
      </c>
      <c r="JQ19" s="347">
        <v>2158552</v>
      </c>
      <c r="JR19" s="348">
        <v>0</v>
      </c>
      <c r="JS19" s="345">
        <v>0</v>
      </c>
      <c r="JT19" s="346">
        <v>0</v>
      </c>
      <c r="JU19" s="351">
        <v>0</v>
      </c>
      <c r="JV19" s="345">
        <v>0</v>
      </c>
      <c r="JW19" s="345">
        <v>58416</v>
      </c>
      <c r="JX19" s="345">
        <v>0</v>
      </c>
      <c r="JY19" s="345">
        <v>0</v>
      </c>
      <c r="JZ19" s="345">
        <v>256529</v>
      </c>
      <c r="KA19" s="349">
        <v>314945</v>
      </c>
      <c r="KB19" s="347">
        <v>314945</v>
      </c>
      <c r="KC19" s="352">
        <v>0</v>
      </c>
      <c r="KD19" s="353">
        <v>0</v>
      </c>
      <c r="KE19" s="349">
        <v>0</v>
      </c>
      <c r="KF19" s="351">
        <v>0</v>
      </c>
      <c r="KG19" s="345">
        <v>0</v>
      </c>
      <c r="KH19" s="345">
        <v>105960</v>
      </c>
      <c r="KI19" s="345">
        <v>0</v>
      </c>
      <c r="KJ19" s="345">
        <v>0</v>
      </c>
      <c r="KK19" s="345">
        <v>303161</v>
      </c>
      <c r="KL19" s="349">
        <v>409121</v>
      </c>
      <c r="KM19" s="354">
        <v>409121</v>
      </c>
      <c r="KN19" s="342">
        <v>0</v>
      </c>
      <c r="KO19" s="343">
        <v>0</v>
      </c>
      <c r="KP19" s="344">
        <v>0</v>
      </c>
      <c r="KQ19" s="404">
        <v>0</v>
      </c>
      <c r="KR19" s="345">
        <v>0</v>
      </c>
      <c r="KS19" s="345">
        <v>0</v>
      </c>
      <c r="KT19" s="345">
        <v>771508</v>
      </c>
      <c r="KU19" s="345">
        <v>513576</v>
      </c>
      <c r="KV19" s="345">
        <v>0</v>
      </c>
      <c r="KW19" s="349">
        <v>1285084</v>
      </c>
      <c r="KX19" s="347">
        <v>1285084</v>
      </c>
      <c r="KY19" s="348">
        <v>0</v>
      </c>
      <c r="KZ19" s="345">
        <v>0</v>
      </c>
      <c r="LA19" s="349">
        <v>0</v>
      </c>
      <c r="LB19" s="404">
        <v>0</v>
      </c>
      <c r="LC19" s="345">
        <v>0</v>
      </c>
      <c r="LD19" s="345">
        <v>0</v>
      </c>
      <c r="LE19" s="345">
        <v>0</v>
      </c>
      <c r="LF19" s="345">
        <v>0</v>
      </c>
      <c r="LG19" s="345">
        <v>0</v>
      </c>
      <c r="LH19" s="349">
        <v>0</v>
      </c>
      <c r="LI19" s="350">
        <v>0</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311223</v>
      </c>
      <c r="MK19" s="345">
        <v>475461</v>
      </c>
      <c r="ML19" s="345">
        <v>1078890</v>
      </c>
      <c r="MM19" s="345">
        <v>4669431</v>
      </c>
      <c r="MN19" s="345">
        <v>1953875</v>
      </c>
      <c r="MO19" s="349">
        <v>8488880</v>
      </c>
      <c r="MP19" s="354">
        <v>8488880</v>
      </c>
      <c r="MQ19" s="348">
        <v>0</v>
      </c>
      <c r="MR19" s="345">
        <v>0</v>
      </c>
      <c r="MS19" s="349">
        <v>0</v>
      </c>
      <c r="MT19" s="404">
        <v>0</v>
      </c>
      <c r="MU19" s="345">
        <v>0</v>
      </c>
      <c r="MV19" s="345">
        <v>475461</v>
      </c>
      <c r="MW19" s="345">
        <v>513552</v>
      </c>
      <c r="MX19" s="345">
        <v>2211780</v>
      </c>
      <c r="MY19" s="345">
        <v>1953875</v>
      </c>
      <c r="MZ19" s="349">
        <v>5154668</v>
      </c>
      <c r="NA19" s="354">
        <v>5154668</v>
      </c>
      <c r="NB19" s="348">
        <v>0</v>
      </c>
      <c r="NC19" s="345">
        <v>0</v>
      </c>
      <c r="ND19" s="349">
        <v>0</v>
      </c>
      <c r="NE19" s="404">
        <v>0</v>
      </c>
      <c r="NF19" s="345">
        <v>311223</v>
      </c>
      <c r="NG19" s="345">
        <v>0</v>
      </c>
      <c r="NH19" s="345">
        <v>565338</v>
      </c>
      <c r="NI19" s="345">
        <v>2457651</v>
      </c>
      <c r="NJ19" s="345">
        <v>0</v>
      </c>
      <c r="NK19" s="349">
        <v>3334212</v>
      </c>
      <c r="NL19" s="347">
        <v>3334212</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73115</v>
      </c>
      <c r="OJ19" s="345">
        <v>298464</v>
      </c>
      <c r="OK19" s="346">
        <v>371579</v>
      </c>
      <c r="OL19" s="351">
        <v>0</v>
      </c>
      <c r="OM19" s="345">
        <v>5006290</v>
      </c>
      <c r="ON19" s="345">
        <v>7356383</v>
      </c>
      <c r="OO19" s="345">
        <v>6228583</v>
      </c>
      <c r="OP19" s="345">
        <v>10617984</v>
      </c>
      <c r="OQ19" s="345">
        <v>5938988</v>
      </c>
      <c r="OR19" s="349">
        <v>35148228</v>
      </c>
      <c r="OS19" s="354">
        <v>35519807</v>
      </c>
    </row>
    <row r="20" spans="2:409" s="70" customFormat="1" ht="21" customHeight="1" x14ac:dyDescent="0.2">
      <c r="B20" s="410" t="s">
        <v>15</v>
      </c>
      <c r="C20" s="326">
        <v>160000</v>
      </c>
      <c r="D20" s="327">
        <v>503481</v>
      </c>
      <c r="E20" s="328">
        <v>663481</v>
      </c>
      <c r="F20" s="329">
        <v>0</v>
      </c>
      <c r="G20" s="327">
        <v>2398373</v>
      </c>
      <c r="H20" s="327">
        <v>1486160</v>
      </c>
      <c r="I20" s="327">
        <v>1665027</v>
      </c>
      <c r="J20" s="327">
        <v>2017794</v>
      </c>
      <c r="K20" s="327">
        <v>331030</v>
      </c>
      <c r="L20" s="329">
        <v>7898384</v>
      </c>
      <c r="M20" s="330">
        <v>8561865</v>
      </c>
      <c r="N20" s="326">
        <v>0</v>
      </c>
      <c r="O20" s="327">
        <v>61353</v>
      </c>
      <c r="P20" s="328">
        <v>61353</v>
      </c>
      <c r="Q20" s="326">
        <v>0</v>
      </c>
      <c r="R20" s="327">
        <v>634441</v>
      </c>
      <c r="S20" s="327">
        <v>646850</v>
      </c>
      <c r="T20" s="327">
        <v>158309</v>
      </c>
      <c r="U20" s="327">
        <v>1048550</v>
      </c>
      <c r="V20" s="327">
        <v>22327</v>
      </c>
      <c r="W20" s="328">
        <v>2510477</v>
      </c>
      <c r="X20" s="330">
        <v>2571830</v>
      </c>
      <c r="Y20" s="326">
        <v>0</v>
      </c>
      <c r="Z20" s="327">
        <v>0</v>
      </c>
      <c r="AA20" s="328">
        <v>0</v>
      </c>
      <c r="AB20" s="326">
        <v>0</v>
      </c>
      <c r="AC20" s="327">
        <v>174269</v>
      </c>
      <c r="AD20" s="327">
        <v>378473</v>
      </c>
      <c r="AE20" s="327">
        <v>47538</v>
      </c>
      <c r="AF20" s="327">
        <v>610036</v>
      </c>
      <c r="AG20" s="327">
        <v>0</v>
      </c>
      <c r="AH20" s="328">
        <v>1210316</v>
      </c>
      <c r="AI20" s="330">
        <v>1210316</v>
      </c>
      <c r="AJ20" s="326">
        <v>0</v>
      </c>
      <c r="AK20" s="327">
        <v>0</v>
      </c>
      <c r="AL20" s="328">
        <v>0</v>
      </c>
      <c r="AM20" s="326">
        <v>0</v>
      </c>
      <c r="AN20" s="327">
        <v>0</v>
      </c>
      <c r="AO20" s="327">
        <v>0</v>
      </c>
      <c r="AP20" s="327">
        <v>0</v>
      </c>
      <c r="AQ20" s="327">
        <v>180158</v>
      </c>
      <c r="AR20" s="327">
        <v>0</v>
      </c>
      <c r="AS20" s="328">
        <v>180158</v>
      </c>
      <c r="AT20" s="330">
        <v>180158</v>
      </c>
      <c r="AU20" s="326">
        <v>0</v>
      </c>
      <c r="AV20" s="327">
        <v>50409</v>
      </c>
      <c r="AW20" s="328">
        <v>50409</v>
      </c>
      <c r="AX20" s="326">
        <v>0</v>
      </c>
      <c r="AY20" s="327">
        <v>140267</v>
      </c>
      <c r="AZ20" s="327">
        <v>193997</v>
      </c>
      <c r="BA20" s="327">
        <v>23587</v>
      </c>
      <c r="BB20" s="327">
        <v>184380</v>
      </c>
      <c r="BC20" s="327">
        <v>11663</v>
      </c>
      <c r="BD20" s="328">
        <v>553894</v>
      </c>
      <c r="BE20" s="330">
        <v>604303</v>
      </c>
      <c r="BF20" s="326">
        <v>0</v>
      </c>
      <c r="BG20" s="327">
        <v>0</v>
      </c>
      <c r="BH20" s="331">
        <v>0</v>
      </c>
      <c r="BI20" s="332">
        <v>0</v>
      </c>
      <c r="BJ20" s="327">
        <v>126577</v>
      </c>
      <c r="BK20" s="327">
        <v>32132</v>
      </c>
      <c r="BL20" s="327">
        <v>0</v>
      </c>
      <c r="BM20" s="327">
        <v>0</v>
      </c>
      <c r="BN20" s="327">
        <v>0</v>
      </c>
      <c r="BO20" s="328">
        <v>158709</v>
      </c>
      <c r="BP20" s="330">
        <v>158709</v>
      </c>
      <c r="BQ20" s="326">
        <v>0</v>
      </c>
      <c r="BR20" s="327">
        <v>10944</v>
      </c>
      <c r="BS20" s="328">
        <v>10944</v>
      </c>
      <c r="BT20" s="326">
        <v>0</v>
      </c>
      <c r="BU20" s="327">
        <v>193328</v>
      </c>
      <c r="BV20" s="327">
        <v>42248</v>
      </c>
      <c r="BW20" s="327">
        <v>87184</v>
      </c>
      <c r="BX20" s="327">
        <v>73976</v>
      </c>
      <c r="BY20" s="327">
        <v>10664</v>
      </c>
      <c r="BZ20" s="328">
        <v>407400</v>
      </c>
      <c r="CA20" s="330">
        <v>418344</v>
      </c>
      <c r="CB20" s="326">
        <v>0</v>
      </c>
      <c r="CC20" s="327">
        <v>0</v>
      </c>
      <c r="CD20" s="328">
        <v>0</v>
      </c>
      <c r="CE20" s="326">
        <v>0</v>
      </c>
      <c r="CF20" s="327">
        <v>199432</v>
      </c>
      <c r="CG20" s="327">
        <v>428960</v>
      </c>
      <c r="CH20" s="327">
        <v>778119</v>
      </c>
      <c r="CI20" s="327">
        <v>626420</v>
      </c>
      <c r="CJ20" s="327">
        <v>0</v>
      </c>
      <c r="CK20" s="328">
        <v>2032931</v>
      </c>
      <c r="CL20" s="330">
        <v>2032931</v>
      </c>
      <c r="CM20" s="326">
        <v>0</v>
      </c>
      <c r="CN20" s="327">
        <v>0</v>
      </c>
      <c r="CO20" s="328">
        <v>0</v>
      </c>
      <c r="CP20" s="332">
        <v>0</v>
      </c>
      <c r="CQ20" s="327">
        <v>142108</v>
      </c>
      <c r="CR20" s="327">
        <v>388888</v>
      </c>
      <c r="CS20" s="327">
        <v>88737</v>
      </c>
      <c r="CT20" s="327">
        <v>516120</v>
      </c>
      <c r="CU20" s="327">
        <v>0</v>
      </c>
      <c r="CV20" s="328">
        <v>1135853</v>
      </c>
      <c r="CW20" s="330">
        <v>1135853</v>
      </c>
      <c r="CX20" s="326">
        <v>0</v>
      </c>
      <c r="CY20" s="327">
        <v>0</v>
      </c>
      <c r="CZ20" s="328">
        <v>0</v>
      </c>
      <c r="DA20" s="326">
        <v>0</v>
      </c>
      <c r="DB20" s="327">
        <v>57324</v>
      </c>
      <c r="DC20" s="327">
        <v>40072</v>
      </c>
      <c r="DD20" s="327">
        <v>689382</v>
      </c>
      <c r="DE20" s="327">
        <v>110300</v>
      </c>
      <c r="DF20" s="327">
        <v>0</v>
      </c>
      <c r="DG20" s="328">
        <v>897078</v>
      </c>
      <c r="DH20" s="330">
        <v>897078</v>
      </c>
      <c r="DI20" s="326">
        <v>0</v>
      </c>
      <c r="DJ20" s="327">
        <v>0</v>
      </c>
      <c r="DK20" s="331">
        <v>0</v>
      </c>
      <c r="DL20" s="332">
        <v>0</v>
      </c>
      <c r="DM20" s="327">
        <v>85799</v>
      </c>
      <c r="DN20" s="327">
        <v>257358</v>
      </c>
      <c r="DO20" s="327">
        <v>21873</v>
      </c>
      <c r="DP20" s="327">
        <v>0</v>
      </c>
      <c r="DQ20" s="327">
        <v>269783</v>
      </c>
      <c r="DR20" s="328">
        <v>634813</v>
      </c>
      <c r="DS20" s="330">
        <v>634813</v>
      </c>
      <c r="DT20" s="326">
        <v>0</v>
      </c>
      <c r="DU20" s="327">
        <v>0</v>
      </c>
      <c r="DV20" s="328">
        <v>0</v>
      </c>
      <c r="DW20" s="326">
        <v>0</v>
      </c>
      <c r="DX20" s="327">
        <v>85799</v>
      </c>
      <c r="DY20" s="327">
        <v>229094</v>
      </c>
      <c r="DZ20" s="327">
        <v>21873</v>
      </c>
      <c r="EA20" s="327">
        <v>0</v>
      </c>
      <c r="EB20" s="327">
        <v>269783</v>
      </c>
      <c r="EC20" s="328">
        <v>606549</v>
      </c>
      <c r="ED20" s="330">
        <v>606549</v>
      </c>
      <c r="EE20" s="326">
        <v>0</v>
      </c>
      <c r="EF20" s="331">
        <v>0</v>
      </c>
      <c r="EG20" s="328">
        <v>0</v>
      </c>
      <c r="EH20" s="326">
        <v>0</v>
      </c>
      <c r="EI20" s="327">
        <v>0</v>
      </c>
      <c r="EJ20" s="327">
        <v>28264</v>
      </c>
      <c r="EK20" s="327">
        <v>0</v>
      </c>
      <c r="EL20" s="327">
        <v>0</v>
      </c>
      <c r="EM20" s="327">
        <v>0</v>
      </c>
      <c r="EN20" s="331">
        <v>28264</v>
      </c>
      <c r="EO20" s="330">
        <v>28264</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160000</v>
      </c>
      <c r="FM20" s="327">
        <v>40936</v>
      </c>
      <c r="FN20" s="328">
        <v>200936</v>
      </c>
      <c r="FO20" s="326">
        <v>0</v>
      </c>
      <c r="FP20" s="327">
        <v>54560</v>
      </c>
      <c r="FQ20" s="327">
        <v>152992</v>
      </c>
      <c r="FR20" s="327">
        <v>175968</v>
      </c>
      <c r="FS20" s="327">
        <v>113120</v>
      </c>
      <c r="FT20" s="327">
        <v>38920</v>
      </c>
      <c r="FU20" s="328">
        <v>535560</v>
      </c>
      <c r="FV20" s="330">
        <v>736496</v>
      </c>
      <c r="FW20" s="333">
        <v>0</v>
      </c>
      <c r="FX20" s="327">
        <v>40936</v>
      </c>
      <c r="FY20" s="331">
        <v>40936</v>
      </c>
      <c r="FZ20" s="332">
        <v>0</v>
      </c>
      <c r="GA20" s="327">
        <v>54560</v>
      </c>
      <c r="GB20" s="327">
        <v>152992</v>
      </c>
      <c r="GC20" s="327">
        <v>175968</v>
      </c>
      <c r="GD20" s="327">
        <v>113120</v>
      </c>
      <c r="GE20" s="327">
        <v>38920</v>
      </c>
      <c r="GF20" s="328">
        <v>535560</v>
      </c>
      <c r="GG20" s="334">
        <v>576496</v>
      </c>
      <c r="GH20" s="333">
        <v>0</v>
      </c>
      <c r="GI20" s="327">
        <v>0</v>
      </c>
      <c r="GJ20" s="331">
        <v>0</v>
      </c>
      <c r="GK20" s="332">
        <v>0</v>
      </c>
      <c r="GL20" s="327">
        <v>0</v>
      </c>
      <c r="GM20" s="327">
        <v>0</v>
      </c>
      <c r="GN20" s="327">
        <v>0</v>
      </c>
      <c r="GO20" s="327">
        <v>0</v>
      </c>
      <c r="GP20" s="327">
        <v>0</v>
      </c>
      <c r="GQ20" s="328">
        <v>0</v>
      </c>
      <c r="GR20" s="330">
        <v>0</v>
      </c>
      <c r="GS20" s="326">
        <v>160000</v>
      </c>
      <c r="GT20" s="327">
        <v>0</v>
      </c>
      <c r="GU20" s="328">
        <v>160000</v>
      </c>
      <c r="GV20" s="326">
        <v>0</v>
      </c>
      <c r="GW20" s="327">
        <v>0</v>
      </c>
      <c r="GX20" s="327">
        <v>0</v>
      </c>
      <c r="GY20" s="327">
        <v>0</v>
      </c>
      <c r="GZ20" s="327">
        <v>0</v>
      </c>
      <c r="HA20" s="327">
        <v>0</v>
      </c>
      <c r="HB20" s="331">
        <v>0</v>
      </c>
      <c r="HC20" s="330">
        <v>160000</v>
      </c>
      <c r="HD20" s="326">
        <v>0</v>
      </c>
      <c r="HE20" s="327">
        <v>401192</v>
      </c>
      <c r="HF20" s="331">
        <v>401192</v>
      </c>
      <c r="HG20" s="332">
        <v>0</v>
      </c>
      <c r="HH20" s="327">
        <v>1424141</v>
      </c>
      <c r="HI20" s="327">
        <v>0</v>
      </c>
      <c r="HJ20" s="327">
        <v>530758</v>
      </c>
      <c r="HK20" s="327">
        <v>229704</v>
      </c>
      <c r="HL20" s="327">
        <v>0</v>
      </c>
      <c r="HM20" s="328">
        <v>2184603</v>
      </c>
      <c r="HN20" s="329">
        <v>2585795</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965945</v>
      </c>
      <c r="IE20" s="357">
        <v>942852</v>
      </c>
      <c r="IF20" s="358">
        <v>830356</v>
      </c>
      <c r="IG20" s="356">
        <v>675769</v>
      </c>
      <c r="IH20" s="358">
        <v>1261597</v>
      </c>
      <c r="II20" s="359">
        <v>4676519</v>
      </c>
      <c r="IJ20" s="358">
        <v>4676519</v>
      </c>
      <c r="IK20" s="342">
        <v>0</v>
      </c>
      <c r="IL20" s="343">
        <v>0</v>
      </c>
      <c r="IM20" s="344">
        <v>0</v>
      </c>
      <c r="IN20" s="404">
        <v>0</v>
      </c>
      <c r="IO20" s="345">
        <v>0</v>
      </c>
      <c r="IP20" s="345">
        <v>0</v>
      </c>
      <c r="IQ20" s="345">
        <v>0</v>
      </c>
      <c r="IR20" s="345">
        <v>0</v>
      </c>
      <c r="IS20" s="345">
        <v>0</v>
      </c>
      <c r="IT20" s="346">
        <v>0</v>
      </c>
      <c r="IU20" s="347">
        <v>0</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474370</v>
      </c>
      <c r="JL20" s="345">
        <v>523208</v>
      </c>
      <c r="JM20" s="345">
        <v>54900</v>
      </c>
      <c r="JN20" s="345">
        <v>337875</v>
      </c>
      <c r="JO20" s="345">
        <v>0</v>
      </c>
      <c r="JP20" s="349">
        <v>1390353</v>
      </c>
      <c r="JQ20" s="347">
        <v>1390353</v>
      </c>
      <c r="JR20" s="348">
        <v>0</v>
      </c>
      <c r="JS20" s="345">
        <v>0</v>
      </c>
      <c r="JT20" s="346">
        <v>0</v>
      </c>
      <c r="JU20" s="351">
        <v>0</v>
      </c>
      <c r="JV20" s="345">
        <v>0</v>
      </c>
      <c r="JW20" s="345">
        <v>0</v>
      </c>
      <c r="JX20" s="345">
        <v>0</v>
      </c>
      <c r="JY20" s="345">
        <v>49896</v>
      </c>
      <c r="JZ20" s="345">
        <v>0</v>
      </c>
      <c r="KA20" s="349">
        <v>49896</v>
      </c>
      <c r="KB20" s="347">
        <v>49896</v>
      </c>
      <c r="KC20" s="352">
        <v>0</v>
      </c>
      <c r="KD20" s="353">
        <v>0</v>
      </c>
      <c r="KE20" s="349">
        <v>0</v>
      </c>
      <c r="KF20" s="351">
        <v>0</v>
      </c>
      <c r="KG20" s="345">
        <v>0</v>
      </c>
      <c r="KH20" s="345">
        <v>161937</v>
      </c>
      <c r="KI20" s="345">
        <v>0</v>
      </c>
      <c r="KJ20" s="345">
        <v>0</v>
      </c>
      <c r="KK20" s="345">
        <v>285073</v>
      </c>
      <c r="KL20" s="349">
        <v>447010</v>
      </c>
      <c r="KM20" s="354">
        <v>447010</v>
      </c>
      <c r="KN20" s="342">
        <v>0</v>
      </c>
      <c r="KO20" s="343">
        <v>0</v>
      </c>
      <c r="KP20" s="344">
        <v>0</v>
      </c>
      <c r="KQ20" s="404">
        <v>0</v>
      </c>
      <c r="KR20" s="345">
        <v>491575</v>
      </c>
      <c r="KS20" s="345">
        <v>257707</v>
      </c>
      <c r="KT20" s="345">
        <v>263010</v>
      </c>
      <c r="KU20" s="345">
        <v>0</v>
      </c>
      <c r="KV20" s="345">
        <v>0</v>
      </c>
      <c r="KW20" s="349">
        <v>1012292</v>
      </c>
      <c r="KX20" s="347">
        <v>1012292</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0</v>
      </c>
      <c r="LR20" s="345">
        <v>976524</v>
      </c>
      <c r="LS20" s="349">
        <v>976524</v>
      </c>
      <c r="LT20" s="347">
        <v>976524</v>
      </c>
      <c r="LU20" s="348">
        <v>0</v>
      </c>
      <c r="LV20" s="345">
        <v>0</v>
      </c>
      <c r="LW20" s="349">
        <v>0</v>
      </c>
      <c r="LX20" s="404">
        <v>0</v>
      </c>
      <c r="LY20" s="345">
        <v>0</v>
      </c>
      <c r="LZ20" s="345">
        <v>0</v>
      </c>
      <c r="MA20" s="345">
        <v>512446</v>
      </c>
      <c r="MB20" s="345">
        <v>287998</v>
      </c>
      <c r="MC20" s="345">
        <v>0</v>
      </c>
      <c r="MD20" s="349">
        <v>800444</v>
      </c>
      <c r="ME20" s="350">
        <v>800444</v>
      </c>
      <c r="MF20" s="348">
        <v>0</v>
      </c>
      <c r="MG20" s="345">
        <v>0</v>
      </c>
      <c r="MH20" s="349">
        <v>0</v>
      </c>
      <c r="MI20" s="404">
        <v>0</v>
      </c>
      <c r="MJ20" s="345">
        <v>0</v>
      </c>
      <c r="MK20" s="345">
        <v>595593</v>
      </c>
      <c r="ML20" s="345">
        <v>558349</v>
      </c>
      <c r="MM20" s="345">
        <v>3255235</v>
      </c>
      <c r="MN20" s="345">
        <v>1163393</v>
      </c>
      <c r="MO20" s="349">
        <v>5572570</v>
      </c>
      <c r="MP20" s="354">
        <v>5572570</v>
      </c>
      <c r="MQ20" s="348">
        <v>0</v>
      </c>
      <c r="MR20" s="345">
        <v>0</v>
      </c>
      <c r="MS20" s="349">
        <v>0</v>
      </c>
      <c r="MT20" s="404">
        <v>0</v>
      </c>
      <c r="MU20" s="345">
        <v>0</v>
      </c>
      <c r="MV20" s="345">
        <v>0</v>
      </c>
      <c r="MW20" s="345">
        <v>558349</v>
      </c>
      <c r="MX20" s="345">
        <v>2356091</v>
      </c>
      <c r="MY20" s="345">
        <v>597818</v>
      </c>
      <c r="MZ20" s="349">
        <v>3512258</v>
      </c>
      <c r="NA20" s="354">
        <v>3512258</v>
      </c>
      <c r="NB20" s="348">
        <v>0</v>
      </c>
      <c r="NC20" s="345">
        <v>0</v>
      </c>
      <c r="ND20" s="349">
        <v>0</v>
      </c>
      <c r="NE20" s="404">
        <v>0</v>
      </c>
      <c r="NF20" s="345">
        <v>0</v>
      </c>
      <c r="NG20" s="345">
        <v>595593</v>
      </c>
      <c r="NH20" s="345">
        <v>0</v>
      </c>
      <c r="NI20" s="345">
        <v>899144</v>
      </c>
      <c r="NJ20" s="345">
        <v>565575</v>
      </c>
      <c r="NK20" s="349">
        <v>2060312</v>
      </c>
      <c r="NL20" s="347">
        <v>2060312</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160000</v>
      </c>
      <c r="OJ20" s="345">
        <v>503481</v>
      </c>
      <c r="OK20" s="346">
        <v>663481</v>
      </c>
      <c r="OL20" s="351">
        <v>0</v>
      </c>
      <c r="OM20" s="345">
        <v>3364318</v>
      </c>
      <c r="ON20" s="345">
        <v>3024605</v>
      </c>
      <c r="OO20" s="345">
        <v>3053732</v>
      </c>
      <c r="OP20" s="345">
        <v>5948798</v>
      </c>
      <c r="OQ20" s="345">
        <v>2756020</v>
      </c>
      <c r="OR20" s="349">
        <v>18147473</v>
      </c>
      <c r="OS20" s="354">
        <v>18810954</v>
      </c>
    </row>
    <row r="21" spans="2:409" s="70" customFormat="1" ht="21" customHeight="1" x14ac:dyDescent="0.2">
      <c r="B21" s="410" t="s">
        <v>16</v>
      </c>
      <c r="C21" s="326">
        <v>330199</v>
      </c>
      <c r="D21" s="327">
        <v>826415</v>
      </c>
      <c r="E21" s="328">
        <v>1156614</v>
      </c>
      <c r="F21" s="329">
        <v>0</v>
      </c>
      <c r="G21" s="327">
        <v>4306917</v>
      </c>
      <c r="H21" s="327">
        <v>7761130</v>
      </c>
      <c r="I21" s="327">
        <v>4611909</v>
      </c>
      <c r="J21" s="327">
        <v>4750495</v>
      </c>
      <c r="K21" s="327">
        <v>2093563</v>
      </c>
      <c r="L21" s="329">
        <v>23524014</v>
      </c>
      <c r="M21" s="330">
        <v>24680628</v>
      </c>
      <c r="N21" s="326">
        <v>150184</v>
      </c>
      <c r="O21" s="327">
        <v>179974</v>
      </c>
      <c r="P21" s="328">
        <v>330158</v>
      </c>
      <c r="Q21" s="326">
        <v>0</v>
      </c>
      <c r="R21" s="327">
        <v>1199371</v>
      </c>
      <c r="S21" s="327">
        <v>1837559</v>
      </c>
      <c r="T21" s="327">
        <v>1665892</v>
      </c>
      <c r="U21" s="327">
        <v>1303690</v>
      </c>
      <c r="V21" s="327">
        <v>923715</v>
      </c>
      <c r="W21" s="328">
        <v>6930227</v>
      </c>
      <c r="X21" s="330">
        <v>7260385</v>
      </c>
      <c r="Y21" s="326">
        <v>0</v>
      </c>
      <c r="Z21" s="327">
        <v>0</v>
      </c>
      <c r="AA21" s="328">
        <v>0</v>
      </c>
      <c r="AB21" s="326">
        <v>0</v>
      </c>
      <c r="AC21" s="327">
        <v>381580</v>
      </c>
      <c r="AD21" s="327">
        <v>509534</v>
      </c>
      <c r="AE21" s="327">
        <v>949692</v>
      </c>
      <c r="AF21" s="327">
        <v>412170</v>
      </c>
      <c r="AG21" s="327">
        <v>202188</v>
      </c>
      <c r="AH21" s="328">
        <v>2455164</v>
      </c>
      <c r="AI21" s="330">
        <v>2455164</v>
      </c>
      <c r="AJ21" s="326">
        <v>0</v>
      </c>
      <c r="AK21" s="327">
        <v>0</v>
      </c>
      <c r="AL21" s="328">
        <v>0</v>
      </c>
      <c r="AM21" s="326">
        <v>0</v>
      </c>
      <c r="AN21" s="327">
        <v>0</v>
      </c>
      <c r="AO21" s="327">
        <v>0</v>
      </c>
      <c r="AP21" s="327">
        <v>57726</v>
      </c>
      <c r="AQ21" s="327">
        <v>0</v>
      </c>
      <c r="AR21" s="327">
        <v>46180</v>
      </c>
      <c r="AS21" s="328">
        <v>103906</v>
      </c>
      <c r="AT21" s="330">
        <v>103906</v>
      </c>
      <c r="AU21" s="326">
        <v>111110</v>
      </c>
      <c r="AV21" s="327">
        <v>154238</v>
      </c>
      <c r="AW21" s="328">
        <v>265348</v>
      </c>
      <c r="AX21" s="326">
        <v>0</v>
      </c>
      <c r="AY21" s="327">
        <v>566899</v>
      </c>
      <c r="AZ21" s="327">
        <v>910478</v>
      </c>
      <c r="BA21" s="327">
        <v>283771</v>
      </c>
      <c r="BB21" s="327">
        <v>530999</v>
      </c>
      <c r="BC21" s="327">
        <v>501218</v>
      </c>
      <c r="BD21" s="328">
        <v>2793365</v>
      </c>
      <c r="BE21" s="330">
        <v>3058713</v>
      </c>
      <c r="BF21" s="326">
        <v>30146</v>
      </c>
      <c r="BG21" s="327">
        <v>0</v>
      </c>
      <c r="BH21" s="331">
        <v>30146</v>
      </c>
      <c r="BI21" s="332">
        <v>0</v>
      </c>
      <c r="BJ21" s="327">
        <v>31700</v>
      </c>
      <c r="BK21" s="327">
        <v>64003</v>
      </c>
      <c r="BL21" s="327">
        <v>159231</v>
      </c>
      <c r="BM21" s="327">
        <v>58905</v>
      </c>
      <c r="BN21" s="327">
        <v>39625</v>
      </c>
      <c r="BO21" s="328">
        <v>353464</v>
      </c>
      <c r="BP21" s="330">
        <v>383610</v>
      </c>
      <c r="BQ21" s="326">
        <v>8928</v>
      </c>
      <c r="BR21" s="327">
        <v>25736</v>
      </c>
      <c r="BS21" s="328">
        <v>34664</v>
      </c>
      <c r="BT21" s="326">
        <v>0</v>
      </c>
      <c r="BU21" s="327">
        <v>219192</v>
      </c>
      <c r="BV21" s="327">
        <v>353544</v>
      </c>
      <c r="BW21" s="327">
        <v>215472</v>
      </c>
      <c r="BX21" s="327">
        <v>301616</v>
      </c>
      <c r="BY21" s="327">
        <v>134504</v>
      </c>
      <c r="BZ21" s="328">
        <v>1224328</v>
      </c>
      <c r="CA21" s="330">
        <v>1258992</v>
      </c>
      <c r="CB21" s="326">
        <v>41426</v>
      </c>
      <c r="CC21" s="327">
        <v>423347</v>
      </c>
      <c r="CD21" s="328">
        <v>464773</v>
      </c>
      <c r="CE21" s="326">
        <v>0</v>
      </c>
      <c r="CF21" s="327">
        <v>1171255</v>
      </c>
      <c r="CG21" s="327">
        <v>2697227</v>
      </c>
      <c r="CH21" s="327">
        <v>1409993</v>
      </c>
      <c r="CI21" s="327">
        <v>817116</v>
      </c>
      <c r="CJ21" s="327">
        <v>247480</v>
      </c>
      <c r="CK21" s="328">
        <v>6343071</v>
      </c>
      <c r="CL21" s="330">
        <v>6807844</v>
      </c>
      <c r="CM21" s="326">
        <v>0</v>
      </c>
      <c r="CN21" s="327">
        <v>0</v>
      </c>
      <c r="CO21" s="328">
        <v>0</v>
      </c>
      <c r="CP21" s="332">
        <v>0</v>
      </c>
      <c r="CQ21" s="327">
        <v>744211</v>
      </c>
      <c r="CR21" s="327">
        <v>1321638</v>
      </c>
      <c r="CS21" s="327">
        <v>1001598</v>
      </c>
      <c r="CT21" s="327">
        <v>729132</v>
      </c>
      <c r="CU21" s="327">
        <v>0</v>
      </c>
      <c r="CV21" s="328">
        <v>3796579</v>
      </c>
      <c r="CW21" s="330">
        <v>3796579</v>
      </c>
      <c r="CX21" s="326">
        <v>41426</v>
      </c>
      <c r="CY21" s="327">
        <v>423347</v>
      </c>
      <c r="CZ21" s="328">
        <v>464773</v>
      </c>
      <c r="DA21" s="326">
        <v>0</v>
      </c>
      <c r="DB21" s="327">
        <v>427044</v>
      </c>
      <c r="DC21" s="327">
        <v>1375589</v>
      </c>
      <c r="DD21" s="327">
        <v>408395</v>
      </c>
      <c r="DE21" s="327">
        <v>87984</v>
      </c>
      <c r="DF21" s="327">
        <v>247480</v>
      </c>
      <c r="DG21" s="328">
        <v>2546492</v>
      </c>
      <c r="DH21" s="330">
        <v>3011265</v>
      </c>
      <c r="DI21" s="326">
        <v>0</v>
      </c>
      <c r="DJ21" s="327">
        <v>0</v>
      </c>
      <c r="DK21" s="331">
        <v>0</v>
      </c>
      <c r="DL21" s="332">
        <v>0</v>
      </c>
      <c r="DM21" s="327">
        <v>128720</v>
      </c>
      <c r="DN21" s="327">
        <v>201010</v>
      </c>
      <c r="DO21" s="327">
        <v>50914</v>
      </c>
      <c r="DP21" s="327">
        <v>81565</v>
      </c>
      <c r="DQ21" s="327">
        <v>38023</v>
      </c>
      <c r="DR21" s="328">
        <v>500232</v>
      </c>
      <c r="DS21" s="330">
        <v>500232</v>
      </c>
      <c r="DT21" s="326">
        <v>0</v>
      </c>
      <c r="DU21" s="327">
        <v>0</v>
      </c>
      <c r="DV21" s="328">
        <v>0</v>
      </c>
      <c r="DW21" s="326">
        <v>0</v>
      </c>
      <c r="DX21" s="327">
        <v>96506</v>
      </c>
      <c r="DY21" s="327">
        <v>33046</v>
      </c>
      <c r="DZ21" s="327">
        <v>50914</v>
      </c>
      <c r="EA21" s="327">
        <v>81565</v>
      </c>
      <c r="EB21" s="327">
        <v>0</v>
      </c>
      <c r="EC21" s="328">
        <v>262031</v>
      </c>
      <c r="ED21" s="330">
        <v>262031</v>
      </c>
      <c r="EE21" s="326">
        <v>0</v>
      </c>
      <c r="EF21" s="331">
        <v>0</v>
      </c>
      <c r="EG21" s="328">
        <v>0</v>
      </c>
      <c r="EH21" s="326">
        <v>0</v>
      </c>
      <c r="EI21" s="327">
        <v>32214</v>
      </c>
      <c r="EJ21" s="327">
        <v>167964</v>
      </c>
      <c r="EK21" s="327">
        <v>0</v>
      </c>
      <c r="EL21" s="327">
        <v>0</v>
      </c>
      <c r="EM21" s="327">
        <v>38023</v>
      </c>
      <c r="EN21" s="331">
        <v>238201</v>
      </c>
      <c r="EO21" s="330">
        <v>238201</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84208</v>
      </c>
      <c r="FM21" s="327">
        <v>121824</v>
      </c>
      <c r="FN21" s="328">
        <v>206032</v>
      </c>
      <c r="FO21" s="326">
        <v>0</v>
      </c>
      <c r="FP21" s="327">
        <v>298144</v>
      </c>
      <c r="FQ21" s="327">
        <v>757468</v>
      </c>
      <c r="FR21" s="327">
        <v>454912</v>
      </c>
      <c r="FS21" s="327">
        <v>220616</v>
      </c>
      <c r="FT21" s="327">
        <v>130152</v>
      </c>
      <c r="FU21" s="328">
        <v>1861292</v>
      </c>
      <c r="FV21" s="330">
        <v>2067324</v>
      </c>
      <c r="FW21" s="333">
        <v>63216</v>
      </c>
      <c r="FX21" s="327">
        <v>97680</v>
      </c>
      <c r="FY21" s="331">
        <v>160896</v>
      </c>
      <c r="FZ21" s="332">
        <v>0</v>
      </c>
      <c r="GA21" s="327">
        <v>114544</v>
      </c>
      <c r="GB21" s="327">
        <v>643864</v>
      </c>
      <c r="GC21" s="327">
        <v>454912</v>
      </c>
      <c r="GD21" s="327">
        <v>220616</v>
      </c>
      <c r="GE21" s="327">
        <v>106152</v>
      </c>
      <c r="GF21" s="328">
        <v>1540088</v>
      </c>
      <c r="GG21" s="334">
        <v>1700984</v>
      </c>
      <c r="GH21" s="333">
        <v>20992</v>
      </c>
      <c r="GI21" s="327">
        <v>24144</v>
      </c>
      <c r="GJ21" s="331">
        <v>45136</v>
      </c>
      <c r="GK21" s="332">
        <v>0</v>
      </c>
      <c r="GL21" s="327">
        <v>0</v>
      </c>
      <c r="GM21" s="327">
        <v>0</v>
      </c>
      <c r="GN21" s="327">
        <v>0</v>
      </c>
      <c r="GO21" s="327">
        <v>0</v>
      </c>
      <c r="GP21" s="327">
        <v>0</v>
      </c>
      <c r="GQ21" s="328">
        <v>0</v>
      </c>
      <c r="GR21" s="330">
        <v>45136</v>
      </c>
      <c r="GS21" s="326">
        <v>0</v>
      </c>
      <c r="GT21" s="327">
        <v>0</v>
      </c>
      <c r="GU21" s="328">
        <v>0</v>
      </c>
      <c r="GV21" s="326">
        <v>0</v>
      </c>
      <c r="GW21" s="327">
        <v>183600</v>
      </c>
      <c r="GX21" s="327">
        <v>113604</v>
      </c>
      <c r="GY21" s="327">
        <v>0</v>
      </c>
      <c r="GZ21" s="327">
        <v>0</v>
      </c>
      <c r="HA21" s="327">
        <v>24000</v>
      </c>
      <c r="HB21" s="331">
        <v>321204</v>
      </c>
      <c r="HC21" s="330">
        <v>321204</v>
      </c>
      <c r="HD21" s="326">
        <v>54381</v>
      </c>
      <c r="HE21" s="327">
        <v>101270</v>
      </c>
      <c r="HF21" s="331">
        <v>155651</v>
      </c>
      <c r="HG21" s="332">
        <v>0</v>
      </c>
      <c r="HH21" s="327">
        <v>1509427</v>
      </c>
      <c r="HI21" s="327">
        <v>2267866</v>
      </c>
      <c r="HJ21" s="327">
        <v>1030198</v>
      </c>
      <c r="HK21" s="327">
        <v>2327508</v>
      </c>
      <c r="HL21" s="327">
        <v>754193</v>
      </c>
      <c r="HM21" s="328">
        <v>7889192</v>
      </c>
      <c r="HN21" s="329">
        <v>8044843</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818931</v>
      </c>
      <c r="IE21" s="339">
        <v>969186</v>
      </c>
      <c r="IF21" s="337">
        <v>615028</v>
      </c>
      <c r="IG21" s="336">
        <v>1387363</v>
      </c>
      <c r="IH21" s="337">
        <v>281011</v>
      </c>
      <c r="II21" s="340">
        <v>4071519</v>
      </c>
      <c r="IJ21" s="341">
        <v>4071519</v>
      </c>
      <c r="IK21" s="342">
        <v>0</v>
      </c>
      <c r="IL21" s="343">
        <v>0</v>
      </c>
      <c r="IM21" s="344">
        <v>0</v>
      </c>
      <c r="IN21" s="404">
        <v>0</v>
      </c>
      <c r="IO21" s="345">
        <v>0</v>
      </c>
      <c r="IP21" s="345">
        <v>0</v>
      </c>
      <c r="IQ21" s="345">
        <v>0</v>
      </c>
      <c r="IR21" s="345">
        <v>206215</v>
      </c>
      <c r="IS21" s="345">
        <v>0</v>
      </c>
      <c r="IT21" s="346">
        <v>206215</v>
      </c>
      <c r="IU21" s="347">
        <v>206215</v>
      </c>
      <c r="IV21" s="348">
        <v>0</v>
      </c>
      <c r="IW21" s="345">
        <v>0</v>
      </c>
      <c r="IX21" s="349">
        <v>0</v>
      </c>
      <c r="IY21" s="404">
        <v>0</v>
      </c>
      <c r="IZ21" s="345">
        <v>0</v>
      </c>
      <c r="JA21" s="345">
        <v>0</v>
      </c>
      <c r="JB21" s="345">
        <v>0</v>
      </c>
      <c r="JC21" s="345">
        <v>16312</v>
      </c>
      <c r="JD21" s="345">
        <v>0</v>
      </c>
      <c r="JE21" s="349">
        <v>16312</v>
      </c>
      <c r="JF21" s="350">
        <v>16312</v>
      </c>
      <c r="JG21" s="348">
        <v>0</v>
      </c>
      <c r="JH21" s="345">
        <v>0</v>
      </c>
      <c r="JI21" s="346">
        <v>0</v>
      </c>
      <c r="JJ21" s="351">
        <v>0</v>
      </c>
      <c r="JK21" s="345">
        <v>452542</v>
      </c>
      <c r="JL21" s="345">
        <v>288185</v>
      </c>
      <c r="JM21" s="345">
        <v>368663</v>
      </c>
      <c r="JN21" s="345">
        <v>112656</v>
      </c>
      <c r="JO21" s="345">
        <v>0</v>
      </c>
      <c r="JP21" s="349">
        <v>1222046</v>
      </c>
      <c r="JQ21" s="347">
        <v>1222046</v>
      </c>
      <c r="JR21" s="348">
        <v>0</v>
      </c>
      <c r="JS21" s="345">
        <v>0</v>
      </c>
      <c r="JT21" s="346">
        <v>0</v>
      </c>
      <c r="JU21" s="351">
        <v>0</v>
      </c>
      <c r="JV21" s="345">
        <v>0</v>
      </c>
      <c r="JW21" s="345">
        <v>0</v>
      </c>
      <c r="JX21" s="345">
        <v>0</v>
      </c>
      <c r="JY21" s="345">
        <v>0</v>
      </c>
      <c r="JZ21" s="345">
        <v>0</v>
      </c>
      <c r="KA21" s="349">
        <v>0</v>
      </c>
      <c r="KB21" s="347">
        <v>0</v>
      </c>
      <c r="KC21" s="352">
        <v>0</v>
      </c>
      <c r="KD21" s="353">
        <v>0</v>
      </c>
      <c r="KE21" s="349">
        <v>0</v>
      </c>
      <c r="KF21" s="351">
        <v>0</v>
      </c>
      <c r="KG21" s="345">
        <v>128397</v>
      </c>
      <c r="KH21" s="345">
        <v>0</v>
      </c>
      <c r="KI21" s="345">
        <v>0</v>
      </c>
      <c r="KJ21" s="345">
        <v>249142</v>
      </c>
      <c r="KK21" s="345">
        <v>0</v>
      </c>
      <c r="KL21" s="349">
        <v>377539</v>
      </c>
      <c r="KM21" s="354">
        <v>377539</v>
      </c>
      <c r="KN21" s="342">
        <v>0</v>
      </c>
      <c r="KO21" s="343">
        <v>0</v>
      </c>
      <c r="KP21" s="344">
        <v>0</v>
      </c>
      <c r="KQ21" s="404">
        <v>0</v>
      </c>
      <c r="KR21" s="345">
        <v>237992</v>
      </c>
      <c r="KS21" s="345">
        <v>499169</v>
      </c>
      <c r="KT21" s="345">
        <v>0</v>
      </c>
      <c r="KU21" s="345">
        <v>237680</v>
      </c>
      <c r="KV21" s="345">
        <v>281011</v>
      </c>
      <c r="KW21" s="349">
        <v>1255852</v>
      </c>
      <c r="KX21" s="347">
        <v>1255852</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565358</v>
      </c>
      <c r="LR21" s="345">
        <v>0</v>
      </c>
      <c r="LS21" s="349">
        <v>565358</v>
      </c>
      <c r="LT21" s="347">
        <v>565358</v>
      </c>
      <c r="LU21" s="348">
        <v>0</v>
      </c>
      <c r="LV21" s="345">
        <v>0</v>
      </c>
      <c r="LW21" s="349">
        <v>0</v>
      </c>
      <c r="LX21" s="404">
        <v>0</v>
      </c>
      <c r="LY21" s="345">
        <v>0</v>
      </c>
      <c r="LZ21" s="345">
        <v>181832</v>
      </c>
      <c r="MA21" s="345">
        <v>246365</v>
      </c>
      <c r="MB21" s="345">
        <v>0</v>
      </c>
      <c r="MC21" s="345">
        <v>0</v>
      </c>
      <c r="MD21" s="349">
        <v>428197</v>
      </c>
      <c r="ME21" s="350">
        <v>428197</v>
      </c>
      <c r="MF21" s="348">
        <v>0</v>
      </c>
      <c r="MG21" s="345">
        <v>0</v>
      </c>
      <c r="MH21" s="349">
        <v>0</v>
      </c>
      <c r="MI21" s="404">
        <v>0</v>
      </c>
      <c r="MJ21" s="345">
        <v>857569</v>
      </c>
      <c r="MK21" s="345">
        <v>4289504</v>
      </c>
      <c r="ML21" s="345">
        <v>3342835</v>
      </c>
      <c r="MM21" s="345">
        <v>4626771</v>
      </c>
      <c r="MN21" s="345">
        <v>2268837</v>
      </c>
      <c r="MO21" s="349">
        <v>15385516</v>
      </c>
      <c r="MP21" s="354">
        <v>15385516</v>
      </c>
      <c r="MQ21" s="348">
        <v>0</v>
      </c>
      <c r="MR21" s="345">
        <v>0</v>
      </c>
      <c r="MS21" s="349">
        <v>0</v>
      </c>
      <c r="MT21" s="404">
        <v>0</v>
      </c>
      <c r="MU21" s="345">
        <v>0</v>
      </c>
      <c r="MV21" s="345">
        <v>0</v>
      </c>
      <c r="MW21" s="345">
        <v>1800379</v>
      </c>
      <c r="MX21" s="345">
        <v>2994406</v>
      </c>
      <c r="MY21" s="345">
        <v>1143986</v>
      </c>
      <c r="MZ21" s="349">
        <v>5938771</v>
      </c>
      <c r="NA21" s="354">
        <v>5938771</v>
      </c>
      <c r="NB21" s="348">
        <v>0</v>
      </c>
      <c r="NC21" s="345">
        <v>0</v>
      </c>
      <c r="ND21" s="349">
        <v>0</v>
      </c>
      <c r="NE21" s="404">
        <v>0</v>
      </c>
      <c r="NF21" s="345">
        <v>857569</v>
      </c>
      <c r="NG21" s="345">
        <v>4289504</v>
      </c>
      <c r="NH21" s="345">
        <v>1542456</v>
      </c>
      <c r="NI21" s="345">
        <v>1632365</v>
      </c>
      <c r="NJ21" s="345">
        <v>715004</v>
      </c>
      <c r="NK21" s="349">
        <v>9036898</v>
      </c>
      <c r="NL21" s="347">
        <v>9036898</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409847</v>
      </c>
      <c r="OG21" s="349">
        <v>409847</v>
      </c>
      <c r="OH21" s="350">
        <v>409847</v>
      </c>
      <c r="OI21" s="348">
        <v>330199</v>
      </c>
      <c r="OJ21" s="345">
        <v>826415</v>
      </c>
      <c r="OK21" s="346">
        <v>1156614</v>
      </c>
      <c r="OL21" s="351">
        <v>0</v>
      </c>
      <c r="OM21" s="345">
        <v>5983417</v>
      </c>
      <c r="ON21" s="345">
        <v>13019820</v>
      </c>
      <c r="OO21" s="345">
        <v>8569772</v>
      </c>
      <c r="OP21" s="345">
        <v>10764629</v>
      </c>
      <c r="OQ21" s="345">
        <v>4643411</v>
      </c>
      <c r="OR21" s="349">
        <v>42981049</v>
      </c>
      <c r="OS21" s="354">
        <v>44137663</v>
      </c>
    </row>
    <row r="22" spans="2:409" s="70" customFormat="1" ht="21" customHeight="1" x14ac:dyDescent="0.2">
      <c r="B22" s="410" t="s">
        <v>17</v>
      </c>
      <c r="C22" s="326">
        <v>571827</v>
      </c>
      <c r="D22" s="327">
        <v>568503</v>
      </c>
      <c r="E22" s="328">
        <v>1140330</v>
      </c>
      <c r="F22" s="329">
        <v>0</v>
      </c>
      <c r="G22" s="327">
        <v>4582679</v>
      </c>
      <c r="H22" s="327">
        <v>10398773</v>
      </c>
      <c r="I22" s="327">
        <v>7759385</v>
      </c>
      <c r="J22" s="327">
        <v>2518820</v>
      </c>
      <c r="K22" s="327">
        <v>2805720</v>
      </c>
      <c r="L22" s="329">
        <v>28065377</v>
      </c>
      <c r="M22" s="330">
        <v>29205707</v>
      </c>
      <c r="N22" s="326">
        <v>129469</v>
      </c>
      <c r="O22" s="327">
        <v>135267</v>
      </c>
      <c r="P22" s="328">
        <v>264736</v>
      </c>
      <c r="Q22" s="326">
        <v>0</v>
      </c>
      <c r="R22" s="327">
        <v>1526843</v>
      </c>
      <c r="S22" s="327">
        <v>2714760</v>
      </c>
      <c r="T22" s="327">
        <v>3356395</v>
      </c>
      <c r="U22" s="327">
        <v>1411836</v>
      </c>
      <c r="V22" s="327">
        <v>1883439</v>
      </c>
      <c r="W22" s="328">
        <v>10893273</v>
      </c>
      <c r="X22" s="330">
        <v>11158009</v>
      </c>
      <c r="Y22" s="326">
        <v>0</v>
      </c>
      <c r="Z22" s="327">
        <v>0</v>
      </c>
      <c r="AA22" s="328">
        <v>0</v>
      </c>
      <c r="AB22" s="326">
        <v>0</v>
      </c>
      <c r="AC22" s="327">
        <v>646968</v>
      </c>
      <c r="AD22" s="327">
        <v>1096203</v>
      </c>
      <c r="AE22" s="327">
        <v>1896617</v>
      </c>
      <c r="AF22" s="327">
        <v>807610</v>
      </c>
      <c r="AG22" s="327">
        <v>1660800</v>
      </c>
      <c r="AH22" s="328">
        <v>6108198</v>
      </c>
      <c r="AI22" s="330">
        <v>6108198</v>
      </c>
      <c r="AJ22" s="326">
        <v>0</v>
      </c>
      <c r="AK22" s="327">
        <v>0</v>
      </c>
      <c r="AL22" s="328">
        <v>0</v>
      </c>
      <c r="AM22" s="326">
        <v>0</v>
      </c>
      <c r="AN22" s="327">
        <v>0</v>
      </c>
      <c r="AO22" s="327">
        <v>110189</v>
      </c>
      <c r="AP22" s="327">
        <v>61216</v>
      </c>
      <c r="AQ22" s="327">
        <v>0</v>
      </c>
      <c r="AR22" s="327">
        <v>0</v>
      </c>
      <c r="AS22" s="328">
        <v>171405</v>
      </c>
      <c r="AT22" s="330">
        <v>171405</v>
      </c>
      <c r="AU22" s="326">
        <v>13277</v>
      </c>
      <c r="AV22" s="327">
        <v>48639</v>
      </c>
      <c r="AW22" s="328">
        <v>61916</v>
      </c>
      <c r="AX22" s="326">
        <v>0</v>
      </c>
      <c r="AY22" s="327">
        <v>677501</v>
      </c>
      <c r="AZ22" s="327">
        <v>870753</v>
      </c>
      <c r="BA22" s="327">
        <v>973156</v>
      </c>
      <c r="BB22" s="327">
        <v>392138</v>
      </c>
      <c r="BC22" s="327">
        <v>31443</v>
      </c>
      <c r="BD22" s="328">
        <v>2944991</v>
      </c>
      <c r="BE22" s="330">
        <v>3006907</v>
      </c>
      <c r="BF22" s="326">
        <v>0</v>
      </c>
      <c r="BG22" s="327">
        <v>62596</v>
      </c>
      <c r="BH22" s="331">
        <v>62596</v>
      </c>
      <c r="BI22" s="332">
        <v>0</v>
      </c>
      <c r="BJ22" s="327">
        <v>25454</v>
      </c>
      <c r="BK22" s="327">
        <v>96455</v>
      </c>
      <c r="BL22" s="327">
        <v>60006</v>
      </c>
      <c r="BM22" s="327">
        <v>0</v>
      </c>
      <c r="BN22" s="327">
        <v>44316</v>
      </c>
      <c r="BO22" s="328">
        <v>226231</v>
      </c>
      <c r="BP22" s="330">
        <v>288827</v>
      </c>
      <c r="BQ22" s="326">
        <v>116192</v>
      </c>
      <c r="BR22" s="327">
        <v>24032</v>
      </c>
      <c r="BS22" s="328">
        <v>140224</v>
      </c>
      <c r="BT22" s="326">
        <v>0</v>
      </c>
      <c r="BU22" s="327">
        <v>176920</v>
      </c>
      <c r="BV22" s="327">
        <v>541160</v>
      </c>
      <c r="BW22" s="327">
        <v>365400</v>
      </c>
      <c r="BX22" s="327">
        <v>212088</v>
      </c>
      <c r="BY22" s="327">
        <v>146880</v>
      </c>
      <c r="BZ22" s="328">
        <v>1442448</v>
      </c>
      <c r="CA22" s="330">
        <v>1582672</v>
      </c>
      <c r="CB22" s="326">
        <v>111674</v>
      </c>
      <c r="CC22" s="327">
        <v>121866</v>
      </c>
      <c r="CD22" s="328">
        <v>233540</v>
      </c>
      <c r="CE22" s="326">
        <v>0</v>
      </c>
      <c r="CF22" s="327">
        <v>1478547</v>
      </c>
      <c r="CG22" s="327">
        <v>2848721</v>
      </c>
      <c r="CH22" s="327">
        <v>2230728</v>
      </c>
      <c r="CI22" s="327">
        <v>537362</v>
      </c>
      <c r="CJ22" s="327">
        <v>155605</v>
      </c>
      <c r="CK22" s="328">
        <v>7250963</v>
      </c>
      <c r="CL22" s="330">
        <v>7484503</v>
      </c>
      <c r="CM22" s="326">
        <v>0</v>
      </c>
      <c r="CN22" s="327">
        <v>0</v>
      </c>
      <c r="CO22" s="328">
        <v>0</v>
      </c>
      <c r="CP22" s="332">
        <v>0</v>
      </c>
      <c r="CQ22" s="327">
        <v>1286979</v>
      </c>
      <c r="CR22" s="327">
        <v>1904117</v>
      </c>
      <c r="CS22" s="327">
        <v>1735569</v>
      </c>
      <c r="CT22" s="327">
        <v>264109</v>
      </c>
      <c r="CU22" s="327">
        <v>44257</v>
      </c>
      <c r="CV22" s="328">
        <v>5235031</v>
      </c>
      <c r="CW22" s="330">
        <v>5235031</v>
      </c>
      <c r="CX22" s="326">
        <v>111674</v>
      </c>
      <c r="CY22" s="327">
        <v>121866</v>
      </c>
      <c r="CZ22" s="328">
        <v>233540</v>
      </c>
      <c r="DA22" s="326">
        <v>0</v>
      </c>
      <c r="DB22" s="327">
        <v>191568</v>
      </c>
      <c r="DC22" s="327">
        <v>944604</v>
      </c>
      <c r="DD22" s="327">
        <v>495159</v>
      </c>
      <c r="DE22" s="327">
        <v>273253</v>
      </c>
      <c r="DF22" s="327">
        <v>111348</v>
      </c>
      <c r="DG22" s="328">
        <v>2015932</v>
      </c>
      <c r="DH22" s="330">
        <v>2249472</v>
      </c>
      <c r="DI22" s="326">
        <v>0</v>
      </c>
      <c r="DJ22" s="327">
        <v>11730</v>
      </c>
      <c r="DK22" s="331">
        <v>11730</v>
      </c>
      <c r="DL22" s="332">
        <v>0</v>
      </c>
      <c r="DM22" s="327">
        <v>94540</v>
      </c>
      <c r="DN22" s="327">
        <v>930189</v>
      </c>
      <c r="DO22" s="327">
        <v>433175</v>
      </c>
      <c r="DP22" s="327">
        <v>377779</v>
      </c>
      <c r="DQ22" s="327">
        <v>316771</v>
      </c>
      <c r="DR22" s="328">
        <v>2152454</v>
      </c>
      <c r="DS22" s="330">
        <v>2164184</v>
      </c>
      <c r="DT22" s="326">
        <v>0</v>
      </c>
      <c r="DU22" s="327">
        <v>11730</v>
      </c>
      <c r="DV22" s="328">
        <v>11730</v>
      </c>
      <c r="DW22" s="326">
        <v>0</v>
      </c>
      <c r="DX22" s="327">
        <v>94540</v>
      </c>
      <c r="DY22" s="327">
        <v>795297</v>
      </c>
      <c r="DZ22" s="327">
        <v>379546</v>
      </c>
      <c r="EA22" s="327">
        <v>307172</v>
      </c>
      <c r="EB22" s="327">
        <v>316771</v>
      </c>
      <c r="EC22" s="328">
        <v>1893326</v>
      </c>
      <c r="ED22" s="330">
        <v>1905056</v>
      </c>
      <c r="EE22" s="326">
        <v>0</v>
      </c>
      <c r="EF22" s="331">
        <v>0</v>
      </c>
      <c r="EG22" s="328">
        <v>0</v>
      </c>
      <c r="EH22" s="326">
        <v>0</v>
      </c>
      <c r="EI22" s="327">
        <v>0</v>
      </c>
      <c r="EJ22" s="327">
        <v>134892</v>
      </c>
      <c r="EK22" s="327">
        <v>53629</v>
      </c>
      <c r="EL22" s="327">
        <v>70607</v>
      </c>
      <c r="EM22" s="327">
        <v>0</v>
      </c>
      <c r="EN22" s="331">
        <v>259128</v>
      </c>
      <c r="EO22" s="330">
        <v>259128</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103785</v>
      </c>
      <c r="FM22" s="327">
        <v>158344</v>
      </c>
      <c r="FN22" s="328">
        <v>262129</v>
      </c>
      <c r="FO22" s="326">
        <v>0</v>
      </c>
      <c r="FP22" s="327">
        <v>307909</v>
      </c>
      <c r="FQ22" s="327">
        <v>1029464</v>
      </c>
      <c r="FR22" s="327">
        <v>576920</v>
      </c>
      <c r="FS22" s="327">
        <v>158880</v>
      </c>
      <c r="FT22" s="327">
        <v>205240</v>
      </c>
      <c r="FU22" s="328">
        <v>2278413</v>
      </c>
      <c r="FV22" s="330">
        <v>2540542</v>
      </c>
      <c r="FW22" s="333">
        <v>62912</v>
      </c>
      <c r="FX22" s="327">
        <v>158344</v>
      </c>
      <c r="FY22" s="331">
        <v>221256</v>
      </c>
      <c r="FZ22" s="332">
        <v>0</v>
      </c>
      <c r="GA22" s="327">
        <v>120688</v>
      </c>
      <c r="GB22" s="327">
        <v>883064</v>
      </c>
      <c r="GC22" s="327">
        <v>576920</v>
      </c>
      <c r="GD22" s="327">
        <v>158880</v>
      </c>
      <c r="GE22" s="327">
        <v>205240</v>
      </c>
      <c r="GF22" s="328">
        <v>1944792</v>
      </c>
      <c r="GG22" s="334">
        <v>2166048</v>
      </c>
      <c r="GH22" s="333">
        <v>0</v>
      </c>
      <c r="GI22" s="327">
        <v>0</v>
      </c>
      <c r="GJ22" s="331">
        <v>0</v>
      </c>
      <c r="GK22" s="332">
        <v>0</v>
      </c>
      <c r="GL22" s="327">
        <v>25200</v>
      </c>
      <c r="GM22" s="327">
        <v>0</v>
      </c>
      <c r="GN22" s="327">
        <v>0</v>
      </c>
      <c r="GO22" s="327">
        <v>0</v>
      </c>
      <c r="GP22" s="327">
        <v>0</v>
      </c>
      <c r="GQ22" s="328">
        <v>25200</v>
      </c>
      <c r="GR22" s="330">
        <v>25200</v>
      </c>
      <c r="GS22" s="326">
        <v>40873</v>
      </c>
      <c r="GT22" s="327">
        <v>0</v>
      </c>
      <c r="GU22" s="328">
        <v>40873</v>
      </c>
      <c r="GV22" s="326">
        <v>0</v>
      </c>
      <c r="GW22" s="327">
        <v>162021</v>
      </c>
      <c r="GX22" s="327">
        <v>146400</v>
      </c>
      <c r="GY22" s="327">
        <v>0</v>
      </c>
      <c r="GZ22" s="327">
        <v>0</v>
      </c>
      <c r="HA22" s="327">
        <v>0</v>
      </c>
      <c r="HB22" s="331">
        <v>308421</v>
      </c>
      <c r="HC22" s="330">
        <v>349294</v>
      </c>
      <c r="HD22" s="326">
        <v>226899</v>
      </c>
      <c r="HE22" s="327">
        <v>141296</v>
      </c>
      <c r="HF22" s="331">
        <v>368195</v>
      </c>
      <c r="HG22" s="332">
        <v>0</v>
      </c>
      <c r="HH22" s="327">
        <v>1174840</v>
      </c>
      <c r="HI22" s="327">
        <v>2875639</v>
      </c>
      <c r="HJ22" s="327">
        <v>1162167</v>
      </c>
      <c r="HK22" s="327">
        <v>32963</v>
      </c>
      <c r="HL22" s="327">
        <v>244665</v>
      </c>
      <c r="HM22" s="328">
        <v>5490274</v>
      </c>
      <c r="HN22" s="329">
        <v>5858469</v>
      </c>
      <c r="HO22" s="333">
        <v>0</v>
      </c>
      <c r="HP22" s="327">
        <v>0</v>
      </c>
      <c r="HQ22" s="328">
        <v>0</v>
      </c>
      <c r="HR22" s="326">
        <v>0</v>
      </c>
      <c r="HS22" s="327">
        <v>0</v>
      </c>
      <c r="HT22" s="327">
        <v>0</v>
      </c>
      <c r="HU22" s="327">
        <v>0</v>
      </c>
      <c r="HV22" s="327">
        <v>0</v>
      </c>
      <c r="HW22" s="327">
        <v>0</v>
      </c>
      <c r="HX22" s="331">
        <v>0</v>
      </c>
      <c r="HY22" s="330">
        <v>0</v>
      </c>
      <c r="HZ22" s="358">
        <v>0</v>
      </c>
      <c r="IA22" s="356">
        <v>0</v>
      </c>
      <c r="IB22" s="358">
        <v>0</v>
      </c>
      <c r="IC22" s="355">
        <v>0</v>
      </c>
      <c r="ID22" s="356">
        <v>1211058</v>
      </c>
      <c r="IE22" s="357">
        <v>2910233</v>
      </c>
      <c r="IF22" s="358">
        <v>1281861</v>
      </c>
      <c r="IG22" s="356">
        <v>1498630</v>
      </c>
      <c r="IH22" s="358">
        <v>931236</v>
      </c>
      <c r="II22" s="359">
        <v>7833018</v>
      </c>
      <c r="IJ22" s="358">
        <v>7833018</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1020643</v>
      </c>
      <c r="JL22" s="345">
        <v>1727786</v>
      </c>
      <c r="JM22" s="345">
        <v>360489</v>
      </c>
      <c r="JN22" s="345">
        <v>366168</v>
      </c>
      <c r="JO22" s="345">
        <v>325516</v>
      </c>
      <c r="JP22" s="349">
        <v>3800602</v>
      </c>
      <c r="JQ22" s="347">
        <v>3800602</v>
      </c>
      <c r="JR22" s="348">
        <v>0</v>
      </c>
      <c r="JS22" s="345">
        <v>0</v>
      </c>
      <c r="JT22" s="346">
        <v>0</v>
      </c>
      <c r="JU22" s="351">
        <v>0</v>
      </c>
      <c r="JV22" s="345">
        <v>44748</v>
      </c>
      <c r="JW22" s="345">
        <v>138692</v>
      </c>
      <c r="JX22" s="345">
        <v>0</v>
      </c>
      <c r="JY22" s="345">
        <v>0</v>
      </c>
      <c r="JZ22" s="345">
        <v>0</v>
      </c>
      <c r="KA22" s="349">
        <v>183440</v>
      </c>
      <c r="KB22" s="347">
        <v>183440</v>
      </c>
      <c r="KC22" s="352">
        <v>0</v>
      </c>
      <c r="KD22" s="353">
        <v>0</v>
      </c>
      <c r="KE22" s="349">
        <v>0</v>
      </c>
      <c r="KF22" s="351">
        <v>0</v>
      </c>
      <c r="KG22" s="345">
        <v>0</v>
      </c>
      <c r="KH22" s="345">
        <v>542078</v>
      </c>
      <c r="KI22" s="345">
        <v>252580</v>
      </c>
      <c r="KJ22" s="345">
        <v>268055</v>
      </c>
      <c r="KK22" s="345">
        <v>302520</v>
      </c>
      <c r="KL22" s="349">
        <v>1365233</v>
      </c>
      <c r="KM22" s="354">
        <v>1365233</v>
      </c>
      <c r="KN22" s="342">
        <v>0</v>
      </c>
      <c r="KO22" s="343">
        <v>0</v>
      </c>
      <c r="KP22" s="344">
        <v>0</v>
      </c>
      <c r="KQ22" s="404">
        <v>0</v>
      </c>
      <c r="KR22" s="345">
        <v>0</v>
      </c>
      <c r="KS22" s="345">
        <v>501677</v>
      </c>
      <c r="KT22" s="345">
        <v>548028</v>
      </c>
      <c r="KU22" s="345">
        <v>0</v>
      </c>
      <c r="KV22" s="345">
        <v>0</v>
      </c>
      <c r="KW22" s="349">
        <v>1049705</v>
      </c>
      <c r="KX22" s="347">
        <v>1049705</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1899</v>
      </c>
      <c r="LQ22" s="345">
        <v>864407</v>
      </c>
      <c r="LR22" s="345">
        <v>303200</v>
      </c>
      <c r="LS22" s="349">
        <v>1165708</v>
      </c>
      <c r="LT22" s="347">
        <v>1165708</v>
      </c>
      <c r="LU22" s="348">
        <v>0</v>
      </c>
      <c r="LV22" s="345">
        <v>0</v>
      </c>
      <c r="LW22" s="349">
        <v>0</v>
      </c>
      <c r="LX22" s="404">
        <v>0</v>
      </c>
      <c r="LY22" s="345">
        <v>145667</v>
      </c>
      <c r="LZ22" s="345">
        <v>0</v>
      </c>
      <c r="MA22" s="345">
        <v>122663</v>
      </c>
      <c r="MB22" s="345">
        <v>0</v>
      </c>
      <c r="MC22" s="345">
        <v>0</v>
      </c>
      <c r="MD22" s="349">
        <v>268330</v>
      </c>
      <c r="ME22" s="350">
        <v>268330</v>
      </c>
      <c r="MF22" s="348">
        <v>0</v>
      </c>
      <c r="MG22" s="345">
        <v>0</v>
      </c>
      <c r="MH22" s="349">
        <v>0</v>
      </c>
      <c r="MI22" s="404">
        <v>0</v>
      </c>
      <c r="MJ22" s="345">
        <v>0</v>
      </c>
      <c r="MK22" s="345">
        <v>1200258</v>
      </c>
      <c r="ML22" s="345">
        <v>3424883</v>
      </c>
      <c r="MM22" s="345">
        <v>3583227</v>
      </c>
      <c r="MN22" s="345">
        <v>4803321</v>
      </c>
      <c r="MO22" s="349">
        <v>13011689</v>
      </c>
      <c r="MP22" s="354">
        <v>13011689</v>
      </c>
      <c r="MQ22" s="348">
        <v>0</v>
      </c>
      <c r="MR22" s="345">
        <v>0</v>
      </c>
      <c r="MS22" s="349">
        <v>0</v>
      </c>
      <c r="MT22" s="404">
        <v>0</v>
      </c>
      <c r="MU22" s="345">
        <v>0</v>
      </c>
      <c r="MV22" s="345">
        <v>0</v>
      </c>
      <c r="MW22" s="345">
        <v>1637666</v>
      </c>
      <c r="MX22" s="345">
        <v>3081423</v>
      </c>
      <c r="MY22" s="345">
        <v>3604586</v>
      </c>
      <c r="MZ22" s="349">
        <v>8323675</v>
      </c>
      <c r="NA22" s="354">
        <v>8323675</v>
      </c>
      <c r="NB22" s="348">
        <v>0</v>
      </c>
      <c r="NC22" s="345">
        <v>0</v>
      </c>
      <c r="ND22" s="349">
        <v>0</v>
      </c>
      <c r="NE22" s="404">
        <v>0</v>
      </c>
      <c r="NF22" s="345">
        <v>0</v>
      </c>
      <c r="NG22" s="345">
        <v>1200258</v>
      </c>
      <c r="NH22" s="345">
        <v>1787217</v>
      </c>
      <c r="NI22" s="345">
        <v>501804</v>
      </c>
      <c r="NJ22" s="345">
        <v>1198735</v>
      </c>
      <c r="NK22" s="349">
        <v>4688014</v>
      </c>
      <c r="NL22" s="347">
        <v>4688014</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0</v>
      </c>
      <c r="OG22" s="349">
        <v>0</v>
      </c>
      <c r="OH22" s="350">
        <v>0</v>
      </c>
      <c r="OI22" s="348">
        <v>571827</v>
      </c>
      <c r="OJ22" s="345">
        <v>568503</v>
      </c>
      <c r="OK22" s="346">
        <v>1140330</v>
      </c>
      <c r="OL22" s="351">
        <v>0</v>
      </c>
      <c r="OM22" s="345">
        <v>5793737</v>
      </c>
      <c r="ON22" s="345">
        <v>14509264</v>
      </c>
      <c r="OO22" s="345">
        <v>12466129</v>
      </c>
      <c r="OP22" s="345">
        <v>7600677</v>
      </c>
      <c r="OQ22" s="345">
        <v>8540277</v>
      </c>
      <c r="OR22" s="349">
        <v>48910084</v>
      </c>
      <c r="OS22" s="354">
        <v>50050414</v>
      </c>
    </row>
    <row r="23" spans="2:409" s="70" customFormat="1" ht="21" customHeight="1" x14ac:dyDescent="0.2">
      <c r="B23" s="410" t="s">
        <v>18</v>
      </c>
      <c r="C23" s="326">
        <v>436059</v>
      </c>
      <c r="D23" s="327">
        <v>1155071</v>
      </c>
      <c r="E23" s="328">
        <v>1591130</v>
      </c>
      <c r="F23" s="329">
        <v>0</v>
      </c>
      <c r="G23" s="327">
        <v>9933110</v>
      </c>
      <c r="H23" s="327">
        <v>8927183</v>
      </c>
      <c r="I23" s="327">
        <v>11042153</v>
      </c>
      <c r="J23" s="327">
        <v>6090843</v>
      </c>
      <c r="K23" s="327">
        <v>4834433</v>
      </c>
      <c r="L23" s="329">
        <v>40827722</v>
      </c>
      <c r="M23" s="330">
        <v>42418852</v>
      </c>
      <c r="N23" s="326">
        <v>226917</v>
      </c>
      <c r="O23" s="327">
        <v>397143</v>
      </c>
      <c r="P23" s="328">
        <v>624060</v>
      </c>
      <c r="Q23" s="326">
        <v>0</v>
      </c>
      <c r="R23" s="327">
        <v>2725527</v>
      </c>
      <c r="S23" s="327">
        <v>2632298</v>
      </c>
      <c r="T23" s="327">
        <v>3234717</v>
      </c>
      <c r="U23" s="327">
        <v>2469988</v>
      </c>
      <c r="V23" s="327">
        <v>2185683</v>
      </c>
      <c r="W23" s="328">
        <v>13248213</v>
      </c>
      <c r="X23" s="330">
        <v>13872273</v>
      </c>
      <c r="Y23" s="326">
        <v>0</v>
      </c>
      <c r="Z23" s="327">
        <v>0</v>
      </c>
      <c r="AA23" s="328">
        <v>0</v>
      </c>
      <c r="AB23" s="326">
        <v>0</v>
      </c>
      <c r="AC23" s="327">
        <v>1141857</v>
      </c>
      <c r="AD23" s="327">
        <v>778922</v>
      </c>
      <c r="AE23" s="327">
        <v>1618994</v>
      </c>
      <c r="AF23" s="327">
        <v>1282959</v>
      </c>
      <c r="AG23" s="327">
        <v>1385542</v>
      </c>
      <c r="AH23" s="328">
        <v>6208274</v>
      </c>
      <c r="AI23" s="330">
        <v>6208274</v>
      </c>
      <c r="AJ23" s="326">
        <v>0</v>
      </c>
      <c r="AK23" s="327">
        <v>0</v>
      </c>
      <c r="AL23" s="328">
        <v>0</v>
      </c>
      <c r="AM23" s="326">
        <v>0</v>
      </c>
      <c r="AN23" s="327">
        <v>0</v>
      </c>
      <c r="AO23" s="327">
        <v>0</v>
      </c>
      <c r="AP23" s="327">
        <v>0</v>
      </c>
      <c r="AQ23" s="327">
        <v>384289</v>
      </c>
      <c r="AR23" s="327">
        <v>276470</v>
      </c>
      <c r="AS23" s="328">
        <v>660759</v>
      </c>
      <c r="AT23" s="330">
        <v>660759</v>
      </c>
      <c r="AU23" s="326">
        <v>154973</v>
      </c>
      <c r="AV23" s="327">
        <v>348127</v>
      </c>
      <c r="AW23" s="328">
        <v>503100</v>
      </c>
      <c r="AX23" s="326">
        <v>0</v>
      </c>
      <c r="AY23" s="327">
        <v>881457</v>
      </c>
      <c r="AZ23" s="327">
        <v>1258409</v>
      </c>
      <c r="BA23" s="327">
        <v>638024</v>
      </c>
      <c r="BB23" s="327">
        <v>413460</v>
      </c>
      <c r="BC23" s="327">
        <v>222655</v>
      </c>
      <c r="BD23" s="328">
        <v>3414005</v>
      </c>
      <c r="BE23" s="330">
        <v>3917105</v>
      </c>
      <c r="BF23" s="326">
        <v>0</v>
      </c>
      <c r="BG23" s="327">
        <v>7696</v>
      </c>
      <c r="BH23" s="331">
        <v>7696</v>
      </c>
      <c r="BI23" s="332">
        <v>0</v>
      </c>
      <c r="BJ23" s="327">
        <v>61805</v>
      </c>
      <c r="BK23" s="327">
        <v>161927</v>
      </c>
      <c r="BL23" s="327">
        <v>292923</v>
      </c>
      <c r="BM23" s="327">
        <v>19976</v>
      </c>
      <c r="BN23" s="327">
        <v>0</v>
      </c>
      <c r="BO23" s="328">
        <v>536631</v>
      </c>
      <c r="BP23" s="330">
        <v>544327</v>
      </c>
      <c r="BQ23" s="326">
        <v>71944</v>
      </c>
      <c r="BR23" s="327">
        <v>41320</v>
      </c>
      <c r="BS23" s="328">
        <v>113264</v>
      </c>
      <c r="BT23" s="326">
        <v>0</v>
      </c>
      <c r="BU23" s="327">
        <v>640408</v>
      </c>
      <c r="BV23" s="327">
        <v>433040</v>
      </c>
      <c r="BW23" s="327">
        <v>684776</v>
      </c>
      <c r="BX23" s="327">
        <v>369304</v>
      </c>
      <c r="BY23" s="327">
        <v>301016</v>
      </c>
      <c r="BZ23" s="328">
        <v>2428544</v>
      </c>
      <c r="CA23" s="330">
        <v>2541808</v>
      </c>
      <c r="CB23" s="326">
        <v>70134</v>
      </c>
      <c r="CC23" s="327">
        <v>356060</v>
      </c>
      <c r="CD23" s="328">
        <v>426194</v>
      </c>
      <c r="CE23" s="326">
        <v>0</v>
      </c>
      <c r="CF23" s="327">
        <v>3671939</v>
      </c>
      <c r="CG23" s="327">
        <v>2779795</v>
      </c>
      <c r="CH23" s="327">
        <v>2792441</v>
      </c>
      <c r="CI23" s="327">
        <v>330070</v>
      </c>
      <c r="CJ23" s="327">
        <v>485162</v>
      </c>
      <c r="CK23" s="328">
        <v>10059407</v>
      </c>
      <c r="CL23" s="330">
        <v>10485601</v>
      </c>
      <c r="CM23" s="326">
        <v>0</v>
      </c>
      <c r="CN23" s="327">
        <v>0</v>
      </c>
      <c r="CO23" s="328">
        <v>0</v>
      </c>
      <c r="CP23" s="332">
        <v>0</v>
      </c>
      <c r="CQ23" s="327">
        <v>3059602</v>
      </c>
      <c r="CR23" s="327">
        <v>2536029</v>
      </c>
      <c r="CS23" s="327">
        <v>2393546</v>
      </c>
      <c r="CT23" s="327">
        <v>217525</v>
      </c>
      <c r="CU23" s="327">
        <v>410917</v>
      </c>
      <c r="CV23" s="328">
        <v>8617619</v>
      </c>
      <c r="CW23" s="330">
        <v>8617619</v>
      </c>
      <c r="CX23" s="326">
        <v>70134</v>
      </c>
      <c r="CY23" s="327">
        <v>356060</v>
      </c>
      <c r="CZ23" s="328">
        <v>426194</v>
      </c>
      <c r="DA23" s="326">
        <v>0</v>
      </c>
      <c r="DB23" s="327">
        <v>612337</v>
      </c>
      <c r="DC23" s="327">
        <v>243766</v>
      </c>
      <c r="DD23" s="327">
        <v>398895</v>
      </c>
      <c r="DE23" s="327">
        <v>112545</v>
      </c>
      <c r="DF23" s="327">
        <v>74245</v>
      </c>
      <c r="DG23" s="328">
        <v>1441788</v>
      </c>
      <c r="DH23" s="330">
        <v>1867982</v>
      </c>
      <c r="DI23" s="326">
        <v>0</v>
      </c>
      <c r="DJ23" s="327">
        <v>87716</v>
      </c>
      <c r="DK23" s="331">
        <v>87716</v>
      </c>
      <c r="DL23" s="332">
        <v>0</v>
      </c>
      <c r="DM23" s="327">
        <v>217392</v>
      </c>
      <c r="DN23" s="327">
        <v>729830</v>
      </c>
      <c r="DO23" s="327">
        <v>1402294</v>
      </c>
      <c r="DP23" s="327">
        <v>643850</v>
      </c>
      <c r="DQ23" s="327">
        <v>571348</v>
      </c>
      <c r="DR23" s="328">
        <v>3564714</v>
      </c>
      <c r="DS23" s="330">
        <v>3652430</v>
      </c>
      <c r="DT23" s="326">
        <v>0</v>
      </c>
      <c r="DU23" s="327">
        <v>87716</v>
      </c>
      <c r="DV23" s="328">
        <v>87716</v>
      </c>
      <c r="DW23" s="326">
        <v>0</v>
      </c>
      <c r="DX23" s="327">
        <v>207179</v>
      </c>
      <c r="DY23" s="327">
        <v>729830</v>
      </c>
      <c r="DZ23" s="327">
        <v>1366404</v>
      </c>
      <c r="EA23" s="327">
        <v>643850</v>
      </c>
      <c r="EB23" s="327">
        <v>571348</v>
      </c>
      <c r="EC23" s="328">
        <v>3518611</v>
      </c>
      <c r="ED23" s="330">
        <v>3606327</v>
      </c>
      <c r="EE23" s="326">
        <v>0</v>
      </c>
      <c r="EF23" s="331">
        <v>0</v>
      </c>
      <c r="EG23" s="328">
        <v>0</v>
      </c>
      <c r="EH23" s="326">
        <v>0</v>
      </c>
      <c r="EI23" s="327">
        <v>10213</v>
      </c>
      <c r="EJ23" s="327">
        <v>0</v>
      </c>
      <c r="EK23" s="327">
        <v>35890</v>
      </c>
      <c r="EL23" s="327">
        <v>0</v>
      </c>
      <c r="EM23" s="327">
        <v>0</v>
      </c>
      <c r="EN23" s="331">
        <v>46103</v>
      </c>
      <c r="EO23" s="330">
        <v>46103</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28576</v>
      </c>
      <c r="FM23" s="327">
        <v>314152</v>
      </c>
      <c r="FN23" s="328">
        <v>342728</v>
      </c>
      <c r="FO23" s="326">
        <v>0</v>
      </c>
      <c r="FP23" s="327">
        <v>497216</v>
      </c>
      <c r="FQ23" s="327">
        <v>1118616</v>
      </c>
      <c r="FR23" s="327">
        <v>642176</v>
      </c>
      <c r="FS23" s="327">
        <v>567416</v>
      </c>
      <c r="FT23" s="327">
        <v>359480</v>
      </c>
      <c r="FU23" s="328">
        <v>3184904</v>
      </c>
      <c r="FV23" s="330">
        <v>3527632</v>
      </c>
      <c r="FW23" s="333">
        <v>28576</v>
      </c>
      <c r="FX23" s="327">
        <v>170312</v>
      </c>
      <c r="FY23" s="331">
        <v>198888</v>
      </c>
      <c r="FZ23" s="332">
        <v>0</v>
      </c>
      <c r="GA23" s="327">
        <v>305440</v>
      </c>
      <c r="GB23" s="327">
        <v>937416</v>
      </c>
      <c r="GC23" s="327">
        <v>616576</v>
      </c>
      <c r="GD23" s="327">
        <v>451696</v>
      </c>
      <c r="GE23" s="327">
        <v>359480</v>
      </c>
      <c r="GF23" s="328">
        <v>2670608</v>
      </c>
      <c r="GG23" s="334">
        <v>2869496</v>
      </c>
      <c r="GH23" s="333">
        <v>0</v>
      </c>
      <c r="GI23" s="327">
        <v>0</v>
      </c>
      <c r="GJ23" s="331">
        <v>0</v>
      </c>
      <c r="GK23" s="332">
        <v>0</v>
      </c>
      <c r="GL23" s="327">
        <v>31776</v>
      </c>
      <c r="GM23" s="327">
        <v>83600</v>
      </c>
      <c r="GN23" s="327">
        <v>0</v>
      </c>
      <c r="GO23" s="327">
        <v>27720</v>
      </c>
      <c r="GP23" s="327">
        <v>0</v>
      </c>
      <c r="GQ23" s="328">
        <v>143096</v>
      </c>
      <c r="GR23" s="330">
        <v>143096</v>
      </c>
      <c r="GS23" s="326">
        <v>0</v>
      </c>
      <c r="GT23" s="327">
        <v>143840</v>
      </c>
      <c r="GU23" s="328">
        <v>143840</v>
      </c>
      <c r="GV23" s="326">
        <v>0</v>
      </c>
      <c r="GW23" s="327">
        <v>160000</v>
      </c>
      <c r="GX23" s="327">
        <v>97600</v>
      </c>
      <c r="GY23" s="327">
        <v>25600</v>
      </c>
      <c r="GZ23" s="327">
        <v>88000</v>
      </c>
      <c r="HA23" s="327">
        <v>0</v>
      </c>
      <c r="HB23" s="331">
        <v>371200</v>
      </c>
      <c r="HC23" s="330">
        <v>515040</v>
      </c>
      <c r="HD23" s="326">
        <v>110432</v>
      </c>
      <c r="HE23" s="327">
        <v>0</v>
      </c>
      <c r="HF23" s="331">
        <v>110432</v>
      </c>
      <c r="HG23" s="332">
        <v>0</v>
      </c>
      <c r="HH23" s="327">
        <v>2821036</v>
      </c>
      <c r="HI23" s="327">
        <v>1666644</v>
      </c>
      <c r="HJ23" s="327">
        <v>2970525</v>
      </c>
      <c r="HK23" s="327">
        <v>2079519</v>
      </c>
      <c r="HL23" s="327">
        <v>1232760</v>
      </c>
      <c r="HM23" s="328">
        <v>10770484</v>
      </c>
      <c r="HN23" s="329">
        <v>10880916</v>
      </c>
      <c r="HO23" s="333">
        <v>0</v>
      </c>
      <c r="HP23" s="327">
        <v>0</v>
      </c>
      <c r="HQ23" s="328">
        <v>0</v>
      </c>
      <c r="HR23" s="326">
        <v>0</v>
      </c>
      <c r="HS23" s="327">
        <v>0</v>
      </c>
      <c r="HT23" s="327">
        <v>0</v>
      </c>
      <c r="HU23" s="327">
        <v>0</v>
      </c>
      <c r="HV23" s="327">
        <v>0</v>
      </c>
      <c r="HW23" s="327">
        <v>0</v>
      </c>
      <c r="HX23" s="331">
        <v>0</v>
      </c>
      <c r="HY23" s="330">
        <v>0</v>
      </c>
      <c r="HZ23" s="335">
        <v>51686</v>
      </c>
      <c r="IA23" s="336">
        <v>0</v>
      </c>
      <c r="IB23" s="337">
        <v>51686</v>
      </c>
      <c r="IC23" s="338">
        <v>0</v>
      </c>
      <c r="ID23" s="336">
        <v>1646223</v>
      </c>
      <c r="IE23" s="339">
        <v>2443318</v>
      </c>
      <c r="IF23" s="337">
        <v>4286947</v>
      </c>
      <c r="IG23" s="336">
        <v>1183613</v>
      </c>
      <c r="IH23" s="337">
        <v>981618</v>
      </c>
      <c r="II23" s="340">
        <v>10541719</v>
      </c>
      <c r="IJ23" s="341">
        <v>10593405</v>
      </c>
      <c r="IK23" s="342">
        <v>0</v>
      </c>
      <c r="IL23" s="343">
        <v>0</v>
      </c>
      <c r="IM23" s="344">
        <v>0</v>
      </c>
      <c r="IN23" s="404">
        <v>0</v>
      </c>
      <c r="IO23" s="345">
        <v>88701</v>
      </c>
      <c r="IP23" s="345">
        <v>149594</v>
      </c>
      <c r="IQ23" s="345">
        <v>347663</v>
      </c>
      <c r="IR23" s="345">
        <v>103079</v>
      </c>
      <c r="IS23" s="345">
        <v>0</v>
      </c>
      <c r="IT23" s="346">
        <v>689037</v>
      </c>
      <c r="IU23" s="347">
        <v>689037</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971846</v>
      </c>
      <c r="JL23" s="345">
        <v>895174</v>
      </c>
      <c r="JM23" s="345">
        <v>386017</v>
      </c>
      <c r="JN23" s="345">
        <v>0</v>
      </c>
      <c r="JO23" s="345">
        <v>79234</v>
      </c>
      <c r="JP23" s="349">
        <v>2332271</v>
      </c>
      <c r="JQ23" s="347">
        <v>2332271</v>
      </c>
      <c r="JR23" s="348">
        <v>0</v>
      </c>
      <c r="JS23" s="345">
        <v>0</v>
      </c>
      <c r="JT23" s="346">
        <v>0</v>
      </c>
      <c r="JU23" s="351">
        <v>0</v>
      </c>
      <c r="JV23" s="345">
        <v>36916</v>
      </c>
      <c r="JW23" s="345">
        <v>40773</v>
      </c>
      <c r="JX23" s="345">
        <v>589379</v>
      </c>
      <c r="JY23" s="345">
        <v>0</v>
      </c>
      <c r="JZ23" s="345">
        <v>302212</v>
      </c>
      <c r="KA23" s="349">
        <v>969280</v>
      </c>
      <c r="KB23" s="347">
        <v>969280</v>
      </c>
      <c r="KC23" s="352">
        <v>51686</v>
      </c>
      <c r="KD23" s="353">
        <v>0</v>
      </c>
      <c r="KE23" s="349">
        <v>51686</v>
      </c>
      <c r="KF23" s="351">
        <v>0</v>
      </c>
      <c r="KG23" s="345">
        <v>245804</v>
      </c>
      <c r="KH23" s="345">
        <v>366201</v>
      </c>
      <c r="KI23" s="345">
        <v>999360</v>
      </c>
      <c r="KJ23" s="345">
        <v>491173</v>
      </c>
      <c r="KK23" s="345">
        <v>0</v>
      </c>
      <c r="KL23" s="349">
        <v>2102538</v>
      </c>
      <c r="KM23" s="354">
        <v>2154224</v>
      </c>
      <c r="KN23" s="342">
        <v>0</v>
      </c>
      <c r="KO23" s="343">
        <v>0</v>
      </c>
      <c r="KP23" s="344">
        <v>0</v>
      </c>
      <c r="KQ23" s="404">
        <v>0</v>
      </c>
      <c r="KR23" s="345">
        <v>302956</v>
      </c>
      <c r="KS23" s="345">
        <v>991576</v>
      </c>
      <c r="KT23" s="345">
        <v>1317165</v>
      </c>
      <c r="KU23" s="345">
        <v>267469</v>
      </c>
      <c r="KV23" s="345">
        <v>276624</v>
      </c>
      <c r="KW23" s="349">
        <v>3155790</v>
      </c>
      <c r="KX23" s="347">
        <v>3155790</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281296</v>
      </c>
      <c r="LQ23" s="345">
        <v>0</v>
      </c>
      <c r="LR23" s="345">
        <v>323548</v>
      </c>
      <c r="LS23" s="349">
        <v>604844</v>
      </c>
      <c r="LT23" s="347">
        <v>604844</v>
      </c>
      <c r="LU23" s="348">
        <v>0</v>
      </c>
      <c r="LV23" s="345">
        <v>0</v>
      </c>
      <c r="LW23" s="349">
        <v>0</v>
      </c>
      <c r="LX23" s="404">
        <v>0</v>
      </c>
      <c r="LY23" s="345">
        <v>0</v>
      </c>
      <c r="LZ23" s="345">
        <v>0</v>
      </c>
      <c r="MA23" s="345">
        <v>366067</v>
      </c>
      <c r="MB23" s="345">
        <v>321892</v>
      </c>
      <c r="MC23" s="345">
        <v>0</v>
      </c>
      <c r="MD23" s="349">
        <v>687959</v>
      </c>
      <c r="ME23" s="350">
        <v>687959</v>
      </c>
      <c r="MF23" s="348">
        <v>0</v>
      </c>
      <c r="MG23" s="345">
        <v>0</v>
      </c>
      <c r="MH23" s="349">
        <v>0</v>
      </c>
      <c r="MI23" s="404">
        <v>0</v>
      </c>
      <c r="MJ23" s="345">
        <v>296219</v>
      </c>
      <c r="MK23" s="345">
        <v>848697</v>
      </c>
      <c r="ML23" s="345">
        <v>4963150</v>
      </c>
      <c r="MM23" s="345">
        <v>6532415</v>
      </c>
      <c r="MN23" s="345">
        <v>2519736</v>
      </c>
      <c r="MO23" s="349">
        <v>15160217</v>
      </c>
      <c r="MP23" s="354">
        <v>15160217</v>
      </c>
      <c r="MQ23" s="348">
        <v>0</v>
      </c>
      <c r="MR23" s="345">
        <v>0</v>
      </c>
      <c r="MS23" s="349">
        <v>0</v>
      </c>
      <c r="MT23" s="404">
        <v>0</v>
      </c>
      <c r="MU23" s="345">
        <v>0</v>
      </c>
      <c r="MV23" s="345">
        <v>0</v>
      </c>
      <c r="MW23" s="345">
        <v>2376509</v>
      </c>
      <c r="MX23" s="345">
        <v>5029826</v>
      </c>
      <c r="MY23" s="345">
        <v>1431004</v>
      </c>
      <c r="MZ23" s="349">
        <v>8837339</v>
      </c>
      <c r="NA23" s="354">
        <v>8837339</v>
      </c>
      <c r="NB23" s="348">
        <v>0</v>
      </c>
      <c r="NC23" s="345">
        <v>0</v>
      </c>
      <c r="ND23" s="349">
        <v>0</v>
      </c>
      <c r="NE23" s="404">
        <v>0</v>
      </c>
      <c r="NF23" s="345">
        <v>296219</v>
      </c>
      <c r="NG23" s="345">
        <v>848697</v>
      </c>
      <c r="NH23" s="345">
        <v>2586641</v>
      </c>
      <c r="NI23" s="345">
        <v>1502589</v>
      </c>
      <c r="NJ23" s="345">
        <v>689816</v>
      </c>
      <c r="NK23" s="349">
        <v>5923962</v>
      </c>
      <c r="NL23" s="347">
        <v>5923962</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0</v>
      </c>
      <c r="OF23" s="345">
        <v>398916</v>
      </c>
      <c r="OG23" s="349">
        <v>398916</v>
      </c>
      <c r="OH23" s="350">
        <v>398916</v>
      </c>
      <c r="OI23" s="348">
        <v>487745</v>
      </c>
      <c r="OJ23" s="345">
        <v>1155071</v>
      </c>
      <c r="OK23" s="346">
        <v>1642816</v>
      </c>
      <c r="OL23" s="351">
        <v>0</v>
      </c>
      <c r="OM23" s="345">
        <v>11875552</v>
      </c>
      <c r="ON23" s="345">
        <v>12219198</v>
      </c>
      <c r="OO23" s="345">
        <v>20292250</v>
      </c>
      <c r="OP23" s="345">
        <v>13806871</v>
      </c>
      <c r="OQ23" s="345">
        <v>8335787</v>
      </c>
      <c r="OR23" s="349">
        <v>66529658</v>
      </c>
      <c r="OS23" s="354">
        <v>68172474</v>
      </c>
    </row>
    <row r="24" spans="2:409" s="70" customFormat="1" ht="21" customHeight="1" x14ac:dyDescent="0.2">
      <c r="B24" s="410" t="s">
        <v>19</v>
      </c>
      <c r="C24" s="326">
        <v>361312</v>
      </c>
      <c r="D24" s="327">
        <v>767462</v>
      </c>
      <c r="E24" s="328">
        <v>1128774</v>
      </c>
      <c r="F24" s="329">
        <v>0</v>
      </c>
      <c r="G24" s="327">
        <v>4072982</v>
      </c>
      <c r="H24" s="327">
        <v>4324506</v>
      </c>
      <c r="I24" s="327">
        <v>1955582</v>
      </c>
      <c r="J24" s="327">
        <v>1624851</v>
      </c>
      <c r="K24" s="327">
        <v>1547120</v>
      </c>
      <c r="L24" s="329">
        <v>13525041</v>
      </c>
      <c r="M24" s="330">
        <v>14653815</v>
      </c>
      <c r="N24" s="326">
        <v>83118</v>
      </c>
      <c r="O24" s="327">
        <v>224640</v>
      </c>
      <c r="P24" s="328">
        <v>307758</v>
      </c>
      <c r="Q24" s="326">
        <v>0</v>
      </c>
      <c r="R24" s="327">
        <v>1216575</v>
      </c>
      <c r="S24" s="327">
        <v>786541</v>
      </c>
      <c r="T24" s="327">
        <v>683078</v>
      </c>
      <c r="U24" s="327">
        <v>634988</v>
      </c>
      <c r="V24" s="327">
        <v>446841</v>
      </c>
      <c r="W24" s="328">
        <v>3768023</v>
      </c>
      <c r="X24" s="330">
        <v>4075781</v>
      </c>
      <c r="Y24" s="326">
        <v>0</v>
      </c>
      <c r="Z24" s="327">
        <v>0</v>
      </c>
      <c r="AA24" s="328">
        <v>0</v>
      </c>
      <c r="AB24" s="326">
        <v>0</v>
      </c>
      <c r="AC24" s="327">
        <v>294687</v>
      </c>
      <c r="AD24" s="327">
        <v>295543</v>
      </c>
      <c r="AE24" s="327">
        <v>210976</v>
      </c>
      <c r="AF24" s="327">
        <v>306447</v>
      </c>
      <c r="AG24" s="327">
        <v>57736</v>
      </c>
      <c r="AH24" s="328">
        <v>1165389</v>
      </c>
      <c r="AI24" s="330">
        <v>1165389</v>
      </c>
      <c r="AJ24" s="326">
        <v>0</v>
      </c>
      <c r="AK24" s="327">
        <v>0</v>
      </c>
      <c r="AL24" s="328">
        <v>0</v>
      </c>
      <c r="AM24" s="326">
        <v>0</v>
      </c>
      <c r="AN24" s="327">
        <v>0</v>
      </c>
      <c r="AO24" s="327">
        <v>0</v>
      </c>
      <c r="AP24" s="327">
        <v>134676</v>
      </c>
      <c r="AQ24" s="327">
        <v>0</v>
      </c>
      <c r="AR24" s="327">
        <v>0</v>
      </c>
      <c r="AS24" s="328">
        <v>134676</v>
      </c>
      <c r="AT24" s="330">
        <v>134676</v>
      </c>
      <c r="AU24" s="326">
        <v>61390</v>
      </c>
      <c r="AV24" s="327">
        <v>145640</v>
      </c>
      <c r="AW24" s="328">
        <v>207030</v>
      </c>
      <c r="AX24" s="326">
        <v>0</v>
      </c>
      <c r="AY24" s="327">
        <v>523201</v>
      </c>
      <c r="AZ24" s="327">
        <v>250184</v>
      </c>
      <c r="BA24" s="327">
        <v>229762</v>
      </c>
      <c r="BB24" s="327">
        <v>142600</v>
      </c>
      <c r="BC24" s="327">
        <v>187016</v>
      </c>
      <c r="BD24" s="328">
        <v>1332763</v>
      </c>
      <c r="BE24" s="330">
        <v>1539793</v>
      </c>
      <c r="BF24" s="326">
        <v>0</v>
      </c>
      <c r="BG24" s="327">
        <v>0</v>
      </c>
      <c r="BH24" s="331">
        <v>0</v>
      </c>
      <c r="BI24" s="332">
        <v>0</v>
      </c>
      <c r="BJ24" s="327">
        <v>27927</v>
      </c>
      <c r="BK24" s="327">
        <v>35878</v>
      </c>
      <c r="BL24" s="327">
        <v>0</v>
      </c>
      <c r="BM24" s="327">
        <v>88037</v>
      </c>
      <c r="BN24" s="327">
        <v>39625</v>
      </c>
      <c r="BO24" s="328">
        <v>191467</v>
      </c>
      <c r="BP24" s="330">
        <v>191467</v>
      </c>
      <c r="BQ24" s="326">
        <v>21728</v>
      </c>
      <c r="BR24" s="327">
        <v>79000</v>
      </c>
      <c r="BS24" s="328">
        <v>100728</v>
      </c>
      <c r="BT24" s="326">
        <v>0</v>
      </c>
      <c r="BU24" s="327">
        <v>370760</v>
      </c>
      <c r="BV24" s="327">
        <v>204936</v>
      </c>
      <c r="BW24" s="327">
        <v>107664</v>
      </c>
      <c r="BX24" s="327">
        <v>97904</v>
      </c>
      <c r="BY24" s="327">
        <v>162464</v>
      </c>
      <c r="BZ24" s="328">
        <v>943728</v>
      </c>
      <c r="CA24" s="330">
        <v>1044456</v>
      </c>
      <c r="CB24" s="326">
        <v>61315</v>
      </c>
      <c r="CC24" s="327">
        <v>80087</v>
      </c>
      <c r="CD24" s="328">
        <v>141402</v>
      </c>
      <c r="CE24" s="326">
        <v>0</v>
      </c>
      <c r="CF24" s="327">
        <v>1254995</v>
      </c>
      <c r="CG24" s="327">
        <v>1710686</v>
      </c>
      <c r="CH24" s="327">
        <v>477697</v>
      </c>
      <c r="CI24" s="327">
        <v>205309</v>
      </c>
      <c r="CJ24" s="327">
        <v>91147</v>
      </c>
      <c r="CK24" s="328">
        <v>3739834</v>
      </c>
      <c r="CL24" s="330">
        <v>3881236</v>
      </c>
      <c r="CM24" s="326">
        <v>0</v>
      </c>
      <c r="CN24" s="327">
        <v>0</v>
      </c>
      <c r="CO24" s="328">
        <v>0</v>
      </c>
      <c r="CP24" s="332">
        <v>0</v>
      </c>
      <c r="CQ24" s="327">
        <v>872313</v>
      </c>
      <c r="CR24" s="327">
        <v>984812</v>
      </c>
      <c r="CS24" s="327">
        <v>279078</v>
      </c>
      <c r="CT24" s="327">
        <v>0</v>
      </c>
      <c r="CU24" s="327">
        <v>35764</v>
      </c>
      <c r="CV24" s="328">
        <v>2171967</v>
      </c>
      <c r="CW24" s="330">
        <v>2171967</v>
      </c>
      <c r="CX24" s="326">
        <v>61315</v>
      </c>
      <c r="CY24" s="327">
        <v>80087</v>
      </c>
      <c r="CZ24" s="328">
        <v>141402</v>
      </c>
      <c r="DA24" s="326">
        <v>0</v>
      </c>
      <c r="DB24" s="327">
        <v>382682</v>
      </c>
      <c r="DC24" s="327">
        <v>725874</v>
      </c>
      <c r="DD24" s="327">
        <v>198619</v>
      </c>
      <c r="DE24" s="327">
        <v>205309</v>
      </c>
      <c r="DF24" s="327">
        <v>55383</v>
      </c>
      <c r="DG24" s="328">
        <v>1567867</v>
      </c>
      <c r="DH24" s="330">
        <v>1709269</v>
      </c>
      <c r="DI24" s="326">
        <v>0</v>
      </c>
      <c r="DJ24" s="327">
        <v>0</v>
      </c>
      <c r="DK24" s="331">
        <v>0</v>
      </c>
      <c r="DL24" s="332">
        <v>0</v>
      </c>
      <c r="DM24" s="327">
        <v>22416</v>
      </c>
      <c r="DN24" s="327">
        <v>159813</v>
      </c>
      <c r="DO24" s="327">
        <v>191355</v>
      </c>
      <c r="DP24" s="327">
        <v>27370</v>
      </c>
      <c r="DQ24" s="327">
        <v>0</v>
      </c>
      <c r="DR24" s="328">
        <v>400954</v>
      </c>
      <c r="DS24" s="330">
        <v>400954</v>
      </c>
      <c r="DT24" s="326">
        <v>0</v>
      </c>
      <c r="DU24" s="327">
        <v>0</v>
      </c>
      <c r="DV24" s="328">
        <v>0</v>
      </c>
      <c r="DW24" s="326">
        <v>0</v>
      </c>
      <c r="DX24" s="327">
        <v>22416</v>
      </c>
      <c r="DY24" s="327">
        <v>125738</v>
      </c>
      <c r="DZ24" s="327">
        <v>74926</v>
      </c>
      <c r="EA24" s="327">
        <v>27370</v>
      </c>
      <c r="EB24" s="327">
        <v>0</v>
      </c>
      <c r="EC24" s="328">
        <v>250450</v>
      </c>
      <c r="ED24" s="330">
        <v>250450</v>
      </c>
      <c r="EE24" s="326">
        <v>0</v>
      </c>
      <c r="EF24" s="331">
        <v>0</v>
      </c>
      <c r="EG24" s="328">
        <v>0</v>
      </c>
      <c r="EH24" s="326">
        <v>0</v>
      </c>
      <c r="EI24" s="327">
        <v>0</v>
      </c>
      <c r="EJ24" s="327">
        <v>34075</v>
      </c>
      <c r="EK24" s="327">
        <v>116429</v>
      </c>
      <c r="EL24" s="327">
        <v>0</v>
      </c>
      <c r="EM24" s="327">
        <v>0</v>
      </c>
      <c r="EN24" s="331">
        <v>150504</v>
      </c>
      <c r="EO24" s="330">
        <v>150504</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99361</v>
      </c>
      <c r="FM24" s="327">
        <v>83408</v>
      </c>
      <c r="FN24" s="328">
        <v>182769</v>
      </c>
      <c r="FO24" s="326">
        <v>0</v>
      </c>
      <c r="FP24" s="327">
        <v>241968</v>
      </c>
      <c r="FQ24" s="327">
        <v>370376</v>
      </c>
      <c r="FR24" s="327">
        <v>189008</v>
      </c>
      <c r="FS24" s="327">
        <v>94568</v>
      </c>
      <c r="FT24" s="327">
        <v>235496</v>
      </c>
      <c r="FU24" s="328">
        <v>1131416</v>
      </c>
      <c r="FV24" s="330">
        <v>1314185</v>
      </c>
      <c r="FW24" s="333">
        <v>36560</v>
      </c>
      <c r="FX24" s="327">
        <v>55688</v>
      </c>
      <c r="FY24" s="331">
        <v>92248</v>
      </c>
      <c r="FZ24" s="332">
        <v>0</v>
      </c>
      <c r="GA24" s="327">
        <v>241968</v>
      </c>
      <c r="GB24" s="327">
        <v>347144</v>
      </c>
      <c r="GC24" s="327">
        <v>189008</v>
      </c>
      <c r="GD24" s="327">
        <v>94568</v>
      </c>
      <c r="GE24" s="327">
        <v>235496</v>
      </c>
      <c r="GF24" s="328">
        <v>1108184</v>
      </c>
      <c r="GG24" s="334">
        <v>1200432</v>
      </c>
      <c r="GH24" s="333">
        <v>0</v>
      </c>
      <c r="GI24" s="327">
        <v>27720</v>
      </c>
      <c r="GJ24" s="331">
        <v>27720</v>
      </c>
      <c r="GK24" s="332">
        <v>0</v>
      </c>
      <c r="GL24" s="327">
        <v>0</v>
      </c>
      <c r="GM24" s="327">
        <v>23232</v>
      </c>
      <c r="GN24" s="327">
        <v>0</v>
      </c>
      <c r="GO24" s="327">
        <v>0</v>
      </c>
      <c r="GP24" s="327">
        <v>0</v>
      </c>
      <c r="GQ24" s="328">
        <v>23232</v>
      </c>
      <c r="GR24" s="330">
        <v>50952</v>
      </c>
      <c r="GS24" s="326">
        <v>62801</v>
      </c>
      <c r="GT24" s="327">
        <v>0</v>
      </c>
      <c r="GU24" s="328">
        <v>62801</v>
      </c>
      <c r="GV24" s="326">
        <v>0</v>
      </c>
      <c r="GW24" s="327">
        <v>0</v>
      </c>
      <c r="GX24" s="327">
        <v>0</v>
      </c>
      <c r="GY24" s="327">
        <v>0</v>
      </c>
      <c r="GZ24" s="327">
        <v>0</v>
      </c>
      <c r="HA24" s="327">
        <v>0</v>
      </c>
      <c r="HB24" s="331">
        <v>0</v>
      </c>
      <c r="HC24" s="330">
        <v>62801</v>
      </c>
      <c r="HD24" s="326">
        <v>117518</v>
      </c>
      <c r="HE24" s="327">
        <v>379327</v>
      </c>
      <c r="HF24" s="331">
        <v>496845</v>
      </c>
      <c r="HG24" s="332">
        <v>0</v>
      </c>
      <c r="HH24" s="327">
        <v>1337028</v>
      </c>
      <c r="HI24" s="327">
        <v>1297090</v>
      </c>
      <c r="HJ24" s="327">
        <v>414444</v>
      </c>
      <c r="HK24" s="327">
        <v>662616</v>
      </c>
      <c r="HL24" s="327">
        <v>773636</v>
      </c>
      <c r="HM24" s="328">
        <v>4484814</v>
      </c>
      <c r="HN24" s="329">
        <v>4981659</v>
      </c>
      <c r="HO24" s="333">
        <v>0</v>
      </c>
      <c r="HP24" s="327">
        <v>0</v>
      </c>
      <c r="HQ24" s="328">
        <v>0</v>
      </c>
      <c r="HR24" s="326">
        <v>0</v>
      </c>
      <c r="HS24" s="327">
        <v>0</v>
      </c>
      <c r="HT24" s="327">
        <v>0</v>
      </c>
      <c r="HU24" s="327">
        <v>0</v>
      </c>
      <c r="HV24" s="327">
        <v>0</v>
      </c>
      <c r="HW24" s="327">
        <v>0</v>
      </c>
      <c r="HX24" s="331">
        <v>0</v>
      </c>
      <c r="HY24" s="330">
        <v>0</v>
      </c>
      <c r="HZ24" s="358">
        <v>0</v>
      </c>
      <c r="IA24" s="356">
        <v>0</v>
      </c>
      <c r="IB24" s="358">
        <v>0</v>
      </c>
      <c r="IC24" s="355">
        <v>0</v>
      </c>
      <c r="ID24" s="356">
        <v>1053125</v>
      </c>
      <c r="IE24" s="357">
        <v>1274468</v>
      </c>
      <c r="IF24" s="358">
        <v>1979277</v>
      </c>
      <c r="IG24" s="356">
        <v>0</v>
      </c>
      <c r="IH24" s="358">
        <v>1595207</v>
      </c>
      <c r="II24" s="359">
        <v>5902077</v>
      </c>
      <c r="IJ24" s="358">
        <v>5902077</v>
      </c>
      <c r="IK24" s="342">
        <v>0</v>
      </c>
      <c r="IL24" s="343">
        <v>0</v>
      </c>
      <c r="IM24" s="344">
        <v>0</v>
      </c>
      <c r="IN24" s="404">
        <v>0</v>
      </c>
      <c r="IO24" s="345">
        <v>0</v>
      </c>
      <c r="IP24" s="345">
        <v>0</v>
      </c>
      <c r="IQ24" s="345">
        <v>0</v>
      </c>
      <c r="IR24" s="345">
        <v>0</v>
      </c>
      <c r="IS24" s="345">
        <v>0</v>
      </c>
      <c r="IT24" s="346">
        <v>0</v>
      </c>
      <c r="IU24" s="347">
        <v>0</v>
      </c>
      <c r="IV24" s="348">
        <v>0</v>
      </c>
      <c r="IW24" s="345">
        <v>0</v>
      </c>
      <c r="IX24" s="349">
        <v>0</v>
      </c>
      <c r="IY24" s="404">
        <v>0</v>
      </c>
      <c r="IZ24" s="345">
        <v>0</v>
      </c>
      <c r="JA24" s="345">
        <v>0</v>
      </c>
      <c r="JB24" s="345">
        <v>0</v>
      </c>
      <c r="JC24" s="345">
        <v>0</v>
      </c>
      <c r="JD24" s="345">
        <v>0</v>
      </c>
      <c r="JE24" s="349">
        <v>0</v>
      </c>
      <c r="JF24" s="350">
        <v>0</v>
      </c>
      <c r="JG24" s="348">
        <v>0</v>
      </c>
      <c r="JH24" s="345">
        <v>0</v>
      </c>
      <c r="JI24" s="346">
        <v>0</v>
      </c>
      <c r="JJ24" s="351">
        <v>0</v>
      </c>
      <c r="JK24" s="345">
        <v>292392</v>
      </c>
      <c r="JL24" s="345">
        <v>26391</v>
      </c>
      <c r="JM24" s="345">
        <v>0</v>
      </c>
      <c r="JN24" s="345">
        <v>0</v>
      </c>
      <c r="JO24" s="345">
        <v>0</v>
      </c>
      <c r="JP24" s="349">
        <v>318783</v>
      </c>
      <c r="JQ24" s="347">
        <v>318783</v>
      </c>
      <c r="JR24" s="348">
        <v>0</v>
      </c>
      <c r="JS24" s="345">
        <v>0</v>
      </c>
      <c r="JT24" s="346">
        <v>0</v>
      </c>
      <c r="JU24" s="351">
        <v>0</v>
      </c>
      <c r="JV24" s="345">
        <v>111035</v>
      </c>
      <c r="JW24" s="345">
        <v>208804</v>
      </c>
      <c r="JX24" s="345">
        <v>0</v>
      </c>
      <c r="JY24" s="345">
        <v>0</v>
      </c>
      <c r="JZ24" s="345">
        <v>0</v>
      </c>
      <c r="KA24" s="349">
        <v>319839</v>
      </c>
      <c r="KB24" s="347">
        <v>319839</v>
      </c>
      <c r="KC24" s="352">
        <v>0</v>
      </c>
      <c r="KD24" s="353">
        <v>0</v>
      </c>
      <c r="KE24" s="349">
        <v>0</v>
      </c>
      <c r="KF24" s="351">
        <v>0</v>
      </c>
      <c r="KG24" s="345">
        <v>413228</v>
      </c>
      <c r="KH24" s="345">
        <v>562929</v>
      </c>
      <c r="KI24" s="345">
        <v>1411357</v>
      </c>
      <c r="KJ24" s="345">
        <v>0</v>
      </c>
      <c r="KK24" s="345">
        <v>0</v>
      </c>
      <c r="KL24" s="349">
        <v>2387514</v>
      </c>
      <c r="KM24" s="354">
        <v>2387514</v>
      </c>
      <c r="KN24" s="342">
        <v>0</v>
      </c>
      <c r="KO24" s="343">
        <v>0</v>
      </c>
      <c r="KP24" s="344">
        <v>0</v>
      </c>
      <c r="KQ24" s="404">
        <v>0</v>
      </c>
      <c r="KR24" s="345">
        <v>236470</v>
      </c>
      <c r="KS24" s="345">
        <v>252254</v>
      </c>
      <c r="KT24" s="345">
        <v>269643</v>
      </c>
      <c r="KU24" s="345">
        <v>0</v>
      </c>
      <c r="KV24" s="345">
        <v>273304</v>
      </c>
      <c r="KW24" s="349">
        <v>1031671</v>
      </c>
      <c r="KX24" s="347">
        <v>1031671</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224090</v>
      </c>
      <c r="MA24" s="345">
        <v>298277</v>
      </c>
      <c r="MB24" s="345">
        <v>0</v>
      </c>
      <c r="MC24" s="345">
        <v>1321903</v>
      </c>
      <c r="MD24" s="349">
        <v>1844270</v>
      </c>
      <c r="ME24" s="350">
        <v>1844270</v>
      </c>
      <c r="MF24" s="348">
        <v>0</v>
      </c>
      <c r="MG24" s="345">
        <v>0</v>
      </c>
      <c r="MH24" s="349">
        <v>0</v>
      </c>
      <c r="MI24" s="404">
        <v>0</v>
      </c>
      <c r="MJ24" s="345">
        <v>433099</v>
      </c>
      <c r="MK24" s="345">
        <v>577303</v>
      </c>
      <c r="ML24" s="345">
        <v>1467002</v>
      </c>
      <c r="MM24" s="345">
        <v>2367175</v>
      </c>
      <c r="MN24" s="345">
        <v>1422508</v>
      </c>
      <c r="MO24" s="349">
        <v>6267087</v>
      </c>
      <c r="MP24" s="354">
        <v>6267087</v>
      </c>
      <c r="MQ24" s="348">
        <v>0</v>
      </c>
      <c r="MR24" s="345">
        <v>0</v>
      </c>
      <c r="MS24" s="349">
        <v>0</v>
      </c>
      <c r="MT24" s="404">
        <v>0</v>
      </c>
      <c r="MU24" s="345">
        <v>0</v>
      </c>
      <c r="MV24" s="345">
        <v>0</v>
      </c>
      <c r="MW24" s="345">
        <v>779644</v>
      </c>
      <c r="MX24" s="345">
        <v>1402086</v>
      </c>
      <c r="MY24" s="345">
        <v>1422508</v>
      </c>
      <c r="MZ24" s="349">
        <v>3604238</v>
      </c>
      <c r="NA24" s="354">
        <v>3604238</v>
      </c>
      <c r="NB24" s="348">
        <v>0</v>
      </c>
      <c r="NC24" s="345">
        <v>0</v>
      </c>
      <c r="ND24" s="349">
        <v>0</v>
      </c>
      <c r="NE24" s="404">
        <v>0</v>
      </c>
      <c r="NF24" s="345">
        <v>433099</v>
      </c>
      <c r="NG24" s="345">
        <v>577303</v>
      </c>
      <c r="NH24" s="345">
        <v>687358</v>
      </c>
      <c r="NI24" s="345">
        <v>965089</v>
      </c>
      <c r="NJ24" s="345">
        <v>0</v>
      </c>
      <c r="NK24" s="349">
        <v>2662849</v>
      </c>
      <c r="NL24" s="347">
        <v>2662849</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0</v>
      </c>
      <c r="OG24" s="349">
        <v>0</v>
      </c>
      <c r="OH24" s="350">
        <v>0</v>
      </c>
      <c r="OI24" s="348">
        <v>361312</v>
      </c>
      <c r="OJ24" s="345">
        <v>767462</v>
      </c>
      <c r="OK24" s="346">
        <v>1128774</v>
      </c>
      <c r="OL24" s="351">
        <v>0</v>
      </c>
      <c r="OM24" s="345">
        <v>5559206</v>
      </c>
      <c r="ON24" s="345">
        <v>6176277</v>
      </c>
      <c r="OO24" s="345">
        <v>5401861</v>
      </c>
      <c r="OP24" s="345">
        <v>3992026</v>
      </c>
      <c r="OQ24" s="345">
        <v>4564835</v>
      </c>
      <c r="OR24" s="349">
        <v>25694205</v>
      </c>
      <c r="OS24" s="354">
        <v>26822979</v>
      </c>
    </row>
    <row r="25" spans="2:409" s="70" customFormat="1" ht="21" customHeight="1" x14ac:dyDescent="0.2">
      <c r="B25" s="410" t="s">
        <v>20</v>
      </c>
      <c r="C25" s="326">
        <v>525793</v>
      </c>
      <c r="D25" s="327">
        <v>782770</v>
      </c>
      <c r="E25" s="328">
        <v>1308563</v>
      </c>
      <c r="F25" s="326">
        <v>0</v>
      </c>
      <c r="G25" s="327">
        <v>6306276</v>
      </c>
      <c r="H25" s="327">
        <v>5892613</v>
      </c>
      <c r="I25" s="327">
        <v>5557026</v>
      </c>
      <c r="J25" s="327">
        <v>3652294</v>
      </c>
      <c r="K25" s="327">
        <v>1639687</v>
      </c>
      <c r="L25" s="367">
        <v>23047896</v>
      </c>
      <c r="M25" s="330">
        <v>24356459</v>
      </c>
      <c r="N25" s="326">
        <v>154693</v>
      </c>
      <c r="O25" s="327">
        <v>389364</v>
      </c>
      <c r="P25" s="328">
        <v>544057</v>
      </c>
      <c r="Q25" s="326">
        <v>0</v>
      </c>
      <c r="R25" s="327">
        <v>1715908</v>
      </c>
      <c r="S25" s="327">
        <v>2364282</v>
      </c>
      <c r="T25" s="327">
        <v>1841548</v>
      </c>
      <c r="U25" s="327">
        <v>1164269</v>
      </c>
      <c r="V25" s="327">
        <v>821034</v>
      </c>
      <c r="W25" s="328">
        <v>7907041</v>
      </c>
      <c r="X25" s="330">
        <v>8451098</v>
      </c>
      <c r="Y25" s="326">
        <v>0</v>
      </c>
      <c r="Z25" s="327">
        <v>0</v>
      </c>
      <c r="AA25" s="328">
        <v>0</v>
      </c>
      <c r="AB25" s="326">
        <v>0</v>
      </c>
      <c r="AC25" s="327">
        <v>633765</v>
      </c>
      <c r="AD25" s="327">
        <v>881029</v>
      </c>
      <c r="AE25" s="327">
        <v>775354</v>
      </c>
      <c r="AF25" s="327">
        <v>537165</v>
      </c>
      <c r="AG25" s="327">
        <v>332711</v>
      </c>
      <c r="AH25" s="328">
        <v>3160024</v>
      </c>
      <c r="AI25" s="330">
        <v>3160024</v>
      </c>
      <c r="AJ25" s="326">
        <v>0</v>
      </c>
      <c r="AK25" s="327">
        <v>0</v>
      </c>
      <c r="AL25" s="328">
        <v>0</v>
      </c>
      <c r="AM25" s="326">
        <v>0</v>
      </c>
      <c r="AN25" s="327">
        <v>0</v>
      </c>
      <c r="AO25" s="327">
        <v>13729</v>
      </c>
      <c r="AP25" s="327">
        <v>25920</v>
      </c>
      <c r="AQ25" s="327">
        <v>157301</v>
      </c>
      <c r="AR25" s="327">
        <v>157301</v>
      </c>
      <c r="AS25" s="328">
        <v>354251</v>
      </c>
      <c r="AT25" s="330">
        <v>354251</v>
      </c>
      <c r="AU25" s="326">
        <v>79945</v>
      </c>
      <c r="AV25" s="327">
        <v>230090</v>
      </c>
      <c r="AW25" s="328">
        <v>310035</v>
      </c>
      <c r="AX25" s="326">
        <v>0</v>
      </c>
      <c r="AY25" s="327">
        <v>666015</v>
      </c>
      <c r="AZ25" s="327">
        <v>903494</v>
      </c>
      <c r="BA25" s="327">
        <v>480648</v>
      </c>
      <c r="BB25" s="327">
        <v>158703</v>
      </c>
      <c r="BC25" s="327">
        <v>213526</v>
      </c>
      <c r="BD25" s="328">
        <v>2422386</v>
      </c>
      <c r="BE25" s="330">
        <v>2732421</v>
      </c>
      <c r="BF25" s="326">
        <v>49596</v>
      </c>
      <c r="BG25" s="327">
        <v>90770</v>
      </c>
      <c r="BH25" s="331">
        <v>140366</v>
      </c>
      <c r="BI25" s="332">
        <v>0</v>
      </c>
      <c r="BJ25" s="327">
        <v>126672</v>
      </c>
      <c r="BK25" s="327">
        <v>278142</v>
      </c>
      <c r="BL25" s="327">
        <v>238810</v>
      </c>
      <c r="BM25" s="327">
        <v>82868</v>
      </c>
      <c r="BN25" s="327">
        <v>0</v>
      </c>
      <c r="BO25" s="328">
        <v>726492</v>
      </c>
      <c r="BP25" s="330">
        <v>866858</v>
      </c>
      <c r="BQ25" s="326">
        <v>25152</v>
      </c>
      <c r="BR25" s="327">
        <v>68504</v>
      </c>
      <c r="BS25" s="328">
        <v>93656</v>
      </c>
      <c r="BT25" s="326">
        <v>0</v>
      </c>
      <c r="BU25" s="327">
        <v>289456</v>
      </c>
      <c r="BV25" s="327">
        <v>287888</v>
      </c>
      <c r="BW25" s="327">
        <v>320816</v>
      </c>
      <c r="BX25" s="327">
        <v>228232</v>
      </c>
      <c r="BY25" s="327">
        <v>117496</v>
      </c>
      <c r="BZ25" s="328">
        <v>1243888</v>
      </c>
      <c r="CA25" s="330">
        <v>1337544</v>
      </c>
      <c r="CB25" s="326">
        <v>42621</v>
      </c>
      <c r="CC25" s="327">
        <v>0</v>
      </c>
      <c r="CD25" s="328">
        <v>42621</v>
      </c>
      <c r="CE25" s="326">
        <v>0</v>
      </c>
      <c r="CF25" s="327">
        <v>2624704</v>
      </c>
      <c r="CG25" s="327">
        <v>1961124</v>
      </c>
      <c r="CH25" s="327">
        <v>1556736</v>
      </c>
      <c r="CI25" s="327">
        <v>654149</v>
      </c>
      <c r="CJ25" s="327">
        <v>21166</v>
      </c>
      <c r="CK25" s="328">
        <v>6817879</v>
      </c>
      <c r="CL25" s="330">
        <v>6860500</v>
      </c>
      <c r="CM25" s="326">
        <v>0</v>
      </c>
      <c r="CN25" s="327">
        <v>0</v>
      </c>
      <c r="CO25" s="328">
        <v>0</v>
      </c>
      <c r="CP25" s="332">
        <v>0</v>
      </c>
      <c r="CQ25" s="327">
        <v>1911196</v>
      </c>
      <c r="CR25" s="327">
        <v>1664365</v>
      </c>
      <c r="CS25" s="327">
        <v>1241622</v>
      </c>
      <c r="CT25" s="327">
        <v>510275</v>
      </c>
      <c r="CU25" s="327">
        <v>0</v>
      </c>
      <c r="CV25" s="328">
        <v>5327458</v>
      </c>
      <c r="CW25" s="330">
        <v>5327458</v>
      </c>
      <c r="CX25" s="326">
        <v>42621</v>
      </c>
      <c r="CY25" s="327">
        <v>0</v>
      </c>
      <c r="CZ25" s="328">
        <v>42621</v>
      </c>
      <c r="DA25" s="326">
        <v>0</v>
      </c>
      <c r="DB25" s="327">
        <v>713508</v>
      </c>
      <c r="DC25" s="327">
        <v>296759</v>
      </c>
      <c r="DD25" s="327">
        <v>315114</v>
      </c>
      <c r="DE25" s="327">
        <v>143874</v>
      </c>
      <c r="DF25" s="327">
        <v>21166</v>
      </c>
      <c r="DG25" s="328">
        <v>1490421</v>
      </c>
      <c r="DH25" s="330">
        <v>1533042</v>
      </c>
      <c r="DI25" s="326">
        <v>0</v>
      </c>
      <c r="DJ25" s="327">
        <v>0</v>
      </c>
      <c r="DK25" s="331">
        <v>0</v>
      </c>
      <c r="DL25" s="332">
        <v>0</v>
      </c>
      <c r="DM25" s="327">
        <v>459722</v>
      </c>
      <c r="DN25" s="327">
        <v>454020</v>
      </c>
      <c r="DO25" s="327">
        <v>610722</v>
      </c>
      <c r="DP25" s="327">
        <v>110366</v>
      </c>
      <c r="DQ25" s="327">
        <v>207476</v>
      </c>
      <c r="DR25" s="328">
        <v>1842306</v>
      </c>
      <c r="DS25" s="330">
        <v>1842306</v>
      </c>
      <c r="DT25" s="326">
        <v>0</v>
      </c>
      <c r="DU25" s="327">
        <v>0</v>
      </c>
      <c r="DV25" s="328">
        <v>0</v>
      </c>
      <c r="DW25" s="326">
        <v>0</v>
      </c>
      <c r="DX25" s="327">
        <v>441864</v>
      </c>
      <c r="DY25" s="327">
        <v>305070</v>
      </c>
      <c r="DZ25" s="327">
        <v>550611</v>
      </c>
      <c r="EA25" s="327">
        <v>65298</v>
      </c>
      <c r="EB25" s="327">
        <v>207476</v>
      </c>
      <c r="EC25" s="328">
        <v>1570319</v>
      </c>
      <c r="ED25" s="330">
        <v>1570319</v>
      </c>
      <c r="EE25" s="326">
        <v>0</v>
      </c>
      <c r="EF25" s="331">
        <v>0</v>
      </c>
      <c r="EG25" s="328">
        <v>0</v>
      </c>
      <c r="EH25" s="326">
        <v>0</v>
      </c>
      <c r="EI25" s="327">
        <v>17858</v>
      </c>
      <c r="EJ25" s="327">
        <v>148950</v>
      </c>
      <c r="EK25" s="327">
        <v>60111</v>
      </c>
      <c r="EL25" s="327">
        <v>45068</v>
      </c>
      <c r="EM25" s="327">
        <v>0</v>
      </c>
      <c r="EN25" s="331">
        <v>271987</v>
      </c>
      <c r="EO25" s="330">
        <v>271987</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216088</v>
      </c>
      <c r="FM25" s="327">
        <v>104344</v>
      </c>
      <c r="FN25" s="328">
        <v>320432</v>
      </c>
      <c r="FO25" s="326">
        <v>0</v>
      </c>
      <c r="FP25" s="327">
        <v>511864</v>
      </c>
      <c r="FQ25" s="327">
        <v>632144</v>
      </c>
      <c r="FR25" s="327">
        <v>402712</v>
      </c>
      <c r="FS25" s="327">
        <v>176736</v>
      </c>
      <c r="FT25" s="327">
        <v>111224</v>
      </c>
      <c r="FU25" s="328">
        <v>1834680</v>
      </c>
      <c r="FV25" s="330">
        <v>2155112</v>
      </c>
      <c r="FW25" s="333">
        <v>56088</v>
      </c>
      <c r="FX25" s="327">
        <v>104344</v>
      </c>
      <c r="FY25" s="331">
        <v>160432</v>
      </c>
      <c r="FZ25" s="332">
        <v>0</v>
      </c>
      <c r="GA25" s="327">
        <v>403184</v>
      </c>
      <c r="GB25" s="327">
        <v>501672</v>
      </c>
      <c r="GC25" s="327">
        <v>345912</v>
      </c>
      <c r="GD25" s="327">
        <v>176736</v>
      </c>
      <c r="GE25" s="327">
        <v>111224</v>
      </c>
      <c r="GF25" s="328">
        <v>1538728</v>
      </c>
      <c r="GG25" s="334">
        <v>1699160</v>
      </c>
      <c r="GH25" s="333">
        <v>0</v>
      </c>
      <c r="GI25" s="327">
        <v>0</v>
      </c>
      <c r="GJ25" s="331">
        <v>0</v>
      </c>
      <c r="GK25" s="332">
        <v>0</v>
      </c>
      <c r="GL25" s="327">
        <v>0</v>
      </c>
      <c r="GM25" s="327">
        <v>0</v>
      </c>
      <c r="GN25" s="327">
        <v>0</v>
      </c>
      <c r="GO25" s="327">
        <v>0</v>
      </c>
      <c r="GP25" s="327">
        <v>0</v>
      </c>
      <c r="GQ25" s="328">
        <v>0</v>
      </c>
      <c r="GR25" s="330">
        <v>0</v>
      </c>
      <c r="GS25" s="326">
        <v>160000</v>
      </c>
      <c r="GT25" s="327">
        <v>0</v>
      </c>
      <c r="GU25" s="328">
        <v>160000</v>
      </c>
      <c r="GV25" s="326">
        <v>0</v>
      </c>
      <c r="GW25" s="327">
        <v>108680</v>
      </c>
      <c r="GX25" s="327">
        <v>130472</v>
      </c>
      <c r="GY25" s="327">
        <v>56800</v>
      </c>
      <c r="GZ25" s="327">
        <v>0</v>
      </c>
      <c r="HA25" s="327">
        <v>0</v>
      </c>
      <c r="HB25" s="331">
        <v>295952</v>
      </c>
      <c r="HC25" s="330">
        <v>455952</v>
      </c>
      <c r="HD25" s="326">
        <v>112391</v>
      </c>
      <c r="HE25" s="327">
        <v>289062</v>
      </c>
      <c r="HF25" s="331">
        <v>401453</v>
      </c>
      <c r="HG25" s="332">
        <v>0</v>
      </c>
      <c r="HH25" s="327">
        <v>994078</v>
      </c>
      <c r="HI25" s="327">
        <v>481043</v>
      </c>
      <c r="HJ25" s="327">
        <v>1145308</v>
      </c>
      <c r="HK25" s="327">
        <v>1546774</v>
      </c>
      <c r="HL25" s="327">
        <v>478787</v>
      </c>
      <c r="HM25" s="328">
        <v>4645990</v>
      </c>
      <c r="HN25" s="329">
        <v>5047443</v>
      </c>
      <c r="HO25" s="333">
        <v>0</v>
      </c>
      <c r="HP25" s="327">
        <v>0</v>
      </c>
      <c r="HQ25" s="328">
        <v>0</v>
      </c>
      <c r="HR25" s="326">
        <v>0</v>
      </c>
      <c r="HS25" s="327">
        <v>0</v>
      </c>
      <c r="HT25" s="327">
        <v>0</v>
      </c>
      <c r="HU25" s="327">
        <v>0</v>
      </c>
      <c r="HV25" s="327">
        <v>0</v>
      </c>
      <c r="HW25" s="327">
        <v>0</v>
      </c>
      <c r="HX25" s="331">
        <v>0</v>
      </c>
      <c r="HY25" s="330">
        <v>0</v>
      </c>
      <c r="HZ25" s="335">
        <v>0</v>
      </c>
      <c r="IA25" s="336">
        <v>0</v>
      </c>
      <c r="IB25" s="337">
        <v>0</v>
      </c>
      <c r="IC25" s="338">
        <v>0</v>
      </c>
      <c r="ID25" s="336">
        <v>1400279</v>
      </c>
      <c r="IE25" s="339">
        <v>1194901</v>
      </c>
      <c r="IF25" s="337">
        <v>1983801</v>
      </c>
      <c r="IG25" s="336">
        <v>169488</v>
      </c>
      <c r="IH25" s="337">
        <v>0</v>
      </c>
      <c r="II25" s="340">
        <v>4748469</v>
      </c>
      <c r="IJ25" s="341">
        <v>4748469</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681538</v>
      </c>
      <c r="JL25" s="345">
        <v>929074</v>
      </c>
      <c r="JM25" s="345">
        <v>424144</v>
      </c>
      <c r="JN25" s="345">
        <v>169488</v>
      </c>
      <c r="JO25" s="345">
        <v>0</v>
      </c>
      <c r="JP25" s="349">
        <v>2204244</v>
      </c>
      <c r="JQ25" s="347">
        <v>2204244</v>
      </c>
      <c r="JR25" s="348">
        <v>0</v>
      </c>
      <c r="JS25" s="345">
        <v>0</v>
      </c>
      <c r="JT25" s="346">
        <v>0</v>
      </c>
      <c r="JU25" s="351">
        <v>0</v>
      </c>
      <c r="JV25" s="345">
        <v>0</v>
      </c>
      <c r="JW25" s="345">
        <v>0</v>
      </c>
      <c r="JX25" s="345">
        <v>0</v>
      </c>
      <c r="JY25" s="345">
        <v>0</v>
      </c>
      <c r="JZ25" s="345">
        <v>0</v>
      </c>
      <c r="KA25" s="349">
        <v>0</v>
      </c>
      <c r="KB25" s="347">
        <v>0</v>
      </c>
      <c r="KC25" s="352">
        <v>0</v>
      </c>
      <c r="KD25" s="353">
        <v>0</v>
      </c>
      <c r="KE25" s="349">
        <v>0</v>
      </c>
      <c r="KF25" s="351">
        <v>0</v>
      </c>
      <c r="KG25" s="345">
        <v>0</v>
      </c>
      <c r="KH25" s="345">
        <v>0</v>
      </c>
      <c r="KI25" s="345">
        <v>498408</v>
      </c>
      <c r="KJ25" s="345">
        <v>0</v>
      </c>
      <c r="KK25" s="345">
        <v>0</v>
      </c>
      <c r="KL25" s="349">
        <v>498408</v>
      </c>
      <c r="KM25" s="354">
        <v>498408</v>
      </c>
      <c r="KN25" s="342">
        <v>0</v>
      </c>
      <c r="KO25" s="343">
        <v>0</v>
      </c>
      <c r="KP25" s="344">
        <v>0</v>
      </c>
      <c r="KQ25" s="404">
        <v>0</v>
      </c>
      <c r="KR25" s="345">
        <v>718741</v>
      </c>
      <c r="KS25" s="345">
        <v>265827</v>
      </c>
      <c r="KT25" s="345">
        <v>1061249</v>
      </c>
      <c r="KU25" s="345">
        <v>0</v>
      </c>
      <c r="KV25" s="345">
        <v>0</v>
      </c>
      <c r="KW25" s="349">
        <v>2045817</v>
      </c>
      <c r="KX25" s="347">
        <v>2045817</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0</v>
      </c>
      <c r="MK25" s="345">
        <v>1041315</v>
      </c>
      <c r="ML25" s="345">
        <v>1684337</v>
      </c>
      <c r="MM25" s="345">
        <v>3406849</v>
      </c>
      <c r="MN25" s="345">
        <v>1744907</v>
      </c>
      <c r="MO25" s="349">
        <v>7877408</v>
      </c>
      <c r="MP25" s="354">
        <v>7877408</v>
      </c>
      <c r="MQ25" s="348">
        <v>0</v>
      </c>
      <c r="MR25" s="345">
        <v>0</v>
      </c>
      <c r="MS25" s="349">
        <v>0</v>
      </c>
      <c r="MT25" s="404">
        <v>0</v>
      </c>
      <c r="MU25" s="345">
        <v>0</v>
      </c>
      <c r="MV25" s="345">
        <v>489662</v>
      </c>
      <c r="MW25" s="345">
        <v>1329933</v>
      </c>
      <c r="MX25" s="345">
        <v>2453192</v>
      </c>
      <c r="MY25" s="345">
        <v>1353223</v>
      </c>
      <c r="MZ25" s="349">
        <v>5626010</v>
      </c>
      <c r="NA25" s="354">
        <v>5626010</v>
      </c>
      <c r="NB25" s="348">
        <v>0</v>
      </c>
      <c r="NC25" s="345">
        <v>0</v>
      </c>
      <c r="ND25" s="349">
        <v>0</v>
      </c>
      <c r="NE25" s="404">
        <v>0</v>
      </c>
      <c r="NF25" s="345">
        <v>0</v>
      </c>
      <c r="NG25" s="345">
        <v>551653</v>
      </c>
      <c r="NH25" s="345">
        <v>354404</v>
      </c>
      <c r="NI25" s="345">
        <v>953657</v>
      </c>
      <c r="NJ25" s="345">
        <v>0</v>
      </c>
      <c r="NK25" s="349">
        <v>1859714</v>
      </c>
      <c r="NL25" s="347">
        <v>1859714</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0</v>
      </c>
      <c r="OE25" s="345">
        <v>0</v>
      </c>
      <c r="OF25" s="345">
        <v>391684</v>
      </c>
      <c r="OG25" s="349">
        <v>391684</v>
      </c>
      <c r="OH25" s="350">
        <v>391684</v>
      </c>
      <c r="OI25" s="348">
        <v>525793</v>
      </c>
      <c r="OJ25" s="345">
        <v>782770</v>
      </c>
      <c r="OK25" s="346">
        <v>1308563</v>
      </c>
      <c r="OL25" s="351">
        <v>0</v>
      </c>
      <c r="OM25" s="345">
        <v>7706555</v>
      </c>
      <c r="ON25" s="345">
        <v>8128829</v>
      </c>
      <c r="OO25" s="345">
        <v>9225164</v>
      </c>
      <c r="OP25" s="345">
        <v>7228631</v>
      </c>
      <c r="OQ25" s="345">
        <v>3384594</v>
      </c>
      <c r="OR25" s="349">
        <v>35673773</v>
      </c>
      <c r="OS25" s="354">
        <v>36982336</v>
      </c>
    </row>
    <row r="26" spans="2:409" s="70" customFormat="1" ht="21" customHeight="1" x14ac:dyDescent="0.2">
      <c r="B26" s="410" t="s">
        <v>21</v>
      </c>
      <c r="C26" s="326">
        <v>233276</v>
      </c>
      <c r="D26" s="327">
        <v>462510</v>
      </c>
      <c r="E26" s="328">
        <v>695786</v>
      </c>
      <c r="F26" s="329">
        <v>0</v>
      </c>
      <c r="G26" s="327">
        <v>3848844</v>
      </c>
      <c r="H26" s="327">
        <v>5560663</v>
      </c>
      <c r="I26" s="327">
        <v>4029922</v>
      </c>
      <c r="J26" s="327">
        <v>4332061</v>
      </c>
      <c r="K26" s="327">
        <v>1906705</v>
      </c>
      <c r="L26" s="367">
        <v>19678195</v>
      </c>
      <c r="M26" s="330">
        <v>20373981</v>
      </c>
      <c r="N26" s="326">
        <v>150666</v>
      </c>
      <c r="O26" s="327">
        <v>198952</v>
      </c>
      <c r="P26" s="328">
        <v>349618</v>
      </c>
      <c r="Q26" s="326">
        <v>0</v>
      </c>
      <c r="R26" s="327">
        <v>1153746</v>
      </c>
      <c r="S26" s="327">
        <v>1800493</v>
      </c>
      <c r="T26" s="327">
        <v>1474489</v>
      </c>
      <c r="U26" s="327">
        <v>1268005</v>
      </c>
      <c r="V26" s="327">
        <v>795943</v>
      </c>
      <c r="W26" s="328">
        <v>6492676</v>
      </c>
      <c r="X26" s="330">
        <v>6842294</v>
      </c>
      <c r="Y26" s="326">
        <v>0</v>
      </c>
      <c r="Z26" s="327">
        <v>0</v>
      </c>
      <c r="AA26" s="328">
        <v>0</v>
      </c>
      <c r="AB26" s="326">
        <v>0</v>
      </c>
      <c r="AC26" s="327">
        <v>370980</v>
      </c>
      <c r="AD26" s="327">
        <v>492656</v>
      </c>
      <c r="AE26" s="327">
        <v>473456</v>
      </c>
      <c r="AF26" s="327">
        <v>544729</v>
      </c>
      <c r="AG26" s="327">
        <v>525021</v>
      </c>
      <c r="AH26" s="328">
        <v>2406842</v>
      </c>
      <c r="AI26" s="330">
        <v>2406842</v>
      </c>
      <c r="AJ26" s="326">
        <v>0</v>
      </c>
      <c r="AK26" s="327">
        <v>0</v>
      </c>
      <c r="AL26" s="328">
        <v>0</v>
      </c>
      <c r="AM26" s="326">
        <v>0</v>
      </c>
      <c r="AN26" s="327">
        <v>0</v>
      </c>
      <c r="AO26" s="327">
        <v>0</v>
      </c>
      <c r="AP26" s="327">
        <v>47422</v>
      </c>
      <c r="AQ26" s="327">
        <v>0</v>
      </c>
      <c r="AR26" s="327">
        <v>47422</v>
      </c>
      <c r="AS26" s="328">
        <v>94844</v>
      </c>
      <c r="AT26" s="330">
        <v>94844</v>
      </c>
      <c r="AU26" s="326">
        <v>57785</v>
      </c>
      <c r="AV26" s="327">
        <v>160415</v>
      </c>
      <c r="AW26" s="328">
        <v>218200</v>
      </c>
      <c r="AX26" s="326">
        <v>0</v>
      </c>
      <c r="AY26" s="327">
        <v>514561</v>
      </c>
      <c r="AZ26" s="327">
        <v>862838</v>
      </c>
      <c r="BA26" s="327">
        <v>719351</v>
      </c>
      <c r="BB26" s="327">
        <v>448411</v>
      </c>
      <c r="BC26" s="327">
        <v>116996</v>
      </c>
      <c r="BD26" s="328">
        <v>2662157</v>
      </c>
      <c r="BE26" s="330">
        <v>2880357</v>
      </c>
      <c r="BF26" s="326">
        <v>41625</v>
      </c>
      <c r="BG26" s="327">
        <v>25657</v>
      </c>
      <c r="BH26" s="331">
        <v>67282</v>
      </c>
      <c r="BI26" s="332">
        <v>0</v>
      </c>
      <c r="BJ26" s="327">
        <v>54437</v>
      </c>
      <c r="BK26" s="327">
        <v>125607</v>
      </c>
      <c r="BL26" s="327">
        <v>68828</v>
      </c>
      <c r="BM26" s="327">
        <v>15385</v>
      </c>
      <c r="BN26" s="327">
        <v>0</v>
      </c>
      <c r="BO26" s="328">
        <v>264257</v>
      </c>
      <c r="BP26" s="330">
        <v>331539</v>
      </c>
      <c r="BQ26" s="326">
        <v>51256</v>
      </c>
      <c r="BR26" s="327">
        <v>12880</v>
      </c>
      <c r="BS26" s="328">
        <v>64136</v>
      </c>
      <c r="BT26" s="326">
        <v>0</v>
      </c>
      <c r="BU26" s="327">
        <v>213768</v>
      </c>
      <c r="BV26" s="327">
        <v>319392</v>
      </c>
      <c r="BW26" s="327">
        <v>165432</v>
      </c>
      <c r="BX26" s="327">
        <v>259480</v>
      </c>
      <c r="BY26" s="327">
        <v>106504</v>
      </c>
      <c r="BZ26" s="328">
        <v>1064576</v>
      </c>
      <c r="CA26" s="330">
        <v>1128712</v>
      </c>
      <c r="CB26" s="326">
        <v>39362</v>
      </c>
      <c r="CC26" s="327">
        <v>86048</v>
      </c>
      <c r="CD26" s="328">
        <v>125410</v>
      </c>
      <c r="CE26" s="326">
        <v>0</v>
      </c>
      <c r="CF26" s="327">
        <v>1215138</v>
      </c>
      <c r="CG26" s="327">
        <v>1464532</v>
      </c>
      <c r="CH26" s="327">
        <v>957063</v>
      </c>
      <c r="CI26" s="327">
        <v>289014</v>
      </c>
      <c r="CJ26" s="327">
        <v>31202</v>
      </c>
      <c r="CK26" s="328">
        <v>3956949</v>
      </c>
      <c r="CL26" s="330">
        <v>4082359</v>
      </c>
      <c r="CM26" s="326">
        <v>0</v>
      </c>
      <c r="CN26" s="327">
        <v>0</v>
      </c>
      <c r="CO26" s="328">
        <v>0</v>
      </c>
      <c r="CP26" s="332">
        <v>0</v>
      </c>
      <c r="CQ26" s="327">
        <v>983757</v>
      </c>
      <c r="CR26" s="327">
        <v>1310156</v>
      </c>
      <c r="CS26" s="327">
        <v>761505</v>
      </c>
      <c r="CT26" s="327">
        <v>289014</v>
      </c>
      <c r="CU26" s="327">
        <v>0</v>
      </c>
      <c r="CV26" s="328">
        <v>3344432</v>
      </c>
      <c r="CW26" s="330">
        <v>3344432</v>
      </c>
      <c r="CX26" s="326">
        <v>39362</v>
      </c>
      <c r="CY26" s="327">
        <v>86048</v>
      </c>
      <c r="CZ26" s="328">
        <v>125410</v>
      </c>
      <c r="DA26" s="326">
        <v>0</v>
      </c>
      <c r="DB26" s="327">
        <v>231381</v>
      </c>
      <c r="DC26" s="327">
        <v>154376</v>
      </c>
      <c r="DD26" s="327">
        <v>195558</v>
      </c>
      <c r="DE26" s="327">
        <v>0</v>
      </c>
      <c r="DF26" s="327">
        <v>31202</v>
      </c>
      <c r="DG26" s="328">
        <v>612517</v>
      </c>
      <c r="DH26" s="330">
        <v>737927</v>
      </c>
      <c r="DI26" s="326">
        <v>0</v>
      </c>
      <c r="DJ26" s="327">
        <v>7654</v>
      </c>
      <c r="DK26" s="331">
        <v>7654</v>
      </c>
      <c r="DL26" s="332">
        <v>0</v>
      </c>
      <c r="DM26" s="327">
        <v>223538</v>
      </c>
      <c r="DN26" s="327">
        <v>243078</v>
      </c>
      <c r="DO26" s="327">
        <v>61594</v>
      </c>
      <c r="DP26" s="327">
        <v>201756</v>
      </c>
      <c r="DQ26" s="327">
        <v>71781</v>
      </c>
      <c r="DR26" s="328">
        <v>801747</v>
      </c>
      <c r="DS26" s="330">
        <v>809401</v>
      </c>
      <c r="DT26" s="326">
        <v>0</v>
      </c>
      <c r="DU26" s="327">
        <v>7654</v>
      </c>
      <c r="DV26" s="328">
        <v>7654</v>
      </c>
      <c r="DW26" s="326">
        <v>0</v>
      </c>
      <c r="DX26" s="327">
        <v>223538</v>
      </c>
      <c r="DY26" s="327">
        <v>243078</v>
      </c>
      <c r="DZ26" s="327">
        <v>61594</v>
      </c>
      <c r="EA26" s="327">
        <v>201756</v>
      </c>
      <c r="EB26" s="327">
        <v>71781</v>
      </c>
      <c r="EC26" s="328">
        <v>801747</v>
      </c>
      <c r="ED26" s="330">
        <v>809401</v>
      </c>
      <c r="EE26" s="326">
        <v>0</v>
      </c>
      <c r="EF26" s="331">
        <v>0</v>
      </c>
      <c r="EG26" s="328">
        <v>0</v>
      </c>
      <c r="EH26" s="326">
        <v>0</v>
      </c>
      <c r="EI26" s="327">
        <v>0</v>
      </c>
      <c r="EJ26" s="327">
        <v>0</v>
      </c>
      <c r="EK26" s="327">
        <v>0</v>
      </c>
      <c r="EL26" s="327">
        <v>0</v>
      </c>
      <c r="EM26" s="327">
        <v>0</v>
      </c>
      <c r="EN26" s="331">
        <v>0</v>
      </c>
      <c r="EO26" s="330">
        <v>0</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43248</v>
      </c>
      <c r="FM26" s="327">
        <v>169856</v>
      </c>
      <c r="FN26" s="328">
        <v>213104</v>
      </c>
      <c r="FO26" s="326">
        <v>0</v>
      </c>
      <c r="FP26" s="327">
        <v>170024</v>
      </c>
      <c r="FQ26" s="327">
        <v>551756</v>
      </c>
      <c r="FR26" s="327">
        <v>519600</v>
      </c>
      <c r="FS26" s="327">
        <v>161328</v>
      </c>
      <c r="FT26" s="327">
        <v>78000</v>
      </c>
      <c r="FU26" s="328">
        <v>1480708</v>
      </c>
      <c r="FV26" s="330">
        <v>1693812</v>
      </c>
      <c r="FW26" s="333">
        <v>43248</v>
      </c>
      <c r="FX26" s="327">
        <v>150416</v>
      </c>
      <c r="FY26" s="331">
        <v>193664</v>
      </c>
      <c r="FZ26" s="332">
        <v>0</v>
      </c>
      <c r="GA26" s="327">
        <v>155504</v>
      </c>
      <c r="GB26" s="327">
        <v>486156</v>
      </c>
      <c r="GC26" s="327">
        <v>384400</v>
      </c>
      <c r="GD26" s="327">
        <v>161328</v>
      </c>
      <c r="GE26" s="327">
        <v>78000</v>
      </c>
      <c r="GF26" s="328">
        <v>1265388</v>
      </c>
      <c r="GG26" s="334">
        <v>1459052</v>
      </c>
      <c r="GH26" s="333">
        <v>0</v>
      </c>
      <c r="GI26" s="327">
        <v>19440</v>
      </c>
      <c r="GJ26" s="331">
        <v>19440</v>
      </c>
      <c r="GK26" s="332">
        <v>0</v>
      </c>
      <c r="GL26" s="327">
        <v>14520</v>
      </c>
      <c r="GM26" s="327">
        <v>0</v>
      </c>
      <c r="GN26" s="327">
        <v>0</v>
      </c>
      <c r="GO26" s="327">
        <v>0</v>
      </c>
      <c r="GP26" s="327">
        <v>0</v>
      </c>
      <c r="GQ26" s="328">
        <v>14520</v>
      </c>
      <c r="GR26" s="330">
        <v>33960</v>
      </c>
      <c r="GS26" s="326">
        <v>0</v>
      </c>
      <c r="GT26" s="327">
        <v>0</v>
      </c>
      <c r="GU26" s="328">
        <v>0</v>
      </c>
      <c r="GV26" s="326">
        <v>0</v>
      </c>
      <c r="GW26" s="327">
        <v>0</v>
      </c>
      <c r="GX26" s="327">
        <v>65600</v>
      </c>
      <c r="GY26" s="327">
        <v>135200</v>
      </c>
      <c r="GZ26" s="327">
        <v>0</v>
      </c>
      <c r="HA26" s="327">
        <v>0</v>
      </c>
      <c r="HB26" s="331">
        <v>200800</v>
      </c>
      <c r="HC26" s="330">
        <v>200800</v>
      </c>
      <c r="HD26" s="326">
        <v>0</v>
      </c>
      <c r="HE26" s="327">
        <v>0</v>
      </c>
      <c r="HF26" s="331">
        <v>0</v>
      </c>
      <c r="HG26" s="332">
        <v>0</v>
      </c>
      <c r="HH26" s="327">
        <v>1086398</v>
      </c>
      <c r="HI26" s="327">
        <v>1500804</v>
      </c>
      <c r="HJ26" s="327">
        <v>1017176</v>
      </c>
      <c r="HK26" s="327">
        <v>2411958</v>
      </c>
      <c r="HL26" s="327">
        <v>929779</v>
      </c>
      <c r="HM26" s="328">
        <v>6946115</v>
      </c>
      <c r="HN26" s="329">
        <v>6946115</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1077146</v>
      </c>
      <c r="IE26" s="357">
        <v>1143839</v>
      </c>
      <c r="IF26" s="358">
        <v>427415</v>
      </c>
      <c r="IG26" s="356">
        <v>355349</v>
      </c>
      <c r="IH26" s="358">
        <v>0</v>
      </c>
      <c r="II26" s="359">
        <v>3003749</v>
      </c>
      <c r="IJ26" s="358">
        <v>3003749</v>
      </c>
      <c r="IK26" s="342">
        <v>0</v>
      </c>
      <c r="IL26" s="343">
        <v>0</v>
      </c>
      <c r="IM26" s="344">
        <v>0</v>
      </c>
      <c r="IN26" s="404">
        <v>0</v>
      </c>
      <c r="IO26" s="345">
        <v>67018</v>
      </c>
      <c r="IP26" s="345">
        <v>0</v>
      </c>
      <c r="IQ26" s="345">
        <v>0</v>
      </c>
      <c r="IR26" s="345">
        <v>0</v>
      </c>
      <c r="IS26" s="345">
        <v>0</v>
      </c>
      <c r="IT26" s="346">
        <v>67018</v>
      </c>
      <c r="IU26" s="347">
        <v>67018</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674251</v>
      </c>
      <c r="JL26" s="345">
        <v>378191</v>
      </c>
      <c r="JM26" s="345">
        <v>190648</v>
      </c>
      <c r="JN26" s="345">
        <v>89401</v>
      </c>
      <c r="JO26" s="345">
        <v>0</v>
      </c>
      <c r="JP26" s="349">
        <v>1332491</v>
      </c>
      <c r="JQ26" s="347">
        <v>1332491</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0</v>
      </c>
      <c r="KH26" s="345">
        <v>0</v>
      </c>
      <c r="KI26" s="345">
        <v>236767</v>
      </c>
      <c r="KJ26" s="345">
        <v>0</v>
      </c>
      <c r="KK26" s="345">
        <v>0</v>
      </c>
      <c r="KL26" s="349">
        <v>236767</v>
      </c>
      <c r="KM26" s="354">
        <v>236767</v>
      </c>
      <c r="KN26" s="342">
        <v>0</v>
      </c>
      <c r="KO26" s="343">
        <v>0</v>
      </c>
      <c r="KP26" s="344">
        <v>0</v>
      </c>
      <c r="KQ26" s="404">
        <v>0</v>
      </c>
      <c r="KR26" s="345">
        <v>335877</v>
      </c>
      <c r="KS26" s="345">
        <v>765648</v>
      </c>
      <c r="KT26" s="345">
        <v>0</v>
      </c>
      <c r="KU26" s="345">
        <v>265948</v>
      </c>
      <c r="KV26" s="345">
        <v>0</v>
      </c>
      <c r="KW26" s="349">
        <v>1367473</v>
      </c>
      <c r="KX26" s="347">
        <v>1367473</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599331</v>
      </c>
      <c r="MK26" s="345">
        <v>0</v>
      </c>
      <c r="ML26" s="345">
        <v>1377367</v>
      </c>
      <c r="MM26" s="345">
        <v>2523869</v>
      </c>
      <c r="MN26" s="345">
        <v>2004357</v>
      </c>
      <c r="MO26" s="349">
        <v>6504924</v>
      </c>
      <c r="MP26" s="354">
        <v>6504924</v>
      </c>
      <c r="MQ26" s="348">
        <v>0</v>
      </c>
      <c r="MR26" s="345">
        <v>0</v>
      </c>
      <c r="MS26" s="349">
        <v>0</v>
      </c>
      <c r="MT26" s="404">
        <v>0</v>
      </c>
      <c r="MU26" s="345">
        <v>0</v>
      </c>
      <c r="MV26" s="345">
        <v>0</v>
      </c>
      <c r="MW26" s="345">
        <v>757640</v>
      </c>
      <c r="MX26" s="345">
        <v>2114573</v>
      </c>
      <c r="MY26" s="345">
        <v>1257824</v>
      </c>
      <c r="MZ26" s="349">
        <v>4130037</v>
      </c>
      <c r="NA26" s="354">
        <v>4130037</v>
      </c>
      <c r="NB26" s="348">
        <v>0</v>
      </c>
      <c r="NC26" s="345">
        <v>0</v>
      </c>
      <c r="ND26" s="349">
        <v>0</v>
      </c>
      <c r="NE26" s="404">
        <v>0</v>
      </c>
      <c r="NF26" s="345">
        <v>599331</v>
      </c>
      <c r="NG26" s="345">
        <v>0</v>
      </c>
      <c r="NH26" s="345">
        <v>619727</v>
      </c>
      <c r="NI26" s="345">
        <v>409296</v>
      </c>
      <c r="NJ26" s="345">
        <v>346605</v>
      </c>
      <c r="NK26" s="349">
        <v>1974959</v>
      </c>
      <c r="NL26" s="347">
        <v>1974959</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0</v>
      </c>
      <c r="OF26" s="345">
        <v>399928</v>
      </c>
      <c r="OG26" s="349">
        <v>399928</v>
      </c>
      <c r="OH26" s="350">
        <v>399928</v>
      </c>
      <c r="OI26" s="348">
        <v>233276</v>
      </c>
      <c r="OJ26" s="345">
        <v>462510</v>
      </c>
      <c r="OK26" s="346">
        <v>695786</v>
      </c>
      <c r="OL26" s="351">
        <v>0</v>
      </c>
      <c r="OM26" s="345">
        <v>5525321</v>
      </c>
      <c r="ON26" s="345">
        <v>6704502</v>
      </c>
      <c r="OO26" s="345">
        <v>5834704</v>
      </c>
      <c r="OP26" s="345">
        <v>7211279</v>
      </c>
      <c r="OQ26" s="345">
        <v>3911062</v>
      </c>
      <c r="OR26" s="349">
        <v>29186868</v>
      </c>
      <c r="OS26" s="354">
        <v>29882654</v>
      </c>
    </row>
    <row r="27" spans="2:409" s="70" customFormat="1" ht="21" customHeight="1" x14ac:dyDescent="0.2">
      <c r="B27" s="410" t="s">
        <v>22</v>
      </c>
      <c r="C27" s="326">
        <v>111931</v>
      </c>
      <c r="D27" s="327">
        <v>190784</v>
      </c>
      <c r="E27" s="328">
        <v>302715</v>
      </c>
      <c r="F27" s="329">
        <v>0</v>
      </c>
      <c r="G27" s="327">
        <v>2457518</v>
      </c>
      <c r="H27" s="327">
        <v>1923686</v>
      </c>
      <c r="I27" s="327">
        <v>2505081</v>
      </c>
      <c r="J27" s="327">
        <v>1703157</v>
      </c>
      <c r="K27" s="327">
        <v>497929</v>
      </c>
      <c r="L27" s="367">
        <v>9087371</v>
      </c>
      <c r="M27" s="330">
        <v>9390086</v>
      </c>
      <c r="N27" s="326">
        <v>57330</v>
      </c>
      <c r="O27" s="327">
        <v>0</v>
      </c>
      <c r="P27" s="328">
        <v>57330</v>
      </c>
      <c r="Q27" s="326">
        <v>0</v>
      </c>
      <c r="R27" s="327">
        <v>703819</v>
      </c>
      <c r="S27" s="327">
        <v>657364</v>
      </c>
      <c r="T27" s="327">
        <v>527224</v>
      </c>
      <c r="U27" s="327">
        <v>315595</v>
      </c>
      <c r="V27" s="327">
        <v>262035</v>
      </c>
      <c r="W27" s="328">
        <v>2466037</v>
      </c>
      <c r="X27" s="330">
        <v>2523367</v>
      </c>
      <c r="Y27" s="326">
        <v>0</v>
      </c>
      <c r="Z27" s="327">
        <v>0</v>
      </c>
      <c r="AA27" s="328">
        <v>0</v>
      </c>
      <c r="AB27" s="326">
        <v>0</v>
      </c>
      <c r="AC27" s="327">
        <v>422939</v>
      </c>
      <c r="AD27" s="327">
        <v>258398</v>
      </c>
      <c r="AE27" s="327">
        <v>290410</v>
      </c>
      <c r="AF27" s="327">
        <v>150274</v>
      </c>
      <c r="AG27" s="327">
        <v>181079</v>
      </c>
      <c r="AH27" s="328">
        <v>1303100</v>
      </c>
      <c r="AI27" s="330">
        <v>1303100</v>
      </c>
      <c r="AJ27" s="326">
        <v>0</v>
      </c>
      <c r="AK27" s="327">
        <v>0</v>
      </c>
      <c r="AL27" s="328">
        <v>0</v>
      </c>
      <c r="AM27" s="326">
        <v>0</v>
      </c>
      <c r="AN27" s="327">
        <v>0</v>
      </c>
      <c r="AO27" s="327">
        <v>0</v>
      </c>
      <c r="AP27" s="327">
        <v>0</v>
      </c>
      <c r="AQ27" s="327">
        <v>0</v>
      </c>
      <c r="AR27" s="327">
        <v>0</v>
      </c>
      <c r="AS27" s="328">
        <v>0</v>
      </c>
      <c r="AT27" s="330">
        <v>0</v>
      </c>
      <c r="AU27" s="326">
        <v>0</v>
      </c>
      <c r="AV27" s="327">
        <v>0</v>
      </c>
      <c r="AW27" s="328">
        <v>0</v>
      </c>
      <c r="AX27" s="326">
        <v>0</v>
      </c>
      <c r="AY27" s="327">
        <v>159111</v>
      </c>
      <c r="AZ27" s="327">
        <v>322982</v>
      </c>
      <c r="BA27" s="327">
        <v>149286</v>
      </c>
      <c r="BB27" s="327">
        <v>59577</v>
      </c>
      <c r="BC27" s="327">
        <v>58676</v>
      </c>
      <c r="BD27" s="328">
        <v>749632</v>
      </c>
      <c r="BE27" s="330">
        <v>749632</v>
      </c>
      <c r="BF27" s="326">
        <v>34626</v>
      </c>
      <c r="BG27" s="327">
        <v>0</v>
      </c>
      <c r="BH27" s="331">
        <v>34626</v>
      </c>
      <c r="BI27" s="332">
        <v>0</v>
      </c>
      <c r="BJ27" s="327">
        <v>31209</v>
      </c>
      <c r="BK27" s="327">
        <v>0</v>
      </c>
      <c r="BL27" s="327">
        <v>0</v>
      </c>
      <c r="BM27" s="327">
        <v>0</v>
      </c>
      <c r="BN27" s="327">
        <v>0</v>
      </c>
      <c r="BO27" s="328">
        <v>31209</v>
      </c>
      <c r="BP27" s="330">
        <v>65835</v>
      </c>
      <c r="BQ27" s="326">
        <v>22704</v>
      </c>
      <c r="BR27" s="327">
        <v>0</v>
      </c>
      <c r="BS27" s="328">
        <v>22704</v>
      </c>
      <c r="BT27" s="326">
        <v>0</v>
      </c>
      <c r="BU27" s="327">
        <v>90560</v>
      </c>
      <c r="BV27" s="327">
        <v>75984</v>
      </c>
      <c r="BW27" s="327">
        <v>87528</v>
      </c>
      <c r="BX27" s="327">
        <v>105744</v>
      </c>
      <c r="BY27" s="327">
        <v>22280</v>
      </c>
      <c r="BZ27" s="328">
        <v>382096</v>
      </c>
      <c r="CA27" s="330">
        <v>404800</v>
      </c>
      <c r="CB27" s="326">
        <v>0</v>
      </c>
      <c r="CC27" s="327">
        <v>38608</v>
      </c>
      <c r="CD27" s="328">
        <v>38608</v>
      </c>
      <c r="CE27" s="326">
        <v>0</v>
      </c>
      <c r="CF27" s="327">
        <v>725783</v>
      </c>
      <c r="CG27" s="327">
        <v>780292</v>
      </c>
      <c r="CH27" s="327">
        <v>729970</v>
      </c>
      <c r="CI27" s="327">
        <v>146384</v>
      </c>
      <c r="CJ27" s="327">
        <v>96814</v>
      </c>
      <c r="CK27" s="328">
        <v>2479243</v>
      </c>
      <c r="CL27" s="330">
        <v>2517851</v>
      </c>
      <c r="CM27" s="326">
        <v>0</v>
      </c>
      <c r="CN27" s="327">
        <v>0</v>
      </c>
      <c r="CO27" s="328">
        <v>0</v>
      </c>
      <c r="CP27" s="332">
        <v>0</v>
      </c>
      <c r="CQ27" s="327">
        <v>549765</v>
      </c>
      <c r="CR27" s="327">
        <v>694386</v>
      </c>
      <c r="CS27" s="327">
        <v>729970</v>
      </c>
      <c r="CT27" s="327">
        <v>146384</v>
      </c>
      <c r="CU27" s="327">
        <v>77736</v>
      </c>
      <c r="CV27" s="328">
        <v>2198241</v>
      </c>
      <c r="CW27" s="330">
        <v>2198241</v>
      </c>
      <c r="CX27" s="326">
        <v>0</v>
      </c>
      <c r="CY27" s="327">
        <v>38608</v>
      </c>
      <c r="CZ27" s="328">
        <v>38608</v>
      </c>
      <c r="DA27" s="326">
        <v>0</v>
      </c>
      <c r="DB27" s="327">
        <v>176018</v>
      </c>
      <c r="DC27" s="327">
        <v>85906</v>
      </c>
      <c r="DD27" s="327">
        <v>0</v>
      </c>
      <c r="DE27" s="327">
        <v>0</v>
      </c>
      <c r="DF27" s="327">
        <v>19078</v>
      </c>
      <c r="DG27" s="328">
        <v>281002</v>
      </c>
      <c r="DH27" s="330">
        <v>319610</v>
      </c>
      <c r="DI27" s="326">
        <v>0</v>
      </c>
      <c r="DJ27" s="327">
        <v>0</v>
      </c>
      <c r="DK27" s="331">
        <v>0</v>
      </c>
      <c r="DL27" s="332">
        <v>0</v>
      </c>
      <c r="DM27" s="327">
        <v>51535</v>
      </c>
      <c r="DN27" s="327">
        <v>17318</v>
      </c>
      <c r="DO27" s="327">
        <v>236715</v>
      </c>
      <c r="DP27" s="327">
        <v>365819</v>
      </c>
      <c r="DQ27" s="327">
        <v>0</v>
      </c>
      <c r="DR27" s="328">
        <v>671387</v>
      </c>
      <c r="DS27" s="330">
        <v>671387</v>
      </c>
      <c r="DT27" s="326">
        <v>0</v>
      </c>
      <c r="DU27" s="327">
        <v>0</v>
      </c>
      <c r="DV27" s="328">
        <v>0</v>
      </c>
      <c r="DW27" s="326">
        <v>0</v>
      </c>
      <c r="DX27" s="327">
        <v>0</v>
      </c>
      <c r="DY27" s="327">
        <v>17318</v>
      </c>
      <c r="DZ27" s="327">
        <v>236715</v>
      </c>
      <c r="EA27" s="327">
        <v>365819</v>
      </c>
      <c r="EB27" s="327">
        <v>0</v>
      </c>
      <c r="EC27" s="328">
        <v>619852</v>
      </c>
      <c r="ED27" s="330">
        <v>619852</v>
      </c>
      <c r="EE27" s="326">
        <v>0</v>
      </c>
      <c r="EF27" s="331">
        <v>0</v>
      </c>
      <c r="EG27" s="328">
        <v>0</v>
      </c>
      <c r="EH27" s="326">
        <v>0</v>
      </c>
      <c r="EI27" s="327">
        <v>51535</v>
      </c>
      <c r="EJ27" s="327">
        <v>0</v>
      </c>
      <c r="EK27" s="327">
        <v>0</v>
      </c>
      <c r="EL27" s="327">
        <v>0</v>
      </c>
      <c r="EM27" s="327">
        <v>0</v>
      </c>
      <c r="EN27" s="331">
        <v>51535</v>
      </c>
      <c r="EO27" s="330">
        <v>51535</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0</v>
      </c>
      <c r="FM27" s="327">
        <v>121120</v>
      </c>
      <c r="FN27" s="328">
        <v>121120</v>
      </c>
      <c r="FO27" s="326">
        <v>0</v>
      </c>
      <c r="FP27" s="327">
        <v>145744</v>
      </c>
      <c r="FQ27" s="327">
        <v>291376</v>
      </c>
      <c r="FR27" s="327">
        <v>231032</v>
      </c>
      <c r="FS27" s="327">
        <v>28608</v>
      </c>
      <c r="FT27" s="327">
        <v>139080</v>
      </c>
      <c r="FU27" s="328">
        <v>835840</v>
      </c>
      <c r="FV27" s="330">
        <v>956960</v>
      </c>
      <c r="FW27" s="333">
        <v>0</v>
      </c>
      <c r="FX27" s="327">
        <v>32240</v>
      </c>
      <c r="FY27" s="331">
        <v>32240</v>
      </c>
      <c r="FZ27" s="332">
        <v>0</v>
      </c>
      <c r="GA27" s="327">
        <v>145744</v>
      </c>
      <c r="GB27" s="327">
        <v>235888</v>
      </c>
      <c r="GC27" s="327">
        <v>174712</v>
      </c>
      <c r="GD27" s="327">
        <v>28608</v>
      </c>
      <c r="GE27" s="327">
        <v>120600</v>
      </c>
      <c r="GF27" s="328">
        <v>705552</v>
      </c>
      <c r="GG27" s="334">
        <v>737792</v>
      </c>
      <c r="GH27" s="333">
        <v>0</v>
      </c>
      <c r="GI27" s="327">
        <v>0</v>
      </c>
      <c r="GJ27" s="331">
        <v>0</v>
      </c>
      <c r="GK27" s="332">
        <v>0</v>
      </c>
      <c r="GL27" s="327">
        <v>0</v>
      </c>
      <c r="GM27" s="327">
        <v>15488</v>
      </c>
      <c r="GN27" s="327">
        <v>56320</v>
      </c>
      <c r="GO27" s="327">
        <v>0</v>
      </c>
      <c r="GP27" s="327">
        <v>18480</v>
      </c>
      <c r="GQ27" s="328">
        <v>90288</v>
      </c>
      <c r="GR27" s="330">
        <v>90288</v>
      </c>
      <c r="GS27" s="326">
        <v>0</v>
      </c>
      <c r="GT27" s="327">
        <v>88880</v>
      </c>
      <c r="GU27" s="328">
        <v>88880</v>
      </c>
      <c r="GV27" s="326">
        <v>0</v>
      </c>
      <c r="GW27" s="327">
        <v>0</v>
      </c>
      <c r="GX27" s="327">
        <v>40000</v>
      </c>
      <c r="GY27" s="327">
        <v>0</v>
      </c>
      <c r="GZ27" s="327">
        <v>0</v>
      </c>
      <c r="HA27" s="327">
        <v>0</v>
      </c>
      <c r="HB27" s="331">
        <v>40000</v>
      </c>
      <c r="HC27" s="330">
        <v>128880</v>
      </c>
      <c r="HD27" s="326">
        <v>54601</v>
      </c>
      <c r="HE27" s="327">
        <v>31056</v>
      </c>
      <c r="HF27" s="331">
        <v>85657</v>
      </c>
      <c r="HG27" s="332">
        <v>0</v>
      </c>
      <c r="HH27" s="327">
        <v>830637</v>
      </c>
      <c r="HI27" s="327">
        <v>177336</v>
      </c>
      <c r="HJ27" s="327">
        <v>780140</v>
      </c>
      <c r="HK27" s="327">
        <v>846751</v>
      </c>
      <c r="HL27" s="327">
        <v>0</v>
      </c>
      <c r="HM27" s="328">
        <v>2634864</v>
      </c>
      <c r="HN27" s="329">
        <v>2720521</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720605</v>
      </c>
      <c r="IE27" s="339">
        <v>1263523</v>
      </c>
      <c r="IF27" s="337">
        <v>1331266</v>
      </c>
      <c r="IG27" s="336">
        <v>1443760</v>
      </c>
      <c r="IH27" s="337">
        <v>271369</v>
      </c>
      <c r="II27" s="340">
        <v>5030523</v>
      </c>
      <c r="IJ27" s="341">
        <v>5030523</v>
      </c>
      <c r="IK27" s="342">
        <v>0</v>
      </c>
      <c r="IL27" s="343">
        <v>0</v>
      </c>
      <c r="IM27" s="344">
        <v>0</v>
      </c>
      <c r="IN27" s="404">
        <v>0</v>
      </c>
      <c r="IO27" s="345">
        <v>0</v>
      </c>
      <c r="IP27" s="345">
        <v>109160</v>
      </c>
      <c r="IQ27" s="345">
        <v>233768</v>
      </c>
      <c r="IR27" s="345">
        <v>0</v>
      </c>
      <c r="IS27" s="345">
        <v>0</v>
      </c>
      <c r="IT27" s="346">
        <v>342928</v>
      </c>
      <c r="IU27" s="347">
        <v>342928</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362209</v>
      </c>
      <c r="JL27" s="345">
        <v>166114</v>
      </c>
      <c r="JM27" s="345">
        <v>170245</v>
      </c>
      <c r="JN27" s="345">
        <v>43699</v>
      </c>
      <c r="JO27" s="345">
        <v>271369</v>
      </c>
      <c r="JP27" s="349">
        <v>1013636</v>
      </c>
      <c r="JQ27" s="347">
        <v>1013636</v>
      </c>
      <c r="JR27" s="348">
        <v>0</v>
      </c>
      <c r="JS27" s="345">
        <v>0</v>
      </c>
      <c r="JT27" s="346">
        <v>0</v>
      </c>
      <c r="JU27" s="351">
        <v>0</v>
      </c>
      <c r="JV27" s="345">
        <v>0</v>
      </c>
      <c r="JW27" s="345">
        <v>0</v>
      </c>
      <c r="JX27" s="345">
        <v>198380</v>
      </c>
      <c r="JY27" s="345">
        <v>0</v>
      </c>
      <c r="JZ27" s="345">
        <v>0</v>
      </c>
      <c r="KA27" s="349">
        <v>198380</v>
      </c>
      <c r="KB27" s="347">
        <v>198380</v>
      </c>
      <c r="KC27" s="352">
        <v>0</v>
      </c>
      <c r="KD27" s="353">
        <v>0</v>
      </c>
      <c r="KE27" s="349">
        <v>0</v>
      </c>
      <c r="KF27" s="351">
        <v>0</v>
      </c>
      <c r="KG27" s="345">
        <v>123992</v>
      </c>
      <c r="KH27" s="345">
        <v>0</v>
      </c>
      <c r="KI27" s="345">
        <v>476988</v>
      </c>
      <c r="KJ27" s="345">
        <v>0</v>
      </c>
      <c r="KK27" s="345">
        <v>0</v>
      </c>
      <c r="KL27" s="349">
        <v>600980</v>
      </c>
      <c r="KM27" s="354">
        <v>600980</v>
      </c>
      <c r="KN27" s="342">
        <v>0</v>
      </c>
      <c r="KO27" s="343">
        <v>0</v>
      </c>
      <c r="KP27" s="344">
        <v>0</v>
      </c>
      <c r="KQ27" s="404">
        <v>0</v>
      </c>
      <c r="KR27" s="345">
        <v>234404</v>
      </c>
      <c r="KS27" s="345">
        <v>748808</v>
      </c>
      <c r="KT27" s="345">
        <v>251885</v>
      </c>
      <c r="KU27" s="345">
        <v>259356</v>
      </c>
      <c r="KV27" s="345">
        <v>0</v>
      </c>
      <c r="KW27" s="349">
        <v>1494453</v>
      </c>
      <c r="KX27" s="347">
        <v>1494453</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239441</v>
      </c>
      <c r="LP27" s="345">
        <v>0</v>
      </c>
      <c r="LQ27" s="345">
        <v>1140705</v>
      </c>
      <c r="LR27" s="345">
        <v>0</v>
      </c>
      <c r="LS27" s="349">
        <v>1380146</v>
      </c>
      <c r="LT27" s="347">
        <v>1380146</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386966</v>
      </c>
      <c r="ML27" s="345">
        <v>1601892</v>
      </c>
      <c r="MM27" s="345">
        <v>1198697</v>
      </c>
      <c r="MN27" s="345">
        <v>284507</v>
      </c>
      <c r="MO27" s="349">
        <v>3472062</v>
      </c>
      <c r="MP27" s="354">
        <v>3472062</v>
      </c>
      <c r="MQ27" s="348">
        <v>0</v>
      </c>
      <c r="MR27" s="345">
        <v>0</v>
      </c>
      <c r="MS27" s="349">
        <v>0</v>
      </c>
      <c r="MT27" s="404">
        <v>0</v>
      </c>
      <c r="MU27" s="345">
        <v>0</v>
      </c>
      <c r="MV27" s="345">
        <v>0</v>
      </c>
      <c r="MW27" s="345">
        <v>1027010</v>
      </c>
      <c r="MX27" s="345">
        <v>372203</v>
      </c>
      <c r="MY27" s="345">
        <v>284507</v>
      </c>
      <c r="MZ27" s="349">
        <v>1683720</v>
      </c>
      <c r="NA27" s="354">
        <v>1683720</v>
      </c>
      <c r="NB27" s="348">
        <v>0</v>
      </c>
      <c r="NC27" s="345">
        <v>0</v>
      </c>
      <c r="ND27" s="349">
        <v>0</v>
      </c>
      <c r="NE27" s="404">
        <v>0</v>
      </c>
      <c r="NF27" s="345">
        <v>0</v>
      </c>
      <c r="NG27" s="345">
        <v>386966</v>
      </c>
      <c r="NH27" s="345">
        <v>574882</v>
      </c>
      <c r="NI27" s="345">
        <v>584426</v>
      </c>
      <c r="NJ27" s="345">
        <v>0</v>
      </c>
      <c r="NK27" s="349">
        <v>1546274</v>
      </c>
      <c r="NL27" s="347">
        <v>1546274</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242068</v>
      </c>
      <c r="OF27" s="345">
        <v>0</v>
      </c>
      <c r="OG27" s="349">
        <v>242068</v>
      </c>
      <c r="OH27" s="350">
        <v>242068</v>
      </c>
      <c r="OI27" s="348">
        <v>111931</v>
      </c>
      <c r="OJ27" s="345">
        <v>190784</v>
      </c>
      <c r="OK27" s="346">
        <v>302715</v>
      </c>
      <c r="OL27" s="351">
        <v>0</v>
      </c>
      <c r="OM27" s="345">
        <v>3178123</v>
      </c>
      <c r="ON27" s="345">
        <v>3574175</v>
      </c>
      <c r="OO27" s="345">
        <v>5438239</v>
      </c>
      <c r="OP27" s="345">
        <v>4345614</v>
      </c>
      <c r="OQ27" s="345">
        <v>1053805</v>
      </c>
      <c r="OR27" s="349">
        <v>17589956</v>
      </c>
      <c r="OS27" s="354">
        <v>17892671</v>
      </c>
    </row>
    <row r="28" spans="2:409" s="70" customFormat="1" ht="21" customHeight="1" x14ac:dyDescent="0.2">
      <c r="B28" s="410" t="s">
        <v>23</v>
      </c>
      <c r="C28" s="326">
        <v>285363</v>
      </c>
      <c r="D28" s="327">
        <v>231817</v>
      </c>
      <c r="E28" s="328">
        <v>517180</v>
      </c>
      <c r="F28" s="329">
        <v>0</v>
      </c>
      <c r="G28" s="327">
        <v>2810799</v>
      </c>
      <c r="H28" s="327">
        <v>2937683</v>
      </c>
      <c r="I28" s="327">
        <v>1412156</v>
      </c>
      <c r="J28" s="327">
        <v>2299243</v>
      </c>
      <c r="K28" s="327">
        <v>1714787</v>
      </c>
      <c r="L28" s="367">
        <v>11174668</v>
      </c>
      <c r="M28" s="330">
        <v>11691848</v>
      </c>
      <c r="N28" s="326">
        <v>158731</v>
      </c>
      <c r="O28" s="327">
        <v>46977</v>
      </c>
      <c r="P28" s="328">
        <v>205708</v>
      </c>
      <c r="Q28" s="326">
        <v>0</v>
      </c>
      <c r="R28" s="327">
        <v>1069170</v>
      </c>
      <c r="S28" s="327">
        <v>1105502</v>
      </c>
      <c r="T28" s="327">
        <v>268012</v>
      </c>
      <c r="U28" s="327">
        <v>419517</v>
      </c>
      <c r="V28" s="327">
        <v>280875</v>
      </c>
      <c r="W28" s="328">
        <v>3143076</v>
      </c>
      <c r="X28" s="330">
        <v>3348784</v>
      </c>
      <c r="Y28" s="326">
        <v>0</v>
      </c>
      <c r="Z28" s="327">
        <v>0</v>
      </c>
      <c r="AA28" s="328">
        <v>0</v>
      </c>
      <c r="AB28" s="326">
        <v>0</v>
      </c>
      <c r="AC28" s="327">
        <v>445332</v>
      </c>
      <c r="AD28" s="327">
        <v>246385</v>
      </c>
      <c r="AE28" s="327">
        <v>0</v>
      </c>
      <c r="AF28" s="327">
        <v>199825</v>
      </c>
      <c r="AG28" s="327">
        <v>139894</v>
      </c>
      <c r="AH28" s="328">
        <v>1031436</v>
      </c>
      <c r="AI28" s="330">
        <v>1031436</v>
      </c>
      <c r="AJ28" s="326">
        <v>0</v>
      </c>
      <c r="AK28" s="327">
        <v>0</v>
      </c>
      <c r="AL28" s="328">
        <v>0</v>
      </c>
      <c r="AM28" s="326">
        <v>0</v>
      </c>
      <c r="AN28" s="327">
        <v>0</v>
      </c>
      <c r="AO28" s="327">
        <v>0</v>
      </c>
      <c r="AP28" s="327">
        <v>0</v>
      </c>
      <c r="AQ28" s="327">
        <v>0</v>
      </c>
      <c r="AR28" s="327">
        <v>0</v>
      </c>
      <c r="AS28" s="328">
        <v>0</v>
      </c>
      <c r="AT28" s="330">
        <v>0</v>
      </c>
      <c r="AU28" s="326">
        <v>133995</v>
      </c>
      <c r="AV28" s="327">
        <v>39281</v>
      </c>
      <c r="AW28" s="328">
        <v>173276</v>
      </c>
      <c r="AX28" s="326">
        <v>0</v>
      </c>
      <c r="AY28" s="327">
        <v>441023</v>
      </c>
      <c r="AZ28" s="327">
        <v>636054</v>
      </c>
      <c r="BA28" s="327">
        <v>123766</v>
      </c>
      <c r="BB28" s="327">
        <v>40708</v>
      </c>
      <c r="BC28" s="327">
        <v>60509</v>
      </c>
      <c r="BD28" s="328">
        <v>1302060</v>
      </c>
      <c r="BE28" s="330">
        <v>1475336</v>
      </c>
      <c r="BF28" s="326">
        <v>0</v>
      </c>
      <c r="BG28" s="327">
        <v>7696</v>
      </c>
      <c r="BH28" s="331">
        <v>7696</v>
      </c>
      <c r="BI28" s="332">
        <v>0</v>
      </c>
      <c r="BJ28" s="327">
        <v>39399</v>
      </c>
      <c r="BK28" s="327">
        <v>49503</v>
      </c>
      <c r="BL28" s="327">
        <v>27502</v>
      </c>
      <c r="BM28" s="327">
        <v>0</v>
      </c>
      <c r="BN28" s="327">
        <v>0</v>
      </c>
      <c r="BO28" s="328">
        <v>116404</v>
      </c>
      <c r="BP28" s="330">
        <v>124100</v>
      </c>
      <c r="BQ28" s="326">
        <v>24736</v>
      </c>
      <c r="BR28" s="327">
        <v>0</v>
      </c>
      <c r="BS28" s="328">
        <v>24736</v>
      </c>
      <c r="BT28" s="326">
        <v>0</v>
      </c>
      <c r="BU28" s="327">
        <v>143416</v>
      </c>
      <c r="BV28" s="327">
        <v>173560</v>
      </c>
      <c r="BW28" s="327">
        <v>116744</v>
      </c>
      <c r="BX28" s="327">
        <v>178984</v>
      </c>
      <c r="BY28" s="327">
        <v>80472</v>
      </c>
      <c r="BZ28" s="328">
        <v>693176</v>
      </c>
      <c r="CA28" s="330">
        <v>717912</v>
      </c>
      <c r="CB28" s="326">
        <v>0</v>
      </c>
      <c r="CC28" s="327">
        <v>0</v>
      </c>
      <c r="CD28" s="328">
        <v>0</v>
      </c>
      <c r="CE28" s="326">
        <v>0</v>
      </c>
      <c r="CF28" s="327">
        <v>706871</v>
      </c>
      <c r="CG28" s="327">
        <v>1404498</v>
      </c>
      <c r="CH28" s="327">
        <v>221478</v>
      </c>
      <c r="CI28" s="327">
        <v>289538</v>
      </c>
      <c r="CJ28" s="327">
        <v>225101</v>
      </c>
      <c r="CK28" s="328">
        <v>2847486</v>
      </c>
      <c r="CL28" s="330">
        <v>2847486</v>
      </c>
      <c r="CM28" s="326">
        <v>0</v>
      </c>
      <c r="CN28" s="327">
        <v>0</v>
      </c>
      <c r="CO28" s="328">
        <v>0</v>
      </c>
      <c r="CP28" s="332">
        <v>0</v>
      </c>
      <c r="CQ28" s="327">
        <v>554667</v>
      </c>
      <c r="CR28" s="327">
        <v>1156167</v>
      </c>
      <c r="CS28" s="327">
        <v>221478</v>
      </c>
      <c r="CT28" s="327">
        <v>289538</v>
      </c>
      <c r="CU28" s="327">
        <v>225101</v>
      </c>
      <c r="CV28" s="328">
        <v>2446951</v>
      </c>
      <c r="CW28" s="330">
        <v>2446951</v>
      </c>
      <c r="CX28" s="326">
        <v>0</v>
      </c>
      <c r="CY28" s="327">
        <v>0</v>
      </c>
      <c r="CZ28" s="328">
        <v>0</v>
      </c>
      <c r="DA28" s="326">
        <v>0</v>
      </c>
      <c r="DB28" s="327">
        <v>152204</v>
      </c>
      <c r="DC28" s="327">
        <v>248331</v>
      </c>
      <c r="DD28" s="327">
        <v>0</v>
      </c>
      <c r="DE28" s="327">
        <v>0</v>
      </c>
      <c r="DF28" s="327">
        <v>0</v>
      </c>
      <c r="DG28" s="328">
        <v>400535</v>
      </c>
      <c r="DH28" s="330">
        <v>400535</v>
      </c>
      <c r="DI28" s="326">
        <v>0</v>
      </c>
      <c r="DJ28" s="327">
        <v>0</v>
      </c>
      <c r="DK28" s="331">
        <v>0</v>
      </c>
      <c r="DL28" s="332">
        <v>0</v>
      </c>
      <c r="DM28" s="327">
        <v>45691</v>
      </c>
      <c r="DN28" s="327">
        <v>33707</v>
      </c>
      <c r="DO28" s="327">
        <v>211581</v>
      </c>
      <c r="DP28" s="327">
        <v>187495</v>
      </c>
      <c r="DQ28" s="327">
        <v>372793</v>
      </c>
      <c r="DR28" s="328">
        <v>851267</v>
      </c>
      <c r="DS28" s="330">
        <v>851267</v>
      </c>
      <c r="DT28" s="326">
        <v>0</v>
      </c>
      <c r="DU28" s="327">
        <v>0</v>
      </c>
      <c r="DV28" s="328">
        <v>0</v>
      </c>
      <c r="DW28" s="326">
        <v>0</v>
      </c>
      <c r="DX28" s="327">
        <v>15487</v>
      </c>
      <c r="DY28" s="327">
        <v>0</v>
      </c>
      <c r="DZ28" s="327">
        <v>211581</v>
      </c>
      <c r="EA28" s="327">
        <v>187495</v>
      </c>
      <c r="EB28" s="327">
        <v>372793</v>
      </c>
      <c r="EC28" s="328">
        <v>787356</v>
      </c>
      <c r="ED28" s="330">
        <v>787356</v>
      </c>
      <c r="EE28" s="326">
        <v>0</v>
      </c>
      <c r="EF28" s="331">
        <v>0</v>
      </c>
      <c r="EG28" s="328">
        <v>0</v>
      </c>
      <c r="EH28" s="326">
        <v>0</v>
      </c>
      <c r="EI28" s="327">
        <v>30204</v>
      </c>
      <c r="EJ28" s="327">
        <v>33707</v>
      </c>
      <c r="EK28" s="327">
        <v>0</v>
      </c>
      <c r="EL28" s="327">
        <v>0</v>
      </c>
      <c r="EM28" s="327">
        <v>0</v>
      </c>
      <c r="EN28" s="331">
        <v>63911</v>
      </c>
      <c r="EO28" s="330">
        <v>63911</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16200</v>
      </c>
      <c r="FM28" s="327">
        <v>184840</v>
      </c>
      <c r="FN28" s="328">
        <v>201040</v>
      </c>
      <c r="FO28" s="326">
        <v>0</v>
      </c>
      <c r="FP28" s="327">
        <v>342120</v>
      </c>
      <c r="FQ28" s="327">
        <v>393976</v>
      </c>
      <c r="FR28" s="327">
        <v>79632</v>
      </c>
      <c r="FS28" s="327">
        <v>131048</v>
      </c>
      <c r="FT28" s="327">
        <v>107680</v>
      </c>
      <c r="FU28" s="328">
        <v>1054456</v>
      </c>
      <c r="FV28" s="330">
        <v>1255496</v>
      </c>
      <c r="FW28" s="333">
        <v>16200</v>
      </c>
      <c r="FX28" s="327">
        <v>135240</v>
      </c>
      <c r="FY28" s="331">
        <v>151440</v>
      </c>
      <c r="FZ28" s="332">
        <v>0</v>
      </c>
      <c r="GA28" s="327">
        <v>134120</v>
      </c>
      <c r="GB28" s="327">
        <v>360752</v>
      </c>
      <c r="GC28" s="327">
        <v>79632</v>
      </c>
      <c r="GD28" s="327">
        <v>71848</v>
      </c>
      <c r="GE28" s="327">
        <v>107680</v>
      </c>
      <c r="GF28" s="328">
        <v>754032</v>
      </c>
      <c r="GG28" s="334">
        <v>905472</v>
      </c>
      <c r="GH28" s="333">
        <v>0</v>
      </c>
      <c r="GI28" s="327">
        <v>0</v>
      </c>
      <c r="GJ28" s="331">
        <v>0</v>
      </c>
      <c r="GK28" s="332">
        <v>0</v>
      </c>
      <c r="GL28" s="327">
        <v>0</v>
      </c>
      <c r="GM28" s="327">
        <v>33224</v>
      </c>
      <c r="GN28" s="327">
        <v>0</v>
      </c>
      <c r="GO28" s="327">
        <v>59200</v>
      </c>
      <c r="GP28" s="327">
        <v>0</v>
      </c>
      <c r="GQ28" s="328">
        <v>92424</v>
      </c>
      <c r="GR28" s="330">
        <v>92424</v>
      </c>
      <c r="GS28" s="326">
        <v>0</v>
      </c>
      <c r="GT28" s="327">
        <v>49600</v>
      </c>
      <c r="GU28" s="328">
        <v>49600</v>
      </c>
      <c r="GV28" s="326">
        <v>0</v>
      </c>
      <c r="GW28" s="327">
        <v>208000</v>
      </c>
      <c r="GX28" s="327">
        <v>0</v>
      </c>
      <c r="GY28" s="327">
        <v>0</v>
      </c>
      <c r="GZ28" s="327">
        <v>0</v>
      </c>
      <c r="HA28" s="327">
        <v>0</v>
      </c>
      <c r="HB28" s="331">
        <v>208000</v>
      </c>
      <c r="HC28" s="330">
        <v>257600</v>
      </c>
      <c r="HD28" s="326">
        <v>110432</v>
      </c>
      <c r="HE28" s="327">
        <v>0</v>
      </c>
      <c r="HF28" s="331">
        <v>110432</v>
      </c>
      <c r="HG28" s="332">
        <v>0</v>
      </c>
      <c r="HH28" s="327">
        <v>646947</v>
      </c>
      <c r="HI28" s="327">
        <v>0</v>
      </c>
      <c r="HJ28" s="327">
        <v>631453</v>
      </c>
      <c r="HK28" s="327">
        <v>1271645</v>
      </c>
      <c r="HL28" s="327">
        <v>728338</v>
      </c>
      <c r="HM28" s="328">
        <v>3278383</v>
      </c>
      <c r="HN28" s="329">
        <v>3388815</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507278</v>
      </c>
      <c r="IE28" s="357">
        <v>837485</v>
      </c>
      <c r="IF28" s="358">
        <v>553103</v>
      </c>
      <c r="IG28" s="356">
        <v>502969</v>
      </c>
      <c r="IH28" s="358">
        <v>0</v>
      </c>
      <c r="II28" s="359">
        <v>2400835</v>
      </c>
      <c r="IJ28" s="358">
        <v>2400835</v>
      </c>
      <c r="IK28" s="342">
        <v>0</v>
      </c>
      <c r="IL28" s="343">
        <v>0</v>
      </c>
      <c r="IM28" s="344">
        <v>0</v>
      </c>
      <c r="IN28" s="404">
        <v>0</v>
      </c>
      <c r="IO28" s="345">
        <v>0</v>
      </c>
      <c r="IP28" s="345">
        <v>0</v>
      </c>
      <c r="IQ28" s="345">
        <v>0</v>
      </c>
      <c r="IR28" s="345">
        <v>0</v>
      </c>
      <c r="IS28" s="345">
        <v>0</v>
      </c>
      <c r="IT28" s="346">
        <v>0</v>
      </c>
      <c r="IU28" s="347">
        <v>0</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260233</v>
      </c>
      <c r="JL28" s="345">
        <v>65367</v>
      </c>
      <c r="JM28" s="345">
        <v>16820</v>
      </c>
      <c r="JN28" s="345">
        <v>0</v>
      </c>
      <c r="JO28" s="345">
        <v>0</v>
      </c>
      <c r="JP28" s="349">
        <v>342420</v>
      </c>
      <c r="JQ28" s="347">
        <v>342420</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0</v>
      </c>
      <c r="KJ28" s="345">
        <v>0</v>
      </c>
      <c r="KK28" s="345">
        <v>0</v>
      </c>
      <c r="KL28" s="349">
        <v>0</v>
      </c>
      <c r="KM28" s="354">
        <v>0</v>
      </c>
      <c r="KN28" s="342">
        <v>0</v>
      </c>
      <c r="KO28" s="343">
        <v>0</v>
      </c>
      <c r="KP28" s="344">
        <v>0</v>
      </c>
      <c r="KQ28" s="404">
        <v>0</v>
      </c>
      <c r="KR28" s="345">
        <v>247045</v>
      </c>
      <c r="KS28" s="345">
        <v>772118</v>
      </c>
      <c r="KT28" s="345">
        <v>536283</v>
      </c>
      <c r="KU28" s="345">
        <v>267578</v>
      </c>
      <c r="KV28" s="345">
        <v>0</v>
      </c>
      <c r="KW28" s="349">
        <v>1823024</v>
      </c>
      <c r="KX28" s="347">
        <v>1823024</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0</v>
      </c>
      <c r="MA28" s="345">
        <v>0</v>
      </c>
      <c r="MB28" s="345">
        <v>235391</v>
      </c>
      <c r="MC28" s="345">
        <v>0</v>
      </c>
      <c r="MD28" s="349">
        <v>235391</v>
      </c>
      <c r="ME28" s="350">
        <v>235391</v>
      </c>
      <c r="MF28" s="348">
        <v>0</v>
      </c>
      <c r="MG28" s="345">
        <v>0</v>
      </c>
      <c r="MH28" s="349">
        <v>0</v>
      </c>
      <c r="MI28" s="404">
        <v>0</v>
      </c>
      <c r="MJ28" s="345">
        <v>0</v>
      </c>
      <c r="MK28" s="345">
        <v>0</v>
      </c>
      <c r="ML28" s="345">
        <v>2111376</v>
      </c>
      <c r="MM28" s="345">
        <v>2220623</v>
      </c>
      <c r="MN28" s="345">
        <v>2027395</v>
      </c>
      <c r="MO28" s="349">
        <v>6359394</v>
      </c>
      <c r="MP28" s="354">
        <v>6359394</v>
      </c>
      <c r="MQ28" s="348">
        <v>0</v>
      </c>
      <c r="MR28" s="345">
        <v>0</v>
      </c>
      <c r="MS28" s="349">
        <v>0</v>
      </c>
      <c r="MT28" s="404">
        <v>0</v>
      </c>
      <c r="MU28" s="345">
        <v>0</v>
      </c>
      <c r="MV28" s="345">
        <v>0</v>
      </c>
      <c r="MW28" s="345">
        <v>1817353</v>
      </c>
      <c r="MX28" s="345">
        <v>1642808</v>
      </c>
      <c r="MY28" s="345">
        <v>1389146</v>
      </c>
      <c r="MZ28" s="349">
        <v>4849307</v>
      </c>
      <c r="NA28" s="354">
        <v>4849307</v>
      </c>
      <c r="NB28" s="348">
        <v>0</v>
      </c>
      <c r="NC28" s="345">
        <v>0</v>
      </c>
      <c r="ND28" s="349">
        <v>0</v>
      </c>
      <c r="NE28" s="404">
        <v>0</v>
      </c>
      <c r="NF28" s="345">
        <v>0</v>
      </c>
      <c r="NG28" s="345">
        <v>0</v>
      </c>
      <c r="NH28" s="345">
        <v>294023</v>
      </c>
      <c r="NI28" s="345">
        <v>577815</v>
      </c>
      <c r="NJ28" s="345">
        <v>638249</v>
      </c>
      <c r="NK28" s="349">
        <v>1510087</v>
      </c>
      <c r="NL28" s="347">
        <v>1510087</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0</v>
      </c>
      <c r="OG28" s="349">
        <v>0</v>
      </c>
      <c r="OH28" s="350">
        <v>0</v>
      </c>
      <c r="OI28" s="348">
        <v>285363</v>
      </c>
      <c r="OJ28" s="345">
        <v>231817</v>
      </c>
      <c r="OK28" s="346">
        <v>517180</v>
      </c>
      <c r="OL28" s="351">
        <v>0</v>
      </c>
      <c r="OM28" s="345">
        <v>3318077</v>
      </c>
      <c r="ON28" s="345">
        <v>3775168</v>
      </c>
      <c r="OO28" s="345">
        <v>4076635</v>
      </c>
      <c r="OP28" s="345">
        <v>5022835</v>
      </c>
      <c r="OQ28" s="345">
        <v>3742182</v>
      </c>
      <c r="OR28" s="349">
        <v>19934897</v>
      </c>
      <c r="OS28" s="354">
        <v>20452077</v>
      </c>
    </row>
    <row r="29" spans="2:409" s="70" customFormat="1" ht="21" customHeight="1" x14ac:dyDescent="0.2">
      <c r="B29" s="410" t="s">
        <v>24</v>
      </c>
      <c r="C29" s="326">
        <v>333126</v>
      </c>
      <c r="D29" s="327">
        <v>50804</v>
      </c>
      <c r="E29" s="328">
        <v>383930</v>
      </c>
      <c r="F29" s="329">
        <v>0</v>
      </c>
      <c r="G29" s="327">
        <v>2474034</v>
      </c>
      <c r="H29" s="327">
        <v>2847432</v>
      </c>
      <c r="I29" s="327">
        <v>3085126</v>
      </c>
      <c r="J29" s="327">
        <v>2231805</v>
      </c>
      <c r="K29" s="327">
        <v>1220263</v>
      </c>
      <c r="L29" s="367">
        <v>11858660</v>
      </c>
      <c r="M29" s="330">
        <v>12242590</v>
      </c>
      <c r="N29" s="326">
        <v>62767</v>
      </c>
      <c r="O29" s="327">
        <v>27524</v>
      </c>
      <c r="P29" s="328">
        <v>90291</v>
      </c>
      <c r="Q29" s="326">
        <v>0</v>
      </c>
      <c r="R29" s="327">
        <v>759422</v>
      </c>
      <c r="S29" s="327">
        <v>502745</v>
      </c>
      <c r="T29" s="327">
        <v>780022</v>
      </c>
      <c r="U29" s="327">
        <v>1076010</v>
      </c>
      <c r="V29" s="327">
        <v>622643</v>
      </c>
      <c r="W29" s="328">
        <v>3740842</v>
      </c>
      <c r="X29" s="330">
        <v>3831133</v>
      </c>
      <c r="Y29" s="326">
        <v>0</v>
      </c>
      <c r="Z29" s="327">
        <v>0</v>
      </c>
      <c r="AA29" s="328">
        <v>0</v>
      </c>
      <c r="AB29" s="326">
        <v>0</v>
      </c>
      <c r="AC29" s="327">
        <v>281526</v>
      </c>
      <c r="AD29" s="327">
        <v>91075</v>
      </c>
      <c r="AE29" s="327">
        <v>224487</v>
      </c>
      <c r="AF29" s="327">
        <v>604184</v>
      </c>
      <c r="AG29" s="327">
        <v>530652</v>
      </c>
      <c r="AH29" s="328">
        <v>1731924</v>
      </c>
      <c r="AI29" s="330">
        <v>1731924</v>
      </c>
      <c r="AJ29" s="326">
        <v>0</v>
      </c>
      <c r="AK29" s="327">
        <v>0</v>
      </c>
      <c r="AL29" s="328">
        <v>0</v>
      </c>
      <c r="AM29" s="326">
        <v>0</v>
      </c>
      <c r="AN29" s="327">
        <v>0</v>
      </c>
      <c r="AO29" s="327">
        <v>0</v>
      </c>
      <c r="AP29" s="327">
        <v>0</v>
      </c>
      <c r="AQ29" s="327">
        <v>121269</v>
      </c>
      <c r="AR29" s="327">
        <v>0</v>
      </c>
      <c r="AS29" s="328">
        <v>121269</v>
      </c>
      <c r="AT29" s="330">
        <v>121269</v>
      </c>
      <c r="AU29" s="326">
        <v>25551</v>
      </c>
      <c r="AV29" s="327">
        <v>27524</v>
      </c>
      <c r="AW29" s="328">
        <v>53075</v>
      </c>
      <c r="AX29" s="326">
        <v>0</v>
      </c>
      <c r="AY29" s="327">
        <v>298008</v>
      </c>
      <c r="AZ29" s="327">
        <v>257806</v>
      </c>
      <c r="BA29" s="327">
        <v>410519</v>
      </c>
      <c r="BB29" s="327">
        <v>240469</v>
      </c>
      <c r="BC29" s="327">
        <v>38023</v>
      </c>
      <c r="BD29" s="328">
        <v>1244825</v>
      </c>
      <c r="BE29" s="330">
        <v>1297900</v>
      </c>
      <c r="BF29" s="326">
        <v>0</v>
      </c>
      <c r="BG29" s="327">
        <v>0</v>
      </c>
      <c r="BH29" s="331">
        <v>0</v>
      </c>
      <c r="BI29" s="332">
        <v>0</v>
      </c>
      <c r="BJ29" s="327">
        <v>44728</v>
      </c>
      <c r="BK29" s="327">
        <v>49504</v>
      </c>
      <c r="BL29" s="327">
        <v>0</v>
      </c>
      <c r="BM29" s="327">
        <v>0</v>
      </c>
      <c r="BN29" s="327">
        <v>0</v>
      </c>
      <c r="BO29" s="328">
        <v>94232</v>
      </c>
      <c r="BP29" s="330">
        <v>94232</v>
      </c>
      <c r="BQ29" s="326">
        <v>37216</v>
      </c>
      <c r="BR29" s="327">
        <v>0</v>
      </c>
      <c r="BS29" s="328">
        <v>37216</v>
      </c>
      <c r="BT29" s="326">
        <v>0</v>
      </c>
      <c r="BU29" s="327">
        <v>135160</v>
      </c>
      <c r="BV29" s="327">
        <v>104360</v>
      </c>
      <c r="BW29" s="327">
        <v>145016</v>
      </c>
      <c r="BX29" s="327">
        <v>110088</v>
      </c>
      <c r="BY29" s="327">
        <v>53968</v>
      </c>
      <c r="BZ29" s="328">
        <v>548592</v>
      </c>
      <c r="CA29" s="330">
        <v>585808</v>
      </c>
      <c r="CB29" s="326">
        <v>20289</v>
      </c>
      <c r="CC29" s="327">
        <v>0</v>
      </c>
      <c r="CD29" s="328">
        <v>20289</v>
      </c>
      <c r="CE29" s="326">
        <v>0</v>
      </c>
      <c r="CF29" s="327">
        <v>633018</v>
      </c>
      <c r="CG29" s="327">
        <v>1336360</v>
      </c>
      <c r="CH29" s="327">
        <v>766519</v>
      </c>
      <c r="CI29" s="327">
        <v>354261</v>
      </c>
      <c r="CJ29" s="327">
        <v>277296</v>
      </c>
      <c r="CK29" s="328">
        <v>3367454</v>
      </c>
      <c r="CL29" s="330">
        <v>3387743</v>
      </c>
      <c r="CM29" s="326">
        <v>0</v>
      </c>
      <c r="CN29" s="327">
        <v>0</v>
      </c>
      <c r="CO29" s="328">
        <v>0</v>
      </c>
      <c r="CP29" s="332">
        <v>0</v>
      </c>
      <c r="CQ29" s="327">
        <v>633018</v>
      </c>
      <c r="CR29" s="327">
        <v>768054</v>
      </c>
      <c r="CS29" s="327">
        <v>241165</v>
      </c>
      <c r="CT29" s="327">
        <v>183185</v>
      </c>
      <c r="CU29" s="327">
        <v>89852</v>
      </c>
      <c r="CV29" s="328">
        <v>1915274</v>
      </c>
      <c r="CW29" s="330">
        <v>1915274</v>
      </c>
      <c r="CX29" s="326">
        <v>20289</v>
      </c>
      <c r="CY29" s="327">
        <v>0</v>
      </c>
      <c r="CZ29" s="328">
        <v>20289</v>
      </c>
      <c r="DA29" s="326">
        <v>0</v>
      </c>
      <c r="DB29" s="327">
        <v>0</v>
      </c>
      <c r="DC29" s="327">
        <v>568306</v>
      </c>
      <c r="DD29" s="327">
        <v>525354</v>
      </c>
      <c r="DE29" s="327">
        <v>171076</v>
      </c>
      <c r="DF29" s="327">
        <v>187444</v>
      </c>
      <c r="DG29" s="328">
        <v>1452180</v>
      </c>
      <c r="DH29" s="330">
        <v>1472469</v>
      </c>
      <c r="DI29" s="326">
        <v>0</v>
      </c>
      <c r="DJ29" s="327">
        <v>0</v>
      </c>
      <c r="DK29" s="331">
        <v>0</v>
      </c>
      <c r="DL29" s="332">
        <v>0</v>
      </c>
      <c r="DM29" s="327">
        <v>64041</v>
      </c>
      <c r="DN29" s="327">
        <v>275933</v>
      </c>
      <c r="DO29" s="327">
        <v>479449</v>
      </c>
      <c r="DP29" s="327">
        <v>433391</v>
      </c>
      <c r="DQ29" s="327">
        <v>0</v>
      </c>
      <c r="DR29" s="328">
        <v>1252814</v>
      </c>
      <c r="DS29" s="330">
        <v>1252814</v>
      </c>
      <c r="DT29" s="326">
        <v>0</v>
      </c>
      <c r="DU29" s="327">
        <v>0</v>
      </c>
      <c r="DV29" s="328">
        <v>0</v>
      </c>
      <c r="DW29" s="326">
        <v>0</v>
      </c>
      <c r="DX29" s="327">
        <v>64041</v>
      </c>
      <c r="DY29" s="327">
        <v>252785</v>
      </c>
      <c r="DZ29" s="327">
        <v>242470</v>
      </c>
      <c r="EA29" s="327">
        <v>433391</v>
      </c>
      <c r="EB29" s="327">
        <v>0</v>
      </c>
      <c r="EC29" s="328">
        <v>992687</v>
      </c>
      <c r="ED29" s="330">
        <v>992687</v>
      </c>
      <c r="EE29" s="326">
        <v>0</v>
      </c>
      <c r="EF29" s="331">
        <v>0</v>
      </c>
      <c r="EG29" s="328">
        <v>0</v>
      </c>
      <c r="EH29" s="326">
        <v>0</v>
      </c>
      <c r="EI29" s="327">
        <v>0</v>
      </c>
      <c r="EJ29" s="327">
        <v>23148</v>
      </c>
      <c r="EK29" s="327">
        <v>236979</v>
      </c>
      <c r="EL29" s="327">
        <v>0</v>
      </c>
      <c r="EM29" s="327">
        <v>0</v>
      </c>
      <c r="EN29" s="331">
        <v>260127</v>
      </c>
      <c r="EO29" s="330">
        <v>260127</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194736</v>
      </c>
      <c r="FM29" s="327">
        <v>23280</v>
      </c>
      <c r="FN29" s="328">
        <v>218016</v>
      </c>
      <c r="FO29" s="326">
        <v>0</v>
      </c>
      <c r="FP29" s="327">
        <v>203992</v>
      </c>
      <c r="FQ29" s="327">
        <v>183320</v>
      </c>
      <c r="FR29" s="327">
        <v>220568</v>
      </c>
      <c r="FS29" s="327">
        <v>198264</v>
      </c>
      <c r="FT29" s="327">
        <v>98728</v>
      </c>
      <c r="FU29" s="328">
        <v>904872</v>
      </c>
      <c r="FV29" s="330">
        <v>1122888</v>
      </c>
      <c r="FW29" s="333">
        <v>34736</v>
      </c>
      <c r="FX29" s="327">
        <v>23280</v>
      </c>
      <c r="FY29" s="331">
        <v>58016</v>
      </c>
      <c r="FZ29" s="332">
        <v>0</v>
      </c>
      <c r="GA29" s="327">
        <v>61592</v>
      </c>
      <c r="GB29" s="327">
        <v>183320</v>
      </c>
      <c r="GC29" s="327">
        <v>220568</v>
      </c>
      <c r="GD29" s="327">
        <v>198264</v>
      </c>
      <c r="GE29" s="327">
        <v>98728</v>
      </c>
      <c r="GF29" s="328">
        <v>762472</v>
      </c>
      <c r="GG29" s="334">
        <v>820488</v>
      </c>
      <c r="GH29" s="333">
        <v>0</v>
      </c>
      <c r="GI29" s="327">
        <v>0</v>
      </c>
      <c r="GJ29" s="331">
        <v>0</v>
      </c>
      <c r="GK29" s="332">
        <v>0</v>
      </c>
      <c r="GL29" s="327">
        <v>0</v>
      </c>
      <c r="GM29" s="327">
        <v>0</v>
      </c>
      <c r="GN29" s="327">
        <v>0</v>
      </c>
      <c r="GO29" s="327">
        <v>0</v>
      </c>
      <c r="GP29" s="327">
        <v>0</v>
      </c>
      <c r="GQ29" s="328">
        <v>0</v>
      </c>
      <c r="GR29" s="330">
        <v>0</v>
      </c>
      <c r="GS29" s="326">
        <v>160000</v>
      </c>
      <c r="GT29" s="327">
        <v>0</v>
      </c>
      <c r="GU29" s="328">
        <v>160000</v>
      </c>
      <c r="GV29" s="326">
        <v>0</v>
      </c>
      <c r="GW29" s="327">
        <v>142400</v>
      </c>
      <c r="GX29" s="327">
        <v>0</v>
      </c>
      <c r="GY29" s="327">
        <v>0</v>
      </c>
      <c r="GZ29" s="327">
        <v>0</v>
      </c>
      <c r="HA29" s="327">
        <v>0</v>
      </c>
      <c r="HB29" s="331">
        <v>142400</v>
      </c>
      <c r="HC29" s="330">
        <v>302400</v>
      </c>
      <c r="HD29" s="326">
        <v>55334</v>
      </c>
      <c r="HE29" s="327">
        <v>0</v>
      </c>
      <c r="HF29" s="331">
        <v>55334</v>
      </c>
      <c r="HG29" s="332">
        <v>0</v>
      </c>
      <c r="HH29" s="327">
        <v>813561</v>
      </c>
      <c r="HI29" s="327">
        <v>549074</v>
      </c>
      <c r="HJ29" s="327">
        <v>838568</v>
      </c>
      <c r="HK29" s="327">
        <v>169879</v>
      </c>
      <c r="HL29" s="327">
        <v>221596</v>
      </c>
      <c r="HM29" s="328">
        <v>2592678</v>
      </c>
      <c r="HN29" s="329">
        <v>2648012</v>
      </c>
      <c r="HO29" s="333">
        <v>0</v>
      </c>
      <c r="HP29" s="327">
        <v>0</v>
      </c>
      <c r="HQ29" s="328">
        <v>0</v>
      </c>
      <c r="HR29" s="326">
        <v>0</v>
      </c>
      <c r="HS29" s="327">
        <v>0</v>
      </c>
      <c r="HT29" s="327">
        <v>0</v>
      </c>
      <c r="HU29" s="327">
        <v>0</v>
      </c>
      <c r="HV29" s="327">
        <v>0</v>
      </c>
      <c r="HW29" s="327">
        <v>0</v>
      </c>
      <c r="HX29" s="331">
        <v>0</v>
      </c>
      <c r="HY29" s="330">
        <v>0</v>
      </c>
      <c r="HZ29" s="335">
        <v>45060</v>
      </c>
      <c r="IA29" s="336">
        <v>0</v>
      </c>
      <c r="IB29" s="337">
        <v>45060</v>
      </c>
      <c r="IC29" s="338">
        <v>0</v>
      </c>
      <c r="ID29" s="336">
        <v>229804</v>
      </c>
      <c r="IE29" s="339">
        <v>292337</v>
      </c>
      <c r="IF29" s="337">
        <v>964454</v>
      </c>
      <c r="IG29" s="336">
        <v>168558</v>
      </c>
      <c r="IH29" s="337">
        <v>173280</v>
      </c>
      <c r="II29" s="340">
        <v>1828433</v>
      </c>
      <c r="IJ29" s="341">
        <v>1873493</v>
      </c>
      <c r="IK29" s="342">
        <v>0</v>
      </c>
      <c r="IL29" s="343">
        <v>0</v>
      </c>
      <c r="IM29" s="344">
        <v>0</v>
      </c>
      <c r="IN29" s="404">
        <v>0</v>
      </c>
      <c r="IO29" s="345">
        <v>0</v>
      </c>
      <c r="IP29" s="345">
        <v>0</v>
      </c>
      <c r="IQ29" s="345">
        <v>0</v>
      </c>
      <c r="IR29" s="345">
        <v>115868</v>
      </c>
      <c r="IS29" s="345">
        <v>0</v>
      </c>
      <c r="IT29" s="346">
        <v>115868</v>
      </c>
      <c r="IU29" s="347">
        <v>115868</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229804</v>
      </c>
      <c r="JL29" s="345">
        <v>117950</v>
      </c>
      <c r="JM29" s="345">
        <v>39074</v>
      </c>
      <c r="JN29" s="345">
        <v>0</v>
      </c>
      <c r="JO29" s="345">
        <v>111052</v>
      </c>
      <c r="JP29" s="349">
        <v>497880</v>
      </c>
      <c r="JQ29" s="347">
        <v>497880</v>
      </c>
      <c r="JR29" s="348">
        <v>0</v>
      </c>
      <c r="JS29" s="345">
        <v>0</v>
      </c>
      <c r="JT29" s="346">
        <v>0</v>
      </c>
      <c r="JU29" s="351">
        <v>0</v>
      </c>
      <c r="JV29" s="345">
        <v>0</v>
      </c>
      <c r="JW29" s="345">
        <v>0</v>
      </c>
      <c r="JX29" s="345">
        <v>171416</v>
      </c>
      <c r="JY29" s="345">
        <v>0</v>
      </c>
      <c r="JZ29" s="345">
        <v>62228</v>
      </c>
      <c r="KA29" s="349">
        <v>233644</v>
      </c>
      <c r="KB29" s="347">
        <v>233644</v>
      </c>
      <c r="KC29" s="352">
        <v>45060</v>
      </c>
      <c r="KD29" s="353">
        <v>0</v>
      </c>
      <c r="KE29" s="349">
        <v>45060</v>
      </c>
      <c r="KF29" s="351">
        <v>0</v>
      </c>
      <c r="KG29" s="345">
        <v>0</v>
      </c>
      <c r="KH29" s="345">
        <v>174387</v>
      </c>
      <c r="KI29" s="345">
        <v>0</v>
      </c>
      <c r="KJ29" s="345">
        <v>52690</v>
      </c>
      <c r="KK29" s="345">
        <v>0</v>
      </c>
      <c r="KL29" s="349">
        <v>227077</v>
      </c>
      <c r="KM29" s="354">
        <v>272137</v>
      </c>
      <c r="KN29" s="342">
        <v>0</v>
      </c>
      <c r="KO29" s="343">
        <v>0</v>
      </c>
      <c r="KP29" s="344">
        <v>0</v>
      </c>
      <c r="KQ29" s="404">
        <v>0</v>
      </c>
      <c r="KR29" s="345">
        <v>0</v>
      </c>
      <c r="KS29" s="345">
        <v>0</v>
      </c>
      <c r="KT29" s="345">
        <v>753964</v>
      </c>
      <c r="KU29" s="345">
        <v>0</v>
      </c>
      <c r="KV29" s="345">
        <v>0</v>
      </c>
      <c r="KW29" s="349">
        <v>753964</v>
      </c>
      <c r="KX29" s="347">
        <v>753964</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406095</v>
      </c>
      <c r="MK29" s="345">
        <v>261884</v>
      </c>
      <c r="ML29" s="345">
        <v>1880470</v>
      </c>
      <c r="MM29" s="345">
        <v>2383057</v>
      </c>
      <c r="MN29" s="345">
        <v>1162766</v>
      </c>
      <c r="MO29" s="349">
        <v>6094272</v>
      </c>
      <c r="MP29" s="354">
        <v>6094272</v>
      </c>
      <c r="MQ29" s="348">
        <v>0</v>
      </c>
      <c r="MR29" s="345">
        <v>0</v>
      </c>
      <c r="MS29" s="349">
        <v>0</v>
      </c>
      <c r="MT29" s="404">
        <v>0</v>
      </c>
      <c r="MU29" s="345">
        <v>0</v>
      </c>
      <c r="MV29" s="345">
        <v>0</v>
      </c>
      <c r="MW29" s="345">
        <v>755155</v>
      </c>
      <c r="MX29" s="345">
        <v>1105668</v>
      </c>
      <c r="MY29" s="345">
        <v>615947</v>
      </c>
      <c r="MZ29" s="349">
        <v>2476770</v>
      </c>
      <c r="NA29" s="354">
        <v>2476770</v>
      </c>
      <c r="NB29" s="348">
        <v>0</v>
      </c>
      <c r="NC29" s="345">
        <v>0</v>
      </c>
      <c r="ND29" s="349">
        <v>0</v>
      </c>
      <c r="NE29" s="404">
        <v>0</v>
      </c>
      <c r="NF29" s="345">
        <v>406095</v>
      </c>
      <c r="NG29" s="345">
        <v>261884</v>
      </c>
      <c r="NH29" s="345">
        <v>1125315</v>
      </c>
      <c r="NI29" s="345">
        <v>1277389</v>
      </c>
      <c r="NJ29" s="345">
        <v>546819</v>
      </c>
      <c r="NK29" s="349">
        <v>3617502</v>
      </c>
      <c r="NL29" s="347">
        <v>3617502</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378186</v>
      </c>
      <c r="OJ29" s="345">
        <v>50804</v>
      </c>
      <c r="OK29" s="346">
        <v>428990</v>
      </c>
      <c r="OL29" s="351">
        <v>0</v>
      </c>
      <c r="OM29" s="345">
        <v>3109933</v>
      </c>
      <c r="ON29" s="345">
        <v>3401653</v>
      </c>
      <c r="OO29" s="345">
        <v>5930050</v>
      </c>
      <c r="OP29" s="345">
        <v>4783420</v>
      </c>
      <c r="OQ29" s="345">
        <v>2556309</v>
      </c>
      <c r="OR29" s="349">
        <v>19781365</v>
      </c>
      <c r="OS29" s="354">
        <v>20210355</v>
      </c>
    </row>
    <row r="30" spans="2:409" s="70" customFormat="1" ht="21" customHeight="1" x14ac:dyDescent="0.2">
      <c r="B30" s="410" t="s">
        <v>25</v>
      </c>
      <c r="C30" s="326">
        <v>41448</v>
      </c>
      <c r="D30" s="327">
        <v>371156</v>
      </c>
      <c r="E30" s="328">
        <v>412604</v>
      </c>
      <c r="F30" s="329">
        <v>0</v>
      </c>
      <c r="G30" s="327">
        <v>1620184</v>
      </c>
      <c r="H30" s="327">
        <v>1065470</v>
      </c>
      <c r="I30" s="327">
        <v>952006</v>
      </c>
      <c r="J30" s="327">
        <v>1932435</v>
      </c>
      <c r="K30" s="327">
        <v>40857</v>
      </c>
      <c r="L30" s="367">
        <v>5610952</v>
      </c>
      <c r="M30" s="330">
        <v>6023556</v>
      </c>
      <c r="N30" s="326">
        <v>7720</v>
      </c>
      <c r="O30" s="327">
        <v>141078</v>
      </c>
      <c r="P30" s="328">
        <v>148798</v>
      </c>
      <c r="Q30" s="326">
        <v>0</v>
      </c>
      <c r="R30" s="327">
        <v>405857</v>
      </c>
      <c r="S30" s="327">
        <v>613895</v>
      </c>
      <c r="T30" s="327">
        <v>363670</v>
      </c>
      <c r="U30" s="327">
        <v>505951</v>
      </c>
      <c r="V30" s="327">
        <v>0</v>
      </c>
      <c r="W30" s="328">
        <v>1889373</v>
      </c>
      <c r="X30" s="330">
        <v>2038171</v>
      </c>
      <c r="Y30" s="326">
        <v>0</v>
      </c>
      <c r="Z30" s="327">
        <v>0</v>
      </c>
      <c r="AA30" s="328">
        <v>0</v>
      </c>
      <c r="AB30" s="326">
        <v>0</v>
      </c>
      <c r="AC30" s="327">
        <v>206214</v>
      </c>
      <c r="AD30" s="327">
        <v>134261</v>
      </c>
      <c r="AE30" s="327">
        <v>152855</v>
      </c>
      <c r="AF30" s="327">
        <v>306173</v>
      </c>
      <c r="AG30" s="327">
        <v>0</v>
      </c>
      <c r="AH30" s="328">
        <v>799503</v>
      </c>
      <c r="AI30" s="330">
        <v>799503</v>
      </c>
      <c r="AJ30" s="326">
        <v>0</v>
      </c>
      <c r="AK30" s="327">
        <v>0</v>
      </c>
      <c r="AL30" s="328">
        <v>0</v>
      </c>
      <c r="AM30" s="326">
        <v>0</v>
      </c>
      <c r="AN30" s="327">
        <v>0</v>
      </c>
      <c r="AO30" s="327">
        <v>49339</v>
      </c>
      <c r="AP30" s="327">
        <v>59277</v>
      </c>
      <c r="AQ30" s="327">
        <v>0</v>
      </c>
      <c r="AR30" s="327">
        <v>0</v>
      </c>
      <c r="AS30" s="328">
        <v>108616</v>
      </c>
      <c r="AT30" s="330">
        <v>108616</v>
      </c>
      <c r="AU30" s="326">
        <v>7720</v>
      </c>
      <c r="AV30" s="327">
        <v>45520</v>
      </c>
      <c r="AW30" s="328">
        <v>53240</v>
      </c>
      <c r="AX30" s="326">
        <v>0</v>
      </c>
      <c r="AY30" s="327">
        <v>146203</v>
      </c>
      <c r="AZ30" s="327">
        <v>341512</v>
      </c>
      <c r="BA30" s="327">
        <v>104418</v>
      </c>
      <c r="BB30" s="327">
        <v>110594</v>
      </c>
      <c r="BC30" s="327">
        <v>0</v>
      </c>
      <c r="BD30" s="328">
        <v>702727</v>
      </c>
      <c r="BE30" s="330">
        <v>755967</v>
      </c>
      <c r="BF30" s="326">
        <v>0</v>
      </c>
      <c r="BG30" s="327">
        <v>57526</v>
      </c>
      <c r="BH30" s="331">
        <v>57526</v>
      </c>
      <c r="BI30" s="332">
        <v>0</v>
      </c>
      <c r="BJ30" s="327">
        <v>0</v>
      </c>
      <c r="BK30" s="327">
        <v>64751</v>
      </c>
      <c r="BL30" s="327">
        <v>0</v>
      </c>
      <c r="BM30" s="327">
        <v>0</v>
      </c>
      <c r="BN30" s="327">
        <v>0</v>
      </c>
      <c r="BO30" s="328">
        <v>64751</v>
      </c>
      <c r="BP30" s="330">
        <v>122277</v>
      </c>
      <c r="BQ30" s="326">
        <v>0</v>
      </c>
      <c r="BR30" s="327">
        <v>38032</v>
      </c>
      <c r="BS30" s="328">
        <v>38032</v>
      </c>
      <c r="BT30" s="326">
        <v>0</v>
      </c>
      <c r="BU30" s="327">
        <v>53440</v>
      </c>
      <c r="BV30" s="327">
        <v>24032</v>
      </c>
      <c r="BW30" s="327">
        <v>47120</v>
      </c>
      <c r="BX30" s="327">
        <v>89184</v>
      </c>
      <c r="BY30" s="327">
        <v>0</v>
      </c>
      <c r="BZ30" s="328">
        <v>213776</v>
      </c>
      <c r="CA30" s="330">
        <v>251808</v>
      </c>
      <c r="CB30" s="326">
        <v>0</v>
      </c>
      <c r="CC30" s="327">
        <v>39980</v>
      </c>
      <c r="CD30" s="328">
        <v>39980</v>
      </c>
      <c r="CE30" s="326">
        <v>0</v>
      </c>
      <c r="CF30" s="327">
        <v>440674</v>
      </c>
      <c r="CG30" s="327">
        <v>267193</v>
      </c>
      <c r="CH30" s="327">
        <v>185404</v>
      </c>
      <c r="CI30" s="327">
        <v>407608</v>
      </c>
      <c r="CJ30" s="327">
        <v>31633</v>
      </c>
      <c r="CK30" s="328">
        <v>1332512</v>
      </c>
      <c r="CL30" s="330">
        <v>1372492</v>
      </c>
      <c r="CM30" s="326">
        <v>0</v>
      </c>
      <c r="CN30" s="327">
        <v>0</v>
      </c>
      <c r="CO30" s="328">
        <v>0</v>
      </c>
      <c r="CP30" s="332">
        <v>0</v>
      </c>
      <c r="CQ30" s="327">
        <v>340813</v>
      </c>
      <c r="CR30" s="327">
        <v>78324</v>
      </c>
      <c r="CS30" s="327">
        <v>8242</v>
      </c>
      <c r="CT30" s="327">
        <v>342553</v>
      </c>
      <c r="CU30" s="327">
        <v>31633</v>
      </c>
      <c r="CV30" s="328">
        <v>801565</v>
      </c>
      <c r="CW30" s="330">
        <v>801565</v>
      </c>
      <c r="CX30" s="326">
        <v>0</v>
      </c>
      <c r="CY30" s="327">
        <v>39980</v>
      </c>
      <c r="CZ30" s="328">
        <v>39980</v>
      </c>
      <c r="DA30" s="326">
        <v>0</v>
      </c>
      <c r="DB30" s="327">
        <v>99861</v>
      </c>
      <c r="DC30" s="327">
        <v>188869</v>
      </c>
      <c r="DD30" s="327">
        <v>177162</v>
      </c>
      <c r="DE30" s="327">
        <v>65055</v>
      </c>
      <c r="DF30" s="327">
        <v>0</v>
      </c>
      <c r="DG30" s="328">
        <v>530947</v>
      </c>
      <c r="DH30" s="330">
        <v>570927</v>
      </c>
      <c r="DI30" s="326">
        <v>0</v>
      </c>
      <c r="DJ30" s="327">
        <v>0</v>
      </c>
      <c r="DK30" s="331">
        <v>0</v>
      </c>
      <c r="DL30" s="332">
        <v>0</v>
      </c>
      <c r="DM30" s="327">
        <v>93506</v>
      </c>
      <c r="DN30" s="327">
        <v>124559</v>
      </c>
      <c r="DO30" s="327">
        <v>126236</v>
      </c>
      <c r="DP30" s="327">
        <v>114546</v>
      </c>
      <c r="DQ30" s="327">
        <v>0</v>
      </c>
      <c r="DR30" s="328">
        <v>458847</v>
      </c>
      <c r="DS30" s="330">
        <v>458847</v>
      </c>
      <c r="DT30" s="326">
        <v>0</v>
      </c>
      <c r="DU30" s="327">
        <v>0</v>
      </c>
      <c r="DV30" s="328">
        <v>0</v>
      </c>
      <c r="DW30" s="326">
        <v>0</v>
      </c>
      <c r="DX30" s="327">
        <v>30924</v>
      </c>
      <c r="DY30" s="327">
        <v>124559</v>
      </c>
      <c r="DZ30" s="327">
        <v>54842</v>
      </c>
      <c r="EA30" s="327">
        <v>114546</v>
      </c>
      <c r="EB30" s="327">
        <v>0</v>
      </c>
      <c r="EC30" s="328">
        <v>324871</v>
      </c>
      <c r="ED30" s="330">
        <v>324871</v>
      </c>
      <c r="EE30" s="326">
        <v>0</v>
      </c>
      <c r="EF30" s="331">
        <v>0</v>
      </c>
      <c r="EG30" s="328">
        <v>0</v>
      </c>
      <c r="EH30" s="326">
        <v>0</v>
      </c>
      <c r="EI30" s="327">
        <v>62582</v>
      </c>
      <c r="EJ30" s="327">
        <v>0</v>
      </c>
      <c r="EK30" s="327">
        <v>71394</v>
      </c>
      <c r="EL30" s="327">
        <v>0</v>
      </c>
      <c r="EM30" s="327">
        <v>0</v>
      </c>
      <c r="EN30" s="331">
        <v>133976</v>
      </c>
      <c r="EO30" s="330">
        <v>133976</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33728</v>
      </c>
      <c r="FM30" s="327">
        <v>96400</v>
      </c>
      <c r="FN30" s="328">
        <v>130128</v>
      </c>
      <c r="FO30" s="326">
        <v>0</v>
      </c>
      <c r="FP30" s="327">
        <v>27904</v>
      </c>
      <c r="FQ30" s="327">
        <v>238216</v>
      </c>
      <c r="FR30" s="327">
        <v>70032</v>
      </c>
      <c r="FS30" s="327">
        <v>59496</v>
      </c>
      <c r="FT30" s="327">
        <v>9224</v>
      </c>
      <c r="FU30" s="328">
        <v>404872</v>
      </c>
      <c r="FV30" s="330">
        <v>535000</v>
      </c>
      <c r="FW30" s="333">
        <v>19328</v>
      </c>
      <c r="FX30" s="327">
        <v>96400</v>
      </c>
      <c r="FY30" s="331">
        <v>115728</v>
      </c>
      <c r="FZ30" s="332">
        <v>0</v>
      </c>
      <c r="GA30" s="327">
        <v>27904</v>
      </c>
      <c r="GB30" s="327">
        <v>188216</v>
      </c>
      <c r="GC30" s="327">
        <v>70032</v>
      </c>
      <c r="GD30" s="327">
        <v>59496</v>
      </c>
      <c r="GE30" s="327">
        <v>9224</v>
      </c>
      <c r="GF30" s="328">
        <v>354872</v>
      </c>
      <c r="GG30" s="334">
        <v>470600</v>
      </c>
      <c r="GH30" s="333">
        <v>0</v>
      </c>
      <c r="GI30" s="327">
        <v>0</v>
      </c>
      <c r="GJ30" s="331">
        <v>0</v>
      </c>
      <c r="GK30" s="332">
        <v>0</v>
      </c>
      <c r="GL30" s="327">
        <v>0</v>
      </c>
      <c r="GM30" s="327">
        <v>0</v>
      </c>
      <c r="GN30" s="327">
        <v>0</v>
      </c>
      <c r="GO30" s="327">
        <v>0</v>
      </c>
      <c r="GP30" s="327">
        <v>0</v>
      </c>
      <c r="GQ30" s="328">
        <v>0</v>
      </c>
      <c r="GR30" s="330">
        <v>0</v>
      </c>
      <c r="GS30" s="326">
        <v>14400</v>
      </c>
      <c r="GT30" s="327">
        <v>0</v>
      </c>
      <c r="GU30" s="328">
        <v>14400</v>
      </c>
      <c r="GV30" s="326">
        <v>0</v>
      </c>
      <c r="GW30" s="327">
        <v>0</v>
      </c>
      <c r="GX30" s="327">
        <v>50000</v>
      </c>
      <c r="GY30" s="327">
        <v>0</v>
      </c>
      <c r="GZ30" s="327">
        <v>0</v>
      </c>
      <c r="HA30" s="327">
        <v>0</v>
      </c>
      <c r="HB30" s="331">
        <v>50000</v>
      </c>
      <c r="HC30" s="330">
        <v>64400</v>
      </c>
      <c r="HD30" s="326">
        <v>0</v>
      </c>
      <c r="HE30" s="327">
        <v>93698</v>
      </c>
      <c r="HF30" s="331">
        <v>93698</v>
      </c>
      <c r="HG30" s="332">
        <v>0</v>
      </c>
      <c r="HH30" s="327">
        <v>652243</v>
      </c>
      <c r="HI30" s="327">
        <v>-178393</v>
      </c>
      <c r="HJ30" s="327">
        <v>206664</v>
      </c>
      <c r="HK30" s="327">
        <v>844834</v>
      </c>
      <c r="HL30" s="327">
        <v>0</v>
      </c>
      <c r="HM30" s="328">
        <v>1525348</v>
      </c>
      <c r="HN30" s="329">
        <v>1619046</v>
      </c>
      <c r="HO30" s="333">
        <v>0</v>
      </c>
      <c r="HP30" s="327">
        <v>0</v>
      </c>
      <c r="HQ30" s="328">
        <v>0</v>
      </c>
      <c r="HR30" s="326">
        <v>0</v>
      </c>
      <c r="HS30" s="327">
        <v>0</v>
      </c>
      <c r="HT30" s="327">
        <v>0</v>
      </c>
      <c r="HU30" s="327">
        <v>0</v>
      </c>
      <c r="HV30" s="327">
        <v>0</v>
      </c>
      <c r="HW30" s="327">
        <v>0</v>
      </c>
      <c r="HX30" s="331">
        <v>0</v>
      </c>
      <c r="HY30" s="330">
        <v>0</v>
      </c>
      <c r="HZ30" s="358">
        <v>0</v>
      </c>
      <c r="IA30" s="356">
        <v>76567</v>
      </c>
      <c r="IB30" s="358">
        <v>76567</v>
      </c>
      <c r="IC30" s="355">
        <v>0</v>
      </c>
      <c r="ID30" s="356">
        <v>86974</v>
      </c>
      <c r="IE30" s="357">
        <v>119614</v>
      </c>
      <c r="IF30" s="358">
        <v>213546</v>
      </c>
      <c r="IG30" s="356">
        <v>39692</v>
      </c>
      <c r="IH30" s="358">
        <v>0</v>
      </c>
      <c r="II30" s="359">
        <v>459826</v>
      </c>
      <c r="IJ30" s="358">
        <v>536393</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86974</v>
      </c>
      <c r="JL30" s="345">
        <v>119614</v>
      </c>
      <c r="JM30" s="345">
        <v>70273</v>
      </c>
      <c r="JN30" s="345">
        <v>39692</v>
      </c>
      <c r="JO30" s="345">
        <v>0</v>
      </c>
      <c r="JP30" s="349">
        <v>316553</v>
      </c>
      <c r="JQ30" s="347">
        <v>316553</v>
      </c>
      <c r="JR30" s="348">
        <v>0</v>
      </c>
      <c r="JS30" s="345">
        <v>0</v>
      </c>
      <c r="JT30" s="346">
        <v>0</v>
      </c>
      <c r="JU30" s="351">
        <v>0</v>
      </c>
      <c r="JV30" s="345">
        <v>0</v>
      </c>
      <c r="JW30" s="345">
        <v>0</v>
      </c>
      <c r="JX30" s="345">
        <v>0</v>
      </c>
      <c r="JY30" s="345">
        <v>0</v>
      </c>
      <c r="JZ30" s="345">
        <v>0</v>
      </c>
      <c r="KA30" s="349">
        <v>0</v>
      </c>
      <c r="KB30" s="347">
        <v>0</v>
      </c>
      <c r="KC30" s="352">
        <v>0</v>
      </c>
      <c r="KD30" s="353">
        <v>76567</v>
      </c>
      <c r="KE30" s="349">
        <v>76567</v>
      </c>
      <c r="KF30" s="351">
        <v>0</v>
      </c>
      <c r="KG30" s="345">
        <v>0</v>
      </c>
      <c r="KH30" s="345">
        <v>0</v>
      </c>
      <c r="KI30" s="345">
        <v>0</v>
      </c>
      <c r="KJ30" s="345">
        <v>0</v>
      </c>
      <c r="KK30" s="345">
        <v>0</v>
      </c>
      <c r="KL30" s="349">
        <v>0</v>
      </c>
      <c r="KM30" s="354">
        <v>76567</v>
      </c>
      <c r="KN30" s="342">
        <v>0</v>
      </c>
      <c r="KO30" s="343">
        <v>0</v>
      </c>
      <c r="KP30" s="344">
        <v>0</v>
      </c>
      <c r="KQ30" s="404">
        <v>0</v>
      </c>
      <c r="KR30" s="345">
        <v>0</v>
      </c>
      <c r="KS30" s="345">
        <v>0</v>
      </c>
      <c r="KT30" s="345">
        <v>143273</v>
      </c>
      <c r="KU30" s="345">
        <v>0</v>
      </c>
      <c r="KV30" s="345">
        <v>0</v>
      </c>
      <c r="KW30" s="349">
        <v>143273</v>
      </c>
      <c r="KX30" s="347">
        <v>143273</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465458</v>
      </c>
      <c r="MK30" s="345">
        <v>247212</v>
      </c>
      <c r="ML30" s="345">
        <v>1029471</v>
      </c>
      <c r="MM30" s="345">
        <v>421778</v>
      </c>
      <c r="MN30" s="345">
        <v>549426</v>
      </c>
      <c r="MO30" s="349">
        <v>2713345</v>
      </c>
      <c r="MP30" s="354">
        <v>2713345</v>
      </c>
      <c r="MQ30" s="348">
        <v>0</v>
      </c>
      <c r="MR30" s="345">
        <v>0</v>
      </c>
      <c r="MS30" s="349">
        <v>0</v>
      </c>
      <c r="MT30" s="404">
        <v>0</v>
      </c>
      <c r="MU30" s="345">
        <v>196718</v>
      </c>
      <c r="MV30" s="345">
        <v>0</v>
      </c>
      <c r="MW30" s="345">
        <v>716883</v>
      </c>
      <c r="MX30" s="345">
        <v>0</v>
      </c>
      <c r="MY30" s="345">
        <v>275896</v>
      </c>
      <c r="MZ30" s="349">
        <v>1189497</v>
      </c>
      <c r="NA30" s="354">
        <v>1189497</v>
      </c>
      <c r="NB30" s="348">
        <v>0</v>
      </c>
      <c r="NC30" s="345">
        <v>0</v>
      </c>
      <c r="ND30" s="349">
        <v>0</v>
      </c>
      <c r="NE30" s="404">
        <v>0</v>
      </c>
      <c r="NF30" s="345">
        <v>268740</v>
      </c>
      <c r="NG30" s="345">
        <v>247212</v>
      </c>
      <c r="NH30" s="345">
        <v>312588</v>
      </c>
      <c r="NI30" s="345">
        <v>421778</v>
      </c>
      <c r="NJ30" s="345">
        <v>273530</v>
      </c>
      <c r="NK30" s="349">
        <v>1523848</v>
      </c>
      <c r="NL30" s="347">
        <v>1523848</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41448</v>
      </c>
      <c r="OJ30" s="345">
        <v>447723</v>
      </c>
      <c r="OK30" s="346">
        <v>489171</v>
      </c>
      <c r="OL30" s="351">
        <v>0</v>
      </c>
      <c r="OM30" s="345">
        <v>2172616</v>
      </c>
      <c r="ON30" s="345">
        <v>1432296</v>
      </c>
      <c r="OO30" s="345">
        <v>2195023</v>
      </c>
      <c r="OP30" s="345">
        <v>2393905</v>
      </c>
      <c r="OQ30" s="345">
        <v>590283</v>
      </c>
      <c r="OR30" s="349">
        <v>8784123</v>
      </c>
      <c r="OS30" s="354">
        <v>9273294</v>
      </c>
    </row>
    <row r="31" spans="2:409" s="70" customFormat="1" ht="21" customHeight="1" x14ac:dyDescent="0.2">
      <c r="B31" s="410" t="s">
        <v>26</v>
      </c>
      <c r="C31" s="326">
        <v>150882</v>
      </c>
      <c r="D31" s="327">
        <v>40672</v>
      </c>
      <c r="E31" s="328">
        <v>191554</v>
      </c>
      <c r="F31" s="329">
        <v>0</v>
      </c>
      <c r="G31" s="327">
        <v>1708527</v>
      </c>
      <c r="H31" s="327">
        <v>1518282</v>
      </c>
      <c r="I31" s="327">
        <v>1631524</v>
      </c>
      <c r="J31" s="327">
        <v>1472586</v>
      </c>
      <c r="K31" s="327">
        <v>748801</v>
      </c>
      <c r="L31" s="367">
        <v>7079720</v>
      </c>
      <c r="M31" s="330">
        <v>7271274</v>
      </c>
      <c r="N31" s="326">
        <v>32166</v>
      </c>
      <c r="O31" s="327">
        <v>0</v>
      </c>
      <c r="P31" s="328">
        <v>32166</v>
      </c>
      <c r="Q31" s="326">
        <v>0</v>
      </c>
      <c r="R31" s="327">
        <v>684210</v>
      </c>
      <c r="S31" s="327">
        <v>517036</v>
      </c>
      <c r="T31" s="327">
        <v>527117</v>
      </c>
      <c r="U31" s="327">
        <v>743895</v>
      </c>
      <c r="V31" s="327">
        <v>658947</v>
      </c>
      <c r="W31" s="328">
        <v>3131205</v>
      </c>
      <c r="X31" s="330">
        <v>3163371</v>
      </c>
      <c r="Y31" s="326">
        <v>0</v>
      </c>
      <c r="Z31" s="327">
        <v>0</v>
      </c>
      <c r="AA31" s="328">
        <v>0</v>
      </c>
      <c r="AB31" s="326">
        <v>0</v>
      </c>
      <c r="AC31" s="327">
        <v>413848</v>
      </c>
      <c r="AD31" s="327">
        <v>171807</v>
      </c>
      <c r="AE31" s="327">
        <v>327729</v>
      </c>
      <c r="AF31" s="327">
        <v>405037</v>
      </c>
      <c r="AG31" s="327">
        <v>363183</v>
      </c>
      <c r="AH31" s="328">
        <v>1681604</v>
      </c>
      <c r="AI31" s="330">
        <v>1681604</v>
      </c>
      <c r="AJ31" s="326">
        <v>0</v>
      </c>
      <c r="AK31" s="327">
        <v>0</v>
      </c>
      <c r="AL31" s="328">
        <v>0</v>
      </c>
      <c r="AM31" s="326">
        <v>0</v>
      </c>
      <c r="AN31" s="327">
        <v>0</v>
      </c>
      <c r="AO31" s="327">
        <v>0</v>
      </c>
      <c r="AP31" s="327">
        <v>0</v>
      </c>
      <c r="AQ31" s="327">
        <v>106700</v>
      </c>
      <c r="AR31" s="327">
        <v>59277</v>
      </c>
      <c r="AS31" s="328">
        <v>165977</v>
      </c>
      <c r="AT31" s="330">
        <v>165977</v>
      </c>
      <c r="AU31" s="326">
        <v>14254</v>
      </c>
      <c r="AV31" s="327">
        <v>0</v>
      </c>
      <c r="AW31" s="328">
        <v>14254</v>
      </c>
      <c r="AX31" s="326">
        <v>0</v>
      </c>
      <c r="AY31" s="327">
        <v>197490</v>
      </c>
      <c r="AZ31" s="327">
        <v>307677</v>
      </c>
      <c r="BA31" s="327">
        <v>102156</v>
      </c>
      <c r="BB31" s="327">
        <v>166862</v>
      </c>
      <c r="BC31" s="327">
        <v>199167</v>
      </c>
      <c r="BD31" s="328">
        <v>973352</v>
      </c>
      <c r="BE31" s="330">
        <v>987606</v>
      </c>
      <c r="BF31" s="326">
        <v>0</v>
      </c>
      <c r="BG31" s="327">
        <v>0</v>
      </c>
      <c r="BH31" s="331">
        <v>0</v>
      </c>
      <c r="BI31" s="332">
        <v>0</v>
      </c>
      <c r="BJ31" s="327">
        <v>0</v>
      </c>
      <c r="BK31" s="327">
        <v>0</v>
      </c>
      <c r="BL31" s="327">
        <v>0</v>
      </c>
      <c r="BM31" s="327">
        <v>0</v>
      </c>
      <c r="BN31" s="327">
        <v>0</v>
      </c>
      <c r="BO31" s="328">
        <v>0</v>
      </c>
      <c r="BP31" s="330">
        <v>0</v>
      </c>
      <c r="BQ31" s="326">
        <v>17912</v>
      </c>
      <c r="BR31" s="327">
        <v>0</v>
      </c>
      <c r="BS31" s="328">
        <v>17912</v>
      </c>
      <c r="BT31" s="326">
        <v>0</v>
      </c>
      <c r="BU31" s="327">
        <v>72872</v>
      </c>
      <c r="BV31" s="327">
        <v>37552</v>
      </c>
      <c r="BW31" s="327">
        <v>97232</v>
      </c>
      <c r="BX31" s="327">
        <v>65296</v>
      </c>
      <c r="BY31" s="327">
        <v>37320</v>
      </c>
      <c r="BZ31" s="328">
        <v>310272</v>
      </c>
      <c r="CA31" s="330">
        <v>328184</v>
      </c>
      <c r="CB31" s="326">
        <v>0</v>
      </c>
      <c r="CC31" s="327">
        <v>0</v>
      </c>
      <c r="CD31" s="328">
        <v>0</v>
      </c>
      <c r="CE31" s="326">
        <v>0</v>
      </c>
      <c r="CF31" s="327">
        <v>461630</v>
      </c>
      <c r="CG31" s="327">
        <v>505457</v>
      </c>
      <c r="CH31" s="327">
        <v>341544</v>
      </c>
      <c r="CI31" s="327">
        <v>247834</v>
      </c>
      <c r="CJ31" s="327">
        <v>20486</v>
      </c>
      <c r="CK31" s="328">
        <v>1576951</v>
      </c>
      <c r="CL31" s="330">
        <v>1576951</v>
      </c>
      <c r="CM31" s="326">
        <v>0</v>
      </c>
      <c r="CN31" s="327">
        <v>0</v>
      </c>
      <c r="CO31" s="328">
        <v>0</v>
      </c>
      <c r="CP31" s="332">
        <v>0</v>
      </c>
      <c r="CQ31" s="327">
        <v>294997</v>
      </c>
      <c r="CR31" s="327">
        <v>362946</v>
      </c>
      <c r="CS31" s="327">
        <v>341544</v>
      </c>
      <c r="CT31" s="327">
        <v>155586</v>
      </c>
      <c r="CU31" s="327">
        <v>0</v>
      </c>
      <c r="CV31" s="328">
        <v>1155073</v>
      </c>
      <c r="CW31" s="330">
        <v>1155073</v>
      </c>
      <c r="CX31" s="326">
        <v>0</v>
      </c>
      <c r="CY31" s="327">
        <v>0</v>
      </c>
      <c r="CZ31" s="328">
        <v>0</v>
      </c>
      <c r="DA31" s="326">
        <v>0</v>
      </c>
      <c r="DB31" s="327">
        <v>166633</v>
      </c>
      <c r="DC31" s="327">
        <v>142511</v>
      </c>
      <c r="DD31" s="327">
        <v>0</v>
      </c>
      <c r="DE31" s="327">
        <v>92248</v>
      </c>
      <c r="DF31" s="327">
        <v>20486</v>
      </c>
      <c r="DG31" s="328">
        <v>421878</v>
      </c>
      <c r="DH31" s="330">
        <v>421878</v>
      </c>
      <c r="DI31" s="326">
        <v>0</v>
      </c>
      <c r="DJ31" s="327">
        <v>0</v>
      </c>
      <c r="DK31" s="331">
        <v>0</v>
      </c>
      <c r="DL31" s="332">
        <v>0</v>
      </c>
      <c r="DM31" s="327">
        <v>129754</v>
      </c>
      <c r="DN31" s="327">
        <v>0</v>
      </c>
      <c r="DO31" s="327">
        <v>170176</v>
      </c>
      <c r="DP31" s="327">
        <v>119409</v>
      </c>
      <c r="DQ31" s="327">
        <v>0</v>
      </c>
      <c r="DR31" s="328">
        <v>419339</v>
      </c>
      <c r="DS31" s="330">
        <v>419339</v>
      </c>
      <c r="DT31" s="326">
        <v>0</v>
      </c>
      <c r="DU31" s="327">
        <v>0</v>
      </c>
      <c r="DV31" s="328">
        <v>0</v>
      </c>
      <c r="DW31" s="326">
        <v>0</v>
      </c>
      <c r="DX31" s="327">
        <v>129754</v>
      </c>
      <c r="DY31" s="327">
        <v>0</v>
      </c>
      <c r="DZ31" s="327">
        <v>141076</v>
      </c>
      <c r="EA31" s="327">
        <v>63788</v>
      </c>
      <c r="EB31" s="327">
        <v>0</v>
      </c>
      <c r="EC31" s="328">
        <v>334618</v>
      </c>
      <c r="ED31" s="330">
        <v>334618</v>
      </c>
      <c r="EE31" s="326">
        <v>0</v>
      </c>
      <c r="EF31" s="331">
        <v>0</v>
      </c>
      <c r="EG31" s="328">
        <v>0</v>
      </c>
      <c r="EH31" s="326">
        <v>0</v>
      </c>
      <c r="EI31" s="327">
        <v>0</v>
      </c>
      <c r="EJ31" s="327">
        <v>0</v>
      </c>
      <c r="EK31" s="327">
        <v>29100</v>
      </c>
      <c r="EL31" s="327">
        <v>55621</v>
      </c>
      <c r="EM31" s="327">
        <v>0</v>
      </c>
      <c r="EN31" s="331">
        <v>84721</v>
      </c>
      <c r="EO31" s="330">
        <v>84721</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64352</v>
      </c>
      <c r="FM31" s="327">
        <v>40672</v>
      </c>
      <c r="FN31" s="328">
        <v>105024</v>
      </c>
      <c r="FO31" s="326">
        <v>0</v>
      </c>
      <c r="FP31" s="327">
        <v>113680</v>
      </c>
      <c r="FQ31" s="327">
        <v>136480</v>
      </c>
      <c r="FR31" s="327">
        <v>190242</v>
      </c>
      <c r="FS31" s="327">
        <v>141464</v>
      </c>
      <c r="FT31" s="327">
        <v>69368</v>
      </c>
      <c r="FU31" s="328">
        <v>651234</v>
      </c>
      <c r="FV31" s="330">
        <v>756258</v>
      </c>
      <c r="FW31" s="333">
        <v>41120</v>
      </c>
      <c r="FX31" s="327">
        <v>40672</v>
      </c>
      <c r="FY31" s="331">
        <v>81792</v>
      </c>
      <c r="FZ31" s="332">
        <v>0</v>
      </c>
      <c r="GA31" s="327">
        <v>113680</v>
      </c>
      <c r="GB31" s="327">
        <v>136480</v>
      </c>
      <c r="GC31" s="327">
        <v>102960</v>
      </c>
      <c r="GD31" s="327">
        <v>141464</v>
      </c>
      <c r="GE31" s="327">
        <v>69368</v>
      </c>
      <c r="GF31" s="328">
        <v>563952</v>
      </c>
      <c r="GG31" s="334">
        <v>645744</v>
      </c>
      <c r="GH31" s="333">
        <v>23232</v>
      </c>
      <c r="GI31" s="327">
        <v>0</v>
      </c>
      <c r="GJ31" s="331">
        <v>23232</v>
      </c>
      <c r="GK31" s="332">
        <v>0</v>
      </c>
      <c r="GL31" s="327">
        <v>0</v>
      </c>
      <c r="GM31" s="327">
        <v>0</v>
      </c>
      <c r="GN31" s="327">
        <v>0</v>
      </c>
      <c r="GO31" s="327">
        <v>0</v>
      </c>
      <c r="GP31" s="327">
        <v>0</v>
      </c>
      <c r="GQ31" s="328">
        <v>0</v>
      </c>
      <c r="GR31" s="330">
        <v>23232</v>
      </c>
      <c r="GS31" s="326">
        <v>0</v>
      </c>
      <c r="GT31" s="327">
        <v>0</v>
      </c>
      <c r="GU31" s="328">
        <v>0</v>
      </c>
      <c r="GV31" s="326">
        <v>0</v>
      </c>
      <c r="GW31" s="327">
        <v>0</v>
      </c>
      <c r="GX31" s="327">
        <v>0</v>
      </c>
      <c r="GY31" s="327">
        <v>87282</v>
      </c>
      <c r="GZ31" s="327">
        <v>0</v>
      </c>
      <c r="HA31" s="327">
        <v>0</v>
      </c>
      <c r="HB31" s="331">
        <v>87282</v>
      </c>
      <c r="HC31" s="330">
        <v>87282</v>
      </c>
      <c r="HD31" s="326">
        <v>54364</v>
      </c>
      <c r="HE31" s="327">
        <v>0</v>
      </c>
      <c r="HF31" s="331">
        <v>54364</v>
      </c>
      <c r="HG31" s="332">
        <v>0</v>
      </c>
      <c r="HH31" s="327">
        <v>319253</v>
      </c>
      <c r="HI31" s="327">
        <v>359309</v>
      </c>
      <c r="HJ31" s="327">
        <v>402445</v>
      </c>
      <c r="HK31" s="327">
        <v>219984</v>
      </c>
      <c r="HL31" s="327">
        <v>0</v>
      </c>
      <c r="HM31" s="328">
        <v>1300991</v>
      </c>
      <c r="HN31" s="329">
        <v>1355355</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353530</v>
      </c>
      <c r="IE31" s="339">
        <v>76548</v>
      </c>
      <c r="IF31" s="337">
        <v>934145</v>
      </c>
      <c r="IG31" s="336">
        <v>267701</v>
      </c>
      <c r="IH31" s="337">
        <v>638235</v>
      </c>
      <c r="II31" s="340">
        <v>2270159</v>
      </c>
      <c r="IJ31" s="341">
        <v>2270159</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353530</v>
      </c>
      <c r="JL31" s="345">
        <v>76548</v>
      </c>
      <c r="JM31" s="345">
        <v>680271</v>
      </c>
      <c r="JN31" s="345">
        <v>0</v>
      </c>
      <c r="JO31" s="345">
        <v>0</v>
      </c>
      <c r="JP31" s="349">
        <v>1110349</v>
      </c>
      <c r="JQ31" s="347">
        <v>1110349</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0</v>
      </c>
      <c r="KI31" s="345">
        <v>0</v>
      </c>
      <c r="KJ31" s="345">
        <v>0</v>
      </c>
      <c r="KK31" s="345">
        <v>372251</v>
      </c>
      <c r="KL31" s="349">
        <v>372251</v>
      </c>
      <c r="KM31" s="354">
        <v>372251</v>
      </c>
      <c r="KN31" s="342">
        <v>0</v>
      </c>
      <c r="KO31" s="343">
        <v>0</v>
      </c>
      <c r="KP31" s="344">
        <v>0</v>
      </c>
      <c r="KQ31" s="404">
        <v>0</v>
      </c>
      <c r="KR31" s="345">
        <v>0</v>
      </c>
      <c r="KS31" s="345">
        <v>0</v>
      </c>
      <c r="KT31" s="345">
        <v>253874</v>
      </c>
      <c r="KU31" s="345">
        <v>267701</v>
      </c>
      <c r="KV31" s="345">
        <v>265984</v>
      </c>
      <c r="KW31" s="349">
        <v>787559</v>
      </c>
      <c r="KX31" s="347">
        <v>787559</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0</v>
      </c>
      <c r="ML31" s="345">
        <v>1183802</v>
      </c>
      <c r="MM31" s="345">
        <v>647046</v>
      </c>
      <c r="MN31" s="345">
        <v>585939</v>
      </c>
      <c r="MO31" s="349">
        <v>2416787</v>
      </c>
      <c r="MP31" s="354">
        <v>2416787</v>
      </c>
      <c r="MQ31" s="348">
        <v>0</v>
      </c>
      <c r="MR31" s="345">
        <v>0</v>
      </c>
      <c r="MS31" s="349">
        <v>0</v>
      </c>
      <c r="MT31" s="404">
        <v>0</v>
      </c>
      <c r="MU31" s="345">
        <v>0</v>
      </c>
      <c r="MV31" s="345">
        <v>0</v>
      </c>
      <c r="MW31" s="345">
        <v>595053</v>
      </c>
      <c r="MX31" s="345">
        <v>290192</v>
      </c>
      <c r="MY31" s="345">
        <v>585939</v>
      </c>
      <c r="MZ31" s="349">
        <v>1471184</v>
      </c>
      <c r="NA31" s="354">
        <v>1471184</v>
      </c>
      <c r="NB31" s="348">
        <v>0</v>
      </c>
      <c r="NC31" s="345">
        <v>0</v>
      </c>
      <c r="ND31" s="349">
        <v>0</v>
      </c>
      <c r="NE31" s="404">
        <v>0</v>
      </c>
      <c r="NF31" s="345">
        <v>0</v>
      </c>
      <c r="NG31" s="345">
        <v>0</v>
      </c>
      <c r="NH31" s="345">
        <v>588749</v>
      </c>
      <c r="NI31" s="345">
        <v>356854</v>
      </c>
      <c r="NJ31" s="345">
        <v>0</v>
      </c>
      <c r="NK31" s="349">
        <v>945603</v>
      </c>
      <c r="NL31" s="347">
        <v>945603</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150882</v>
      </c>
      <c r="OJ31" s="345">
        <v>40672</v>
      </c>
      <c r="OK31" s="346">
        <v>191554</v>
      </c>
      <c r="OL31" s="351">
        <v>0</v>
      </c>
      <c r="OM31" s="345">
        <v>2062057</v>
      </c>
      <c r="ON31" s="345">
        <v>1594830</v>
      </c>
      <c r="OO31" s="345">
        <v>3749471</v>
      </c>
      <c r="OP31" s="345">
        <v>2387333</v>
      </c>
      <c r="OQ31" s="345">
        <v>1972975</v>
      </c>
      <c r="OR31" s="349">
        <v>11766666</v>
      </c>
      <c r="OS31" s="354">
        <v>11958220</v>
      </c>
    </row>
    <row r="32" spans="2:409" s="70" customFormat="1" ht="21" customHeight="1" x14ac:dyDescent="0.2">
      <c r="B32" s="410" t="s">
        <v>27</v>
      </c>
      <c r="C32" s="326">
        <v>306831</v>
      </c>
      <c r="D32" s="327">
        <v>472094</v>
      </c>
      <c r="E32" s="328">
        <v>778925</v>
      </c>
      <c r="F32" s="329">
        <v>0</v>
      </c>
      <c r="G32" s="327">
        <v>1434846</v>
      </c>
      <c r="H32" s="327">
        <v>1164460</v>
      </c>
      <c r="I32" s="327">
        <v>945871</v>
      </c>
      <c r="J32" s="327">
        <v>1692422</v>
      </c>
      <c r="K32" s="327">
        <v>1029047</v>
      </c>
      <c r="L32" s="367">
        <v>6266646</v>
      </c>
      <c r="M32" s="330">
        <v>7045571</v>
      </c>
      <c r="N32" s="326">
        <v>71558</v>
      </c>
      <c r="O32" s="327">
        <v>179118</v>
      </c>
      <c r="P32" s="328">
        <v>250676</v>
      </c>
      <c r="Q32" s="326">
        <v>0</v>
      </c>
      <c r="R32" s="327">
        <v>363911</v>
      </c>
      <c r="S32" s="327">
        <v>273170</v>
      </c>
      <c r="T32" s="327">
        <v>612262</v>
      </c>
      <c r="U32" s="327">
        <v>935158</v>
      </c>
      <c r="V32" s="327">
        <v>910647</v>
      </c>
      <c r="W32" s="328">
        <v>3095148</v>
      </c>
      <c r="X32" s="330">
        <v>3345824</v>
      </c>
      <c r="Y32" s="326">
        <v>0</v>
      </c>
      <c r="Z32" s="327">
        <v>0</v>
      </c>
      <c r="AA32" s="328">
        <v>0</v>
      </c>
      <c r="AB32" s="326">
        <v>0</v>
      </c>
      <c r="AC32" s="327">
        <v>67520</v>
      </c>
      <c r="AD32" s="327">
        <v>173706</v>
      </c>
      <c r="AE32" s="327">
        <v>412921</v>
      </c>
      <c r="AF32" s="327">
        <v>532426</v>
      </c>
      <c r="AG32" s="327">
        <v>723835</v>
      </c>
      <c r="AH32" s="328">
        <v>1910408</v>
      </c>
      <c r="AI32" s="330">
        <v>1910408</v>
      </c>
      <c r="AJ32" s="326">
        <v>0</v>
      </c>
      <c r="AK32" s="327">
        <v>0</v>
      </c>
      <c r="AL32" s="328">
        <v>0</v>
      </c>
      <c r="AM32" s="326">
        <v>0</v>
      </c>
      <c r="AN32" s="327">
        <v>0</v>
      </c>
      <c r="AO32" s="327">
        <v>0</v>
      </c>
      <c r="AP32" s="327">
        <v>0</v>
      </c>
      <c r="AQ32" s="327">
        <v>138542</v>
      </c>
      <c r="AR32" s="327">
        <v>0</v>
      </c>
      <c r="AS32" s="328">
        <v>138542</v>
      </c>
      <c r="AT32" s="330">
        <v>138542</v>
      </c>
      <c r="AU32" s="326">
        <v>50566</v>
      </c>
      <c r="AV32" s="327">
        <v>169550</v>
      </c>
      <c r="AW32" s="328">
        <v>220116</v>
      </c>
      <c r="AX32" s="326">
        <v>0</v>
      </c>
      <c r="AY32" s="327">
        <v>163271</v>
      </c>
      <c r="AZ32" s="327">
        <v>46280</v>
      </c>
      <c r="BA32" s="327">
        <v>158757</v>
      </c>
      <c r="BB32" s="327">
        <v>207262</v>
      </c>
      <c r="BC32" s="327">
        <v>158172</v>
      </c>
      <c r="BD32" s="328">
        <v>733742</v>
      </c>
      <c r="BE32" s="330">
        <v>953858</v>
      </c>
      <c r="BF32" s="326">
        <v>0</v>
      </c>
      <c r="BG32" s="327">
        <v>0</v>
      </c>
      <c r="BH32" s="331">
        <v>0</v>
      </c>
      <c r="BI32" s="332">
        <v>0</v>
      </c>
      <c r="BJ32" s="327">
        <v>0</v>
      </c>
      <c r="BK32" s="327">
        <v>0</v>
      </c>
      <c r="BL32" s="327">
        <v>0</v>
      </c>
      <c r="BM32" s="327">
        <v>0</v>
      </c>
      <c r="BN32" s="327">
        <v>0</v>
      </c>
      <c r="BO32" s="328">
        <v>0</v>
      </c>
      <c r="BP32" s="330">
        <v>0</v>
      </c>
      <c r="BQ32" s="326">
        <v>20992</v>
      </c>
      <c r="BR32" s="327">
        <v>9568</v>
      </c>
      <c r="BS32" s="328">
        <v>30560</v>
      </c>
      <c r="BT32" s="326">
        <v>0</v>
      </c>
      <c r="BU32" s="327">
        <v>133120</v>
      </c>
      <c r="BV32" s="327">
        <v>53184</v>
      </c>
      <c r="BW32" s="327">
        <v>40584</v>
      </c>
      <c r="BX32" s="327">
        <v>56928</v>
      </c>
      <c r="BY32" s="327">
        <v>28640</v>
      </c>
      <c r="BZ32" s="328">
        <v>312456</v>
      </c>
      <c r="CA32" s="330">
        <v>343016</v>
      </c>
      <c r="CB32" s="326">
        <v>62358</v>
      </c>
      <c r="CC32" s="327">
        <v>100017</v>
      </c>
      <c r="CD32" s="328">
        <v>162375</v>
      </c>
      <c r="CE32" s="326">
        <v>0</v>
      </c>
      <c r="CF32" s="327">
        <v>257324</v>
      </c>
      <c r="CG32" s="327">
        <v>577462</v>
      </c>
      <c r="CH32" s="327">
        <v>242633</v>
      </c>
      <c r="CI32" s="327">
        <v>237413</v>
      </c>
      <c r="CJ32" s="327">
        <v>0</v>
      </c>
      <c r="CK32" s="328">
        <v>1314832</v>
      </c>
      <c r="CL32" s="330">
        <v>1477207</v>
      </c>
      <c r="CM32" s="326">
        <v>0</v>
      </c>
      <c r="CN32" s="327">
        <v>0</v>
      </c>
      <c r="CO32" s="328">
        <v>0</v>
      </c>
      <c r="CP32" s="332">
        <v>0</v>
      </c>
      <c r="CQ32" s="327">
        <v>205559</v>
      </c>
      <c r="CR32" s="327">
        <v>435918</v>
      </c>
      <c r="CS32" s="327">
        <v>242633</v>
      </c>
      <c r="CT32" s="327">
        <v>237413</v>
      </c>
      <c r="CU32" s="327">
        <v>0</v>
      </c>
      <c r="CV32" s="328">
        <v>1121523</v>
      </c>
      <c r="CW32" s="330">
        <v>1121523</v>
      </c>
      <c r="CX32" s="326">
        <v>62358</v>
      </c>
      <c r="CY32" s="327">
        <v>100017</v>
      </c>
      <c r="CZ32" s="328">
        <v>162375</v>
      </c>
      <c r="DA32" s="326">
        <v>0</v>
      </c>
      <c r="DB32" s="327">
        <v>51765</v>
      </c>
      <c r="DC32" s="327">
        <v>141544</v>
      </c>
      <c r="DD32" s="327">
        <v>0</v>
      </c>
      <c r="DE32" s="327">
        <v>0</v>
      </c>
      <c r="DF32" s="327">
        <v>0</v>
      </c>
      <c r="DG32" s="328">
        <v>193309</v>
      </c>
      <c r="DH32" s="330">
        <v>355684</v>
      </c>
      <c r="DI32" s="326">
        <v>0</v>
      </c>
      <c r="DJ32" s="327">
        <v>83839</v>
      </c>
      <c r="DK32" s="331">
        <v>83839</v>
      </c>
      <c r="DL32" s="332">
        <v>0</v>
      </c>
      <c r="DM32" s="327">
        <v>0</v>
      </c>
      <c r="DN32" s="327">
        <v>0</v>
      </c>
      <c r="DO32" s="327">
        <v>0</v>
      </c>
      <c r="DP32" s="327">
        <v>0</v>
      </c>
      <c r="DQ32" s="327">
        <v>0</v>
      </c>
      <c r="DR32" s="328">
        <v>0</v>
      </c>
      <c r="DS32" s="330">
        <v>83839</v>
      </c>
      <c r="DT32" s="326">
        <v>0</v>
      </c>
      <c r="DU32" s="327">
        <v>25851</v>
      </c>
      <c r="DV32" s="328">
        <v>25851</v>
      </c>
      <c r="DW32" s="326">
        <v>0</v>
      </c>
      <c r="DX32" s="327">
        <v>0</v>
      </c>
      <c r="DY32" s="327">
        <v>0</v>
      </c>
      <c r="DZ32" s="327">
        <v>0</v>
      </c>
      <c r="EA32" s="327">
        <v>0</v>
      </c>
      <c r="EB32" s="327">
        <v>0</v>
      </c>
      <c r="EC32" s="328">
        <v>0</v>
      </c>
      <c r="ED32" s="330">
        <v>25851</v>
      </c>
      <c r="EE32" s="326">
        <v>0</v>
      </c>
      <c r="EF32" s="331">
        <v>57988</v>
      </c>
      <c r="EG32" s="328">
        <v>57988</v>
      </c>
      <c r="EH32" s="326">
        <v>0</v>
      </c>
      <c r="EI32" s="327">
        <v>0</v>
      </c>
      <c r="EJ32" s="327">
        <v>0</v>
      </c>
      <c r="EK32" s="327">
        <v>0</v>
      </c>
      <c r="EL32" s="327">
        <v>0</v>
      </c>
      <c r="EM32" s="327">
        <v>0</v>
      </c>
      <c r="EN32" s="331">
        <v>0</v>
      </c>
      <c r="EO32" s="330">
        <v>57988</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64400</v>
      </c>
      <c r="FM32" s="327">
        <v>109120</v>
      </c>
      <c r="FN32" s="328">
        <v>173520</v>
      </c>
      <c r="FO32" s="326">
        <v>0</v>
      </c>
      <c r="FP32" s="327">
        <v>4400</v>
      </c>
      <c r="FQ32" s="327">
        <v>134248</v>
      </c>
      <c r="FR32" s="327">
        <v>90976</v>
      </c>
      <c r="FS32" s="327">
        <v>95432</v>
      </c>
      <c r="FT32" s="327">
        <v>118400</v>
      </c>
      <c r="FU32" s="328">
        <v>443456</v>
      </c>
      <c r="FV32" s="330">
        <v>616976</v>
      </c>
      <c r="FW32" s="333">
        <v>49440</v>
      </c>
      <c r="FX32" s="327">
        <v>109120</v>
      </c>
      <c r="FY32" s="331">
        <v>158560</v>
      </c>
      <c r="FZ32" s="332">
        <v>0</v>
      </c>
      <c r="GA32" s="327">
        <v>4400</v>
      </c>
      <c r="GB32" s="327">
        <v>106440</v>
      </c>
      <c r="GC32" s="327">
        <v>90976</v>
      </c>
      <c r="GD32" s="327">
        <v>95432</v>
      </c>
      <c r="GE32" s="327">
        <v>38400</v>
      </c>
      <c r="GF32" s="328">
        <v>335648</v>
      </c>
      <c r="GG32" s="334">
        <v>494208</v>
      </c>
      <c r="GH32" s="333">
        <v>0</v>
      </c>
      <c r="GI32" s="327">
        <v>0</v>
      </c>
      <c r="GJ32" s="331">
        <v>0</v>
      </c>
      <c r="GK32" s="332">
        <v>0</v>
      </c>
      <c r="GL32" s="327">
        <v>0</v>
      </c>
      <c r="GM32" s="327">
        <v>27808</v>
      </c>
      <c r="GN32" s="327">
        <v>0</v>
      </c>
      <c r="GO32" s="327">
        <v>0</v>
      </c>
      <c r="GP32" s="327">
        <v>80000</v>
      </c>
      <c r="GQ32" s="328">
        <v>107808</v>
      </c>
      <c r="GR32" s="330">
        <v>107808</v>
      </c>
      <c r="GS32" s="326">
        <v>14960</v>
      </c>
      <c r="GT32" s="327">
        <v>0</v>
      </c>
      <c r="GU32" s="328">
        <v>14960</v>
      </c>
      <c r="GV32" s="326">
        <v>0</v>
      </c>
      <c r="GW32" s="327">
        <v>0</v>
      </c>
      <c r="GX32" s="327">
        <v>0</v>
      </c>
      <c r="GY32" s="327">
        <v>0</v>
      </c>
      <c r="GZ32" s="327">
        <v>0</v>
      </c>
      <c r="HA32" s="327">
        <v>0</v>
      </c>
      <c r="HB32" s="331">
        <v>0</v>
      </c>
      <c r="HC32" s="330">
        <v>14960</v>
      </c>
      <c r="HD32" s="326">
        <v>108515</v>
      </c>
      <c r="HE32" s="327">
        <v>0</v>
      </c>
      <c r="HF32" s="331">
        <v>108515</v>
      </c>
      <c r="HG32" s="332">
        <v>0</v>
      </c>
      <c r="HH32" s="327">
        <v>809211</v>
      </c>
      <c r="HI32" s="327">
        <v>179580</v>
      </c>
      <c r="HJ32" s="327">
        <v>0</v>
      </c>
      <c r="HK32" s="327">
        <v>424419</v>
      </c>
      <c r="HL32" s="327">
        <v>0</v>
      </c>
      <c r="HM32" s="328">
        <v>1413210</v>
      </c>
      <c r="HN32" s="329">
        <v>1521725</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484616</v>
      </c>
      <c r="IE32" s="357">
        <v>180736</v>
      </c>
      <c r="IF32" s="358">
        <v>512483</v>
      </c>
      <c r="IG32" s="356">
        <v>673074</v>
      </c>
      <c r="IH32" s="358">
        <v>0</v>
      </c>
      <c r="II32" s="359">
        <v>1850909</v>
      </c>
      <c r="IJ32" s="358">
        <v>1850909</v>
      </c>
      <c r="IK32" s="342">
        <v>0</v>
      </c>
      <c r="IL32" s="343">
        <v>0</v>
      </c>
      <c r="IM32" s="344">
        <v>0</v>
      </c>
      <c r="IN32" s="404">
        <v>0</v>
      </c>
      <c r="IO32" s="345">
        <v>0</v>
      </c>
      <c r="IP32" s="345">
        <v>0</v>
      </c>
      <c r="IQ32" s="345">
        <v>173104</v>
      </c>
      <c r="IR32" s="345">
        <v>0</v>
      </c>
      <c r="IS32" s="345">
        <v>0</v>
      </c>
      <c r="IT32" s="346">
        <v>173104</v>
      </c>
      <c r="IU32" s="347">
        <v>173104</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0</v>
      </c>
      <c r="JL32" s="345">
        <v>37522</v>
      </c>
      <c r="JM32" s="345">
        <v>0</v>
      </c>
      <c r="JN32" s="345">
        <v>0</v>
      </c>
      <c r="JO32" s="345">
        <v>0</v>
      </c>
      <c r="JP32" s="349">
        <v>37522</v>
      </c>
      <c r="JQ32" s="347">
        <v>37522</v>
      </c>
      <c r="JR32" s="348">
        <v>0</v>
      </c>
      <c r="JS32" s="345">
        <v>0</v>
      </c>
      <c r="JT32" s="346">
        <v>0</v>
      </c>
      <c r="JU32" s="351">
        <v>0</v>
      </c>
      <c r="JV32" s="345">
        <v>53112</v>
      </c>
      <c r="JW32" s="345">
        <v>0</v>
      </c>
      <c r="JX32" s="345">
        <v>99316</v>
      </c>
      <c r="JY32" s="345">
        <v>254464</v>
      </c>
      <c r="JZ32" s="345">
        <v>0</v>
      </c>
      <c r="KA32" s="349">
        <v>406892</v>
      </c>
      <c r="KB32" s="347">
        <v>406892</v>
      </c>
      <c r="KC32" s="352">
        <v>0</v>
      </c>
      <c r="KD32" s="353">
        <v>0</v>
      </c>
      <c r="KE32" s="349">
        <v>0</v>
      </c>
      <c r="KF32" s="351">
        <v>0</v>
      </c>
      <c r="KG32" s="345">
        <v>192682</v>
      </c>
      <c r="KH32" s="345">
        <v>143214</v>
      </c>
      <c r="KI32" s="345">
        <v>0</v>
      </c>
      <c r="KJ32" s="345">
        <v>0</v>
      </c>
      <c r="KK32" s="345">
        <v>0</v>
      </c>
      <c r="KL32" s="349">
        <v>335896</v>
      </c>
      <c r="KM32" s="354">
        <v>335896</v>
      </c>
      <c r="KN32" s="342">
        <v>0</v>
      </c>
      <c r="KO32" s="343">
        <v>0</v>
      </c>
      <c r="KP32" s="344">
        <v>0</v>
      </c>
      <c r="KQ32" s="404">
        <v>0</v>
      </c>
      <c r="KR32" s="345">
        <v>238822</v>
      </c>
      <c r="KS32" s="345">
        <v>0</v>
      </c>
      <c r="KT32" s="345">
        <v>0</v>
      </c>
      <c r="KU32" s="345">
        <v>8938</v>
      </c>
      <c r="KV32" s="345">
        <v>0</v>
      </c>
      <c r="KW32" s="349">
        <v>247760</v>
      </c>
      <c r="KX32" s="347">
        <v>247760</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240063</v>
      </c>
      <c r="LQ32" s="345">
        <v>409672</v>
      </c>
      <c r="LR32" s="345">
        <v>0</v>
      </c>
      <c r="LS32" s="349">
        <v>649735</v>
      </c>
      <c r="LT32" s="347">
        <v>649735</v>
      </c>
      <c r="LU32" s="348">
        <v>0</v>
      </c>
      <c r="LV32" s="345">
        <v>0</v>
      </c>
      <c r="LW32" s="349">
        <v>0</v>
      </c>
      <c r="LX32" s="404">
        <v>0</v>
      </c>
      <c r="LY32" s="345">
        <v>0</v>
      </c>
      <c r="LZ32" s="345">
        <v>0</v>
      </c>
      <c r="MA32" s="345">
        <v>0</v>
      </c>
      <c r="MB32" s="345">
        <v>0</v>
      </c>
      <c r="MC32" s="345">
        <v>0</v>
      </c>
      <c r="MD32" s="349">
        <v>0</v>
      </c>
      <c r="ME32" s="350">
        <v>0</v>
      </c>
      <c r="MF32" s="348">
        <v>0</v>
      </c>
      <c r="MG32" s="345">
        <v>0</v>
      </c>
      <c r="MH32" s="349">
        <v>0</v>
      </c>
      <c r="MI32" s="404">
        <v>0</v>
      </c>
      <c r="MJ32" s="345">
        <v>0</v>
      </c>
      <c r="MK32" s="345">
        <v>763156</v>
      </c>
      <c r="ML32" s="345">
        <v>798211</v>
      </c>
      <c r="MM32" s="345">
        <v>1718642</v>
      </c>
      <c r="MN32" s="345">
        <v>620669</v>
      </c>
      <c r="MO32" s="349">
        <v>3900678</v>
      </c>
      <c r="MP32" s="354">
        <v>3900678</v>
      </c>
      <c r="MQ32" s="348">
        <v>0</v>
      </c>
      <c r="MR32" s="345">
        <v>0</v>
      </c>
      <c r="MS32" s="349">
        <v>0</v>
      </c>
      <c r="MT32" s="404">
        <v>0</v>
      </c>
      <c r="MU32" s="345">
        <v>0</v>
      </c>
      <c r="MV32" s="345">
        <v>244161</v>
      </c>
      <c r="MW32" s="345">
        <v>237180</v>
      </c>
      <c r="MX32" s="345">
        <v>502398</v>
      </c>
      <c r="MY32" s="345">
        <v>620669</v>
      </c>
      <c r="MZ32" s="349">
        <v>1604408</v>
      </c>
      <c r="NA32" s="354">
        <v>1604408</v>
      </c>
      <c r="NB32" s="348">
        <v>0</v>
      </c>
      <c r="NC32" s="345">
        <v>0</v>
      </c>
      <c r="ND32" s="349">
        <v>0</v>
      </c>
      <c r="NE32" s="404">
        <v>0</v>
      </c>
      <c r="NF32" s="345">
        <v>0</v>
      </c>
      <c r="NG32" s="345">
        <v>518995</v>
      </c>
      <c r="NH32" s="345">
        <v>561031</v>
      </c>
      <c r="NI32" s="345">
        <v>1216244</v>
      </c>
      <c r="NJ32" s="345">
        <v>0</v>
      </c>
      <c r="NK32" s="349">
        <v>2296270</v>
      </c>
      <c r="NL32" s="347">
        <v>2296270</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0</v>
      </c>
      <c r="OG32" s="349">
        <v>0</v>
      </c>
      <c r="OH32" s="350">
        <v>0</v>
      </c>
      <c r="OI32" s="348">
        <v>306831</v>
      </c>
      <c r="OJ32" s="345">
        <v>472094</v>
      </c>
      <c r="OK32" s="346">
        <v>778925</v>
      </c>
      <c r="OL32" s="351">
        <v>0</v>
      </c>
      <c r="OM32" s="345">
        <v>1919462</v>
      </c>
      <c r="ON32" s="345">
        <v>2108352</v>
      </c>
      <c r="OO32" s="345">
        <v>2256565</v>
      </c>
      <c r="OP32" s="345">
        <v>4084138</v>
      </c>
      <c r="OQ32" s="345">
        <v>1649716</v>
      </c>
      <c r="OR32" s="349">
        <v>12018233</v>
      </c>
      <c r="OS32" s="354">
        <v>12797158</v>
      </c>
    </row>
    <row r="33" spans="2:409" s="70" customFormat="1" ht="21" customHeight="1" x14ac:dyDescent="0.2">
      <c r="B33" s="410" t="s">
        <v>28</v>
      </c>
      <c r="C33" s="326">
        <v>0</v>
      </c>
      <c r="D33" s="327">
        <v>800</v>
      </c>
      <c r="E33" s="328">
        <v>800</v>
      </c>
      <c r="F33" s="329">
        <v>0</v>
      </c>
      <c r="G33" s="327">
        <v>687688</v>
      </c>
      <c r="H33" s="327">
        <v>248091</v>
      </c>
      <c r="I33" s="327">
        <v>537888</v>
      </c>
      <c r="J33" s="327">
        <v>37081</v>
      </c>
      <c r="K33" s="327">
        <v>9632</v>
      </c>
      <c r="L33" s="367">
        <v>1520380</v>
      </c>
      <c r="M33" s="330">
        <v>1521180</v>
      </c>
      <c r="N33" s="326">
        <v>0</v>
      </c>
      <c r="O33" s="327">
        <v>0</v>
      </c>
      <c r="P33" s="328">
        <v>0</v>
      </c>
      <c r="Q33" s="326">
        <v>0</v>
      </c>
      <c r="R33" s="327">
        <v>89160</v>
      </c>
      <c r="S33" s="327">
        <v>13072</v>
      </c>
      <c r="T33" s="327">
        <v>175975</v>
      </c>
      <c r="U33" s="327">
        <v>28041</v>
      </c>
      <c r="V33" s="327">
        <v>9632</v>
      </c>
      <c r="W33" s="328">
        <v>315880</v>
      </c>
      <c r="X33" s="330">
        <v>315880</v>
      </c>
      <c r="Y33" s="326">
        <v>0</v>
      </c>
      <c r="Z33" s="327">
        <v>0</v>
      </c>
      <c r="AA33" s="328">
        <v>0</v>
      </c>
      <c r="AB33" s="326">
        <v>0</v>
      </c>
      <c r="AC33" s="327">
        <v>0</v>
      </c>
      <c r="AD33" s="327">
        <v>0</v>
      </c>
      <c r="AE33" s="327">
        <v>99823</v>
      </c>
      <c r="AF33" s="327">
        <v>0</v>
      </c>
      <c r="AG33" s="327">
        <v>0</v>
      </c>
      <c r="AH33" s="328">
        <v>99823</v>
      </c>
      <c r="AI33" s="330">
        <v>99823</v>
      </c>
      <c r="AJ33" s="326">
        <v>0</v>
      </c>
      <c r="AK33" s="327">
        <v>0</v>
      </c>
      <c r="AL33" s="328">
        <v>0</v>
      </c>
      <c r="AM33" s="326">
        <v>0</v>
      </c>
      <c r="AN33" s="327">
        <v>0</v>
      </c>
      <c r="AO33" s="327">
        <v>0</v>
      </c>
      <c r="AP33" s="327">
        <v>0</v>
      </c>
      <c r="AQ33" s="327">
        <v>0</v>
      </c>
      <c r="AR33" s="327">
        <v>0</v>
      </c>
      <c r="AS33" s="328">
        <v>0</v>
      </c>
      <c r="AT33" s="330">
        <v>0</v>
      </c>
      <c r="AU33" s="326">
        <v>0</v>
      </c>
      <c r="AV33" s="327">
        <v>0</v>
      </c>
      <c r="AW33" s="328">
        <v>0</v>
      </c>
      <c r="AX33" s="326">
        <v>0</v>
      </c>
      <c r="AY33" s="327">
        <v>54792</v>
      </c>
      <c r="AZ33" s="327">
        <v>0</v>
      </c>
      <c r="BA33" s="327">
        <v>61736</v>
      </c>
      <c r="BB33" s="327">
        <v>28041</v>
      </c>
      <c r="BC33" s="327">
        <v>0</v>
      </c>
      <c r="BD33" s="328">
        <v>144569</v>
      </c>
      <c r="BE33" s="330">
        <v>144569</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34368</v>
      </c>
      <c r="BV33" s="327">
        <v>13072</v>
      </c>
      <c r="BW33" s="327">
        <v>14416</v>
      </c>
      <c r="BX33" s="327">
        <v>0</v>
      </c>
      <c r="BY33" s="327">
        <v>9632</v>
      </c>
      <c r="BZ33" s="328">
        <v>71488</v>
      </c>
      <c r="CA33" s="330">
        <v>71488</v>
      </c>
      <c r="CB33" s="326">
        <v>0</v>
      </c>
      <c r="CC33" s="327">
        <v>0</v>
      </c>
      <c r="CD33" s="328">
        <v>0</v>
      </c>
      <c r="CE33" s="326">
        <v>0</v>
      </c>
      <c r="CF33" s="327">
        <v>81402</v>
      </c>
      <c r="CG33" s="327">
        <v>124066</v>
      </c>
      <c r="CH33" s="327">
        <v>76145</v>
      </c>
      <c r="CI33" s="327">
        <v>0</v>
      </c>
      <c r="CJ33" s="327">
        <v>0</v>
      </c>
      <c r="CK33" s="328">
        <v>281613</v>
      </c>
      <c r="CL33" s="330">
        <v>281613</v>
      </c>
      <c r="CM33" s="326">
        <v>0</v>
      </c>
      <c r="CN33" s="327">
        <v>0</v>
      </c>
      <c r="CO33" s="328">
        <v>0</v>
      </c>
      <c r="CP33" s="332">
        <v>0</v>
      </c>
      <c r="CQ33" s="327">
        <v>34744</v>
      </c>
      <c r="CR33" s="327">
        <v>124066</v>
      </c>
      <c r="CS33" s="327">
        <v>76145</v>
      </c>
      <c r="CT33" s="327">
        <v>0</v>
      </c>
      <c r="CU33" s="327">
        <v>0</v>
      </c>
      <c r="CV33" s="328">
        <v>234955</v>
      </c>
      <c r="CW33" s="330">
        <v>234955</v>
      </c>
      <c r="CX33" s="326">
        <v>0</v>
      </c>
      <c r="CY33" s="327">
        <v>0</v>
      </c>
      <c r="CZ33" s="328">
        <v>0</v>
      </c>
      <c r="DA33" s="326">
        <v>0</v>
      </c>
      <c r="DB33" s="327">
        <v>46658</v>
      </c>
      <c r="DC33" s="327">
        <v>0</v>
      </c>
      <c r="DD33" s="327">
        <v>0</v>
      </c>
      <c r="DE33" s="327">
        <v>0</v>
      </c>
      <c r="DF33" s="327">
        <v>0</v>
      </c>
      <c r="DG33" s="328">
        <v>46658</v>
      </c>
      <c r="DH33" s="330">
        <v>46658</v>
      </c>
      <c r="DI33" s="326">
        <v>0</v>
      </c>
      <c r="DJ33" s="327">
        <v>0</v>
      </c>
      <c r="DK33" s="331">
        <v>0</v>
      </c>
      <c r="DL33" s="332">
        <v>0</v>
      </c>
      <c r="DM33" s="327">
        <v>0</v>
      </c>
      <c r="DN33" s="327">
        <v>49153</v>
      </c>
      <c r="DO33" s="327">
        <v>59992</v>
      </c>
      <c r="DP33" s="327">
        <v>0</v>
      </c>
      <c r="DQ33" s="327">
        <v>0</v>
      </c>
      <c r="DR33" s="328">
        <v>109145</v>
      </c>
      <c r="DS33" s="330">
        <v>109145</v>
      </c>
      <c r="DT33" s="326">
        <v>0</v>
      </c>
      <c r="DU33" s="327">
        <v>0</v>
      </c>
      <c r="DV33" s="328">
        <v>0</v>
      </c>
      <c r="DW33" s="326">
        <v>0</v>
      </c>
      <c r="DX33" s="327">
        <v>0</v>
      </c>
      <c r="DY33" s="327">
        <v>49153</v>
      </c>
      <c r="DZ33" s="327">
        <v>0</v>
      </c>
      <c r="EA33" s="327">
        <v>0</v>
      </c>
      <c r="EB33" s="327">
        <v>0</v>
      </c>
      <c r="EC33" s="328">
        <v>49153</v>
      </c>
      <c r="ED33" s="330">
        <v>49153</v>
      </c>
      <c r="EE33" s="326">
        <v>0</v>
      </c>
      <c r="EF33" s="331">
        <v>0</v>
      </c>
      <c r="EG33" s="328">
        <v>0</v>
      </c>
      <c r="EH33" s="326">
        <v>0</v>
      </c>
      <c r="EI33" s="327">
        <v>0</v>
      </c>
      <c r="EJ33" s="327">
        <v>0</v>
      </c>
      <c r="EK33" s="327">
        <v>59992</v>
      </c>
      <c r="EL33" s="327">
        <v>0</v>
      </c>
      <c r="EM33" s="327">
        <v>0</v>
      </c>
      <c r="EN33" s="331">
        <v>59992</v>
      </c>
      <c r="EO33" s="330">
        <v>59992</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0</v>
      </c>
      <c r="FM33" s="327">
        <v>800</v>
      </c>
      <c r="FN33" s="328">
        <v>800</v>
      </c>
      <c r="FO33" s="326">
        <v>0</v>
      </c>
      <c r="FP33" s="327">
        <v>21392</v>
      </c>
      <c r="FQ33" s="327">
        <v>61800</v>
      </c>
      <c r="FR33" s="327">
        <v>17920</v>
      </c>
      <c r="FS33" s="327">
        <v>9040</v>
      </c>
      <c r="FT33" s="327">
        <v>0</v>
      </c>
      <c r="FU33" s="328">
        <v>110152</v>
      </c>
      <c r="FV33" s="330">
        <v>110952</v>
      </c>
      <c r="FW33" s="333">
        <v>0</v>
      </c>
      <c r="FX33" s="327">
        <v>800</v>
      </c>
      <c r="FY33" s="331">
        <v>800</v>
      </c>
      <c r="FZ33" s="332">
        <v>0</v>
      </c>
      <c r="GA33" s="327">
        <v>21392</v>
      </c>
      <c r="GB33" s="327">
        <v>61800</v>
      </c>
      <c r="GC33" s="327">
        <v>17920</v>
      </c>
      <c r="GD33" s="327">
        <v>9040</v>
      </c>
      <c r="GE33" s="327">
        <v>0</v>
      </c>
      <c r="GF33" s="328">
        <v>110152</v>
      </c>
      <c r="GG33" s="334">
        <v>110952</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495734</v>
      </c>
      <c r="HI33" s="327">
        <v>0</v>
      </c>
      <c r="HJ33" s="327">
        <v>207856</v>
      </c>
      <c r="HK33" s="327">
        <v>0</v>
      </c>
      <c r="HL33" s="327">
        <v>0</v>
      </c>
      <c r="HM33" s="328">
        <v>703590</v>
      </c>
      <c r="HN33" s="329">
        <v>703590</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24221</v>
      </c>
      <c r="IE33" s="339">
        <v>64445</v>
      </c>
      <c r="IF33" s="337">
        <v>0</v>
      </c>
      <c r="IG33" s="336">
        <v>0</v>
      </c>
      <c r="IH33" s="337">
        <v>273066</v>
      </c>
      <c r="II33" s="340">
        <v>461732</v>
      </c>
      <c r="IJ33" s="341">
        <v>461732</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24221</v>
      </c>
      <c r="JL33" s="345">
        <v>21764</v>
      </c>
      <c r="JM33" s="345">
        <v>0</v>
      </c>
      <c r="JN33" s="345">
        <v>0</v>
      </c>
      <c r="JO33" s="345">
        <v>0</v>
      </c>
      <c r="JP33" s="349">
        <v>145985</v>
      </c>
      <c r="JQ33" s="347">
        <v>145985</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42681</v>
      </c>
      <c r="KT33" s="345">
        <v>0</v>
      </c>
      <c r="KU33" s="345">
        <v>0</v>
      </c>
      <c r="KV33" s="345">
        <v>273066</v>
      </c>
      <c r="KW33" s="349">
        <v>315747</v>
      </c>
      <c r="KX33" s="347">
        <v>315747</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0</v>
      </c>
      <c r="MM33" s="345">
        <v>576285</v>
      </c>
      <c r="MN33" s="345">
        <v>266551</v>
      </c>
      <c r="MO33" s="349">
        <v>842836</v>
      </c>
      <c r="MP33" s="354">
        <v>842836</v>
      </c>
      <c r="MQ33" s="348">
        <v>0</v>
      </c>
      <c r="MR33" s="345">
        <v>0</v>
      </c>
      <c r="MS33" s="349">
        <v>0</v>
      </c>
      <c r="MT33" s="404">
        <v>0</v>
      </c>
      <c r="MU33" s="345">
        <v>0</v>
      </c>
      <c r="MV33" s="345">
        <v>0</v>
      </c>
      <c r="MW33" s="345">
        <v>0</v>
      </c>
      <c r="MX33" s="345">
        <v>246586</v>
      </c>
      <c r="MY33" s="345">
        <v>266551</v>
      </c>
      <c r="MZ33" s="349">
        <v>513137</v>
      </c>
      <c r="NA33" s="354">
        <v>513137</v>
      </c>
      <c r="NB33" s="348">
        <v>0</v>
      </c>
      <c r="NC33" s="345">
        <v>0</v>
      </c>
      <c r="ND33" s="349">
        <v>0</v>
      </c>
      <c r="NE33" s="404">
        <v>0</v>
      </c>
      <c r="NF33" s="345">
        <v>0</v>
      </c>
      <c r="NG33" s="345">
        <v>0</v>
      </c>
      <c r="NH33" s="345">
        <v>0</v>
      </c>
      <c r="NI33" s="345">
        <v>329699</v>
      </c>
      <c r="NJ33" s="345">
        <v>0</v>
      </c>
      <c r="NK33" s="349">
        <v>329699</v>
      </c>
      <c r="NL33" s="347">
        <v>329699</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800</v>
      </c>
      <c r="OK33" s="346">
        <v>800</v>
      </c>
      <c r="OL33" s="351">
        <v>0</v>
      </c>
      <c r="OM33" s="345">
        <v>811909</v>
      </c>
      <c r="ON33" s="345">
        <v>312536</v>
      </c>
      <c r="OO33" s="345">
        <v>537888</v>
      </c>
      <c r="OP33" s="345">
        <v>613366</v>
      </c>
      <c r="OQ33" s="345">
        <v>549249</v>
      </c>
      <c r="OR33" s="349">
        <v>2824948</v>
      </c>
      <c r="OS33" s="354">
        <v>2825748</v>
      </c>
    </row>
    <row r="34" spans="2:409" s="70" customFormat="1" ht="21" customHeight="1" x14ac:dyDescent="0.2">
      <c r="B34" s="410" t="s">
        <v>29</v>
      </c>
      <c r="C34" s="326">
        <v>129818</v>
      </c>
      <c r="D34" s="327">
        <v>0</v>
      </c>
      <c r="E34" s="328">
        <v>129818</v>
      </c>
      <c r="F34" s="329">
        <v>0</v>
      </c>
      <c r="G34" s="327">
        <v>384390</v>
      </c>
      <c r="H34" s="327">
        <v>658063</v>
      </c>
      <c r="I34" s="327">
        <v>391901</v>
      </c>
      <c r="J34" s="327">
        <v>667329</v>
      </c>
      <c r="K34" s="327">
        <v>0</v>
      </c>
      <c r="L34" s="367">
        <v>2101683</v>
      </c>
      <c r="M34" s="330">
        <v>2231501</v>
      </c>
      <c r="N34" s="326">
        <v>43978</v>
      </c>
      <c r="O34" s="327">
        <v>0</v>
      </c>
      <c r="P34" s="328">
        <v>43978</v>
      </c>
      <c r="Q34" s="326">
        <v>0</v>
      </c>
      <c r="R34" s="327">
        <v>15520</v>
      </c>
      <c r="S34" s="327">
        <v>245271</v>
      </c>
      <c r="T34" s="327">
        <v>115616</v>
      </c>
      <c r="U34" s="327">
        <v>274784</v>
      </c>
      <c r="V34" s="327">
        <v>0</v>
      </c>
      <c r="W34" s="328">
        <v>651191</v>
      </c>
      <c r="X34" s="330">
        <v>695169</v>
      </c>
      <c r="Y34" s="326">
        <v>0</v>
      </c>
      <c r="Z34" s="327">
        <v>0</v>
      </c>
      <c r="AA34" s="328">
        <v>0</v>
      </c>
      <c r="AB34" s="326">
        <v>0</v>
      </c>
      <c r="AC34" s="327">
        <v>0</v>
      </c>
      <c r="AD34" s="327">
        <v>150638</v>
      </c>
      <c r="AE34" s="327">
        <v>0</v>
      </c>
      <c r="AF34" s="327">
        <v>201724</v>
      </c>
      <c r="AG34" s="327">
        <v>0</v>
      </c>
      <c r="AH34" s="328">
        <v>352362</v>
      </c>
      <c r="AI34" s="330">
        <v>352362</v>
      </c>
      <c r="AJ34" s="326">
        <v>0</v>
      </c>
      <c r="AK34" s="327">
        <v>0</v>
      </c>
      <c r="AL34" s="328">
        <v>0</v>
      </c>
      <c r="AM34" s="326">
        <v>0</v>
      </c>
      <c r="AN34" s="327">
        <v>0</v>
      </c>
      <c r="AO34" s="327">
        <v>0</v>
      </c>
      <c r="AP34" s="327">
        <v>0</v>
      </c>
      <c r="AQ34" s="327">
        <v>46180</v>
      </c>
      <c r="AR34" s="327">
        <v>0</v>
      </c>
      <c r="AS34" s="328">
        <v>46180</v>
      </c>
      <c r="AT34" s="330">
        <v>46180</v>
      </c>
      <c r="AU34" s="326">
        <v>34346</v>
      </c>
      <c r="AV34" s="327">
        <v>0</v>
      </c>
      <c r="AW34" s="328">
        <v>34346</v>
      </c>
      <c r="AX34" s="326">
        <v>0</v>
      </c>
      <c r="AY34" s="327">
        <v>0</v>
      </c>
      <c r="AZ34" s="327">
        <v>63424</v>
      </c>
      <c r="BA34" s="327">
        <v>105984</v>
      </c>
      <c r="BB34" s="327">
        <v>0</v>
      </c>
      <c r="BC34" s="327">
        <v>0</v>
      </c>
      <c r="BD34" s="328">
        <v>169408</v>
      </c>
      <c r="BE34" s="330">
        <v>203754</v>
      </c>
      <c r="BF34" s="326">
        <v>0</v>
      </c>
      <c r="BG34" s="327">
        <v>0</v>
      </c>
      <c r="BH34" s="331">
        <v>0</v>
      </c>
      <c r="BI34" s="332">
        <v>0</v>
      </c>
      <c r="BJ34" s="327">
        <v>0</v>
      </c>
      <c r="BK34" s="327">
        <v>31209</v>
      </c>
      <c r="BL34" s="327">
        <v>0</v>
      </c>
      <c r="BM34" s="327">
        <v>0</v>
      </c>
      <c r="BN34" s="327">
        <v>0</v>
      </c>
      <c r="BO34" s="328">
        <v>31209</v>
      </c>
      <c r="BP34" s="330">
        <v>31209</v>
      </c>
      <c r="BQ34" s="326">
        <v>9632</v>
      </c>
      <c r="BR34" s="327">
        <v>0</v>
      </c>
      <c r="BS34" s="328">
        <v>9632</v>
      </c>
      <c r="BT34" s="326">
        <v>0</v>
      </c>
      <c r="BU34" s="327">
        <v>15520</v>
      </c>
      <c r="BV34" s="327">
        <v>0</v>
      </c>
      <c r="BW34" s="327">
        <v>9632</v>
      </c>
      <c r="BX34" s="327">
        <v>26880</v>
      </c>
      <c r="BY34" s="327">
        <v>0</v>
      </c>
      <c r="BZ34" s="328">
        <v>52032</v>
      </c>
      <c r="CA34" s="330">
        <v>61664</v>
      </c>
      <c r="CB34" s="326">
        <v>20816</v>
      </c>
      <c r="CC34" s="327">
        <v>0</v>
      </c>
      <c r="CD34" s="328">
        <v>20816</v>
      </c>
      <c r="CE34" s="326">
        <v>0</v>
      </c>
      <c r="CF34" s="327">
        <v>46104</v>
      </c>
      <c r="CG34" s="327">
        <v>159792</v>
      </c>
      <c r="CH34" s="327">
        <v>169853</v>
      </c>
      <c r="CI34" s="327">
        <v>108065</v>
      </c>
      <c r="CJ34" s="327">
        <v>0</v>
      </c>
      <c r="CK34" s="328">
        <v>483814</v>
      </c>
      <c r="CL34" s="330">
        <v>504630</v>
      </c>
      <c r="CM34" s="326">
        <v>0</v>
      </c>
      <c r="CN34" s="327">
        <v>0</v>
      </c>
      <c r="CO34" s="328">
        <v>0</v>
      </c>
      <c r="CP34" s="332">
        <v>0</v>
      </c>
      <c r="CQ34" s="327">
        <v>0</v>
      </c>
      <c r="CR34" s="327">
        <v>159792</v>
      </c>
      <c r="CS34" s="327">
        <v>58200</v>
      </c>
      <c r="CT34" s="327">
        <v>0</v>
      </c>
      <c r="CU34" s="327">
        <v>0</v>
      </c>
      <c r="CV34" s="328">
        <v>217992</v>
      </c>
      <c r="CW34" s="330">
        <v>217992</v>
      </c>
      <c r="CX34" s="326">
        <v>20816</v>
      </c>
      <c r="CY34" s="327">
        <v>0</v>
      </c>
      <c r="CZ34" s="328">
        <v>20816</v>
      </c>
      <c r="DA34" s="326">
        <v>0</v>
      </c>
      <c r="DB34" s="327">
        <v>46104</v>
      </c>
      <c r="DC34" s="327">
        <v>0</v>
      </c>
      <c r="DD34" s="327">
        <v>111653</v>
      </c>
      <c r="DE34" s="327">
        <v>108065</v>
      </c>
      <c r="DF34" s="327">
        <v>0</v>
      </c>
      <c r="DG34" s="328">
        <v>265822</v>
      </c>
      <c r="DH34" s="330">
        <v>286638</v>
      </c>
      <c r="DI34" s="326">
        <v>0</v>
      </c>
      <c r="DJ34" s="327">
        <v>0</v>
      </c>
      <c r="DK34" s="331">
        <v>0</v>
      </c>
      <c r="DL34" s="332">
        <v>0</v>
      </c>
      <c r="DM34" s="327">
        <v>0</v>
      </c>
      <c r="DN34" s="327">
        <v>16176</v>
      </c>
      <c r="DO34" s="327">
        <v>0</v>
      </c>
      <c r="DP34" s="327">
        <v>0</v>
      </c>
      <c r="DQ34" s="327">
        <v>0</v>
      </c>
      <c r="DR34" s="328">
        <v>16176</v>
      </c>
      <c r="DS34" s="330">
        <v>16176</v>
      </c>
      <c r="DT34" s="326">
        <v>0</v>
      </c>
      <c r="DU34" s="327">
        <v>0</v>
      </c>
      <c r="DV34" s="328">
        <v>0</v>
      </c>
      <c r="DW34" s="326">
        <v>0</v>
      </c>
      <c r="DX34" s="327">
        <v>0</v>
      </c>
      <c r="DY34" s="327">
        <v>16176</v>
      </c>
      <c r="DZ34" s="327">
        <v>0</v>
      </c>
      <c r="EA34" s="327">
        <v>0</v>
      </c>
      <c r="EB34" s="327">
        <v>0</v>
      </c>
      <c r="EC34" s="328">
        <v>16176</v>
      </c>
      <c r="ED34" s="330">
        <v>16176</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11440</v>
      </c>
      <c r="FM34" s="327">
        <v>0</v>
      </c>
      <c r="FN34" s="328">
        <v>11440</v>
      </c>
      <c r="FO34" s="326">
        <v>0</v>
      </c>
      <c r="FP34" s="327">
        <v>3600</v>
      </c>
      <c r="FQ34" s="327">
        <v>59104</v>
      </c>
      <c r="FR34" s="327">
        <v>106432</v>
      </c>
      <c r="FS34" s="327">
        <v>56224</v>
      </c>
      <c r="FT34" s="327">
        <v>0</v>
      </c>
      <c r="FU34" s="328">
        <v>225360</v>
      </c>
      <c r="FV34" s="330">
        <v>236800</v>
      </c>
      <c r="FW34" s="333">
        <v>11440</v>
      </c>
      <c r="FX34" s="327">
        <v>0</v>
      </c>
      <c r="FY34" s="331">
        <v>11440</v>
      </c>
      <c r="FZ34" s="332">
        <v>0</v>
      </c>
      <c r="GA34" s="327">
        <v>3600</v>
      </c>
      <c r="GB34" s="327">
        <v>59104</v>
      </c>
      <c r="GC34" s="327">
        <v>101064</v>
      </c>
      <c r="GD34" s="327">
        <v>56224</v>
      </c>
      <c r="GE34" s="327">
        <v>0</v>
      </c>
      <c r="GF34" s="328">
        <v>219992</v>
      </c>
      <c r="GG34" s="334">
        <v>231432</v>
      </c>
      <c r="GH34" s="333">
        <v>0</v>
      </c>
      <c r="GI34" s="327">
        <v>0</v>
      </c>
      <c r="GJ34" s="331">
        <v>0</v>
      </c>
      <c r="GK34" s="332">
        <v>0</v>
      </c>
      <c r="GL34" s="327">
        <v>0</v>
      </c>
      <c r="GM34" s="327">
        <v>0</v>
      </c>
      <c r="GN34" s="327">
        <v>5368</v>
      </c>
      <c r="GO34" s="327">
        <v>0</v>
      </c>
      <c r="GP34" s="327">
        <v>0</v>
      </c>
      <c r="GQ34" s="328">
        <v>5368</v>
      </c>
      <c r="GR34" s="330">
        <v>5368</v>
      </c>
      <c r="GS34" s="326">
        <v>0</v>
      </c>
      <c r="GT34" s="327">
        <v>0</v>
      </c>
      <c r="GU34" s="328">
        <v>0</v>
      </c>
      <c r="GV34" s="326">
        <v>0</v>
      </c>
      <c r="GW34" s="327">
        <v>0</v>
      </c>
      <c r="GX34" s="327">
        <v>0</v>
      </c>
      <c r="GY34" s="327">
        <v>0</v>
      </c>
      <c r="GZ34" s="327">
        <v>0</v>
      </c>
      <c r="HA34" s="327">
        <v>0</v>
      </c>
      <c r="HB34" s="331">
        <v>0</v>
      </c>
      <c r="HC34" s="330">
        <v>0</v>
      </c>
      <c r="HD34" s="326">
        <v>53584</v>
      </c>
      <c r="HE34" s="327">
        <v>0</v>
      </c>
      <c r="HF34" s="331">
        <v>53584</v>
      </c>
      <c r="HG34" s="332">
        <v>0</v>
      </c>
      <c r="HH34" s="327">
        <v>319166</v>
      </c>
      <c r="HI34" s="327">
        <v>177720</v>
      </c>
      <c r="HJ34" s="327">
        <v>0</v>
      </c>
      <c r="HK34" s="327">
        <v>228256</v>
      </c>
      <c r="HL34" s="327">
        <v>0</v>
      </c>
      <c r="HM34" s="328">
        <v>725142</v>
      </c>
      <c r="HN34" s="329">
        <v>778726</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0</v>
      </c>
      <c r="IE34" s="357">
        <v>244347</v>
      </c>
      <c r="IF34" s="358">
        <v>425768</v>
      </c>
      <c r="IG34" s="356">
        <v>0</v>
      </c>
      <c r="IH34" s="358">
        <v>0</v>
      </c>
      <c r="II34" s="359">
        <v>670115</v>
      </c>
      <c r="IJ34" s="358">
        <v>670115</v>
      </c>
      <c r="IK34" s="342">
        <v>0</v>
      </c>
      <c r="IL34" s="343">
        <v>0</v>
      </c>
      <c r="IM34" s="344">
        <v>0</v>
      </c>
      <c r="IN34" s="404">
        <v>0</v>
      </c>
      <c r="IO34" s="345">
        <v>0</v>
      </c>
      <c r="IP34" s="345">
        <v>0</v>
      </c>
      <c r="IQ34" s="345">
        <v>140120</v>
      </c>
      <c r="IR34" s="345">
        <v>0</v>
      </c>
      <c r="IS34" s="345">
        <v>0</v>
      </c>
      <c r="IT34" s="346">
        <v>140120</v>
      </c>
      <c r="IU34" s="347">
        <v>140120</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0</v>
      </c>
      <c r="JL34" s="345">
        <v>118888</v>
      </c>
      <c r="JM34" s="345">
        <v>29616</v>
      </c>
      <c r="JN34" s="345">
        <v>0</v>
      </c>
      <c r="JO34" s="345">
        <v>0</v>
      </c>
      <c r="JP34" s="349">
        <v>148504</v>
      </c>
      <c r="JQ34" s="347">
        <v>148504</v>
      </c>
      <c r="JR34" s="348">
        <v>0</v>
      </c>
      <c r="JS34" s="345">
        <v>0</v>
      </c>
      <c r="JT34" s="346">
        <v>0</v>
      </c>
      <c r="JU34" s="351">
        <v>0</v>
      </c>
      <c r="JV34" s="345">
        <v>0</v>
      </c>
      <c r="JW34" s="345">
        <v>125459</v>
      </c>
      <c r="JX34" s="345">
        <v>0</v>
      </c>
      <c r="JY34" s="345">
        <v>0</v>
      </c>
      <c r="JZ34" s="345">
        <v>0</v>
      </c>
      <c r="KA34" s="349">
        <v>125459</v>
      </c>
      <c r="KB34" s="347">
        <v>125459</v>
      </c>
      <c r="KC34" s="352">
        <v>0</v>
      </c>
      <c r="KD34" s="353">
        <v>0</v>
      </c>
      <c r="KE34" s="349">
        <v>0</v>
      </c>
      <c r="KF34" s="351">
        <v>0</v>
      </c>
      <c r="KG34" s="345">
        <v>0</v>
      </c>
      <c r="KH34" s="345">
        <v>0</v>
      </c>
      <c r="KI34" s="345">
        <v>0</v>
      </c>
      <c r="KJ34" s="345">
        <v>0</v>
      </c>
      <c r="KK34" s="345">
        <v>0</v>
      </c>
      <c r="KL34" s="349">
        <v>0</v>
      </c>
      <c r="KM34" s="354">
        <v>0</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256032</v>
      </c>
      <c r="LQ34" s="345">
        <v>0</v>
      </c>
      <c r="LR34" s="345">
        <v>0</v>
      </c>
      <c r="LS34" s="349">
        <v>256032</v>
      </c>
      <c r="LT34" s="347">
        <v>256032</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0</v>
      </c>
      <c r="MN34" s="345">
        <v>682525</v>
      </c>
      <c r="MO34" s="349">
        <v>682525</v>
      </c>
      <c r="MP34" s="354">
        <v>682525</v>
      </c>
      <c r="MQ34" s="348">
        <v>0</v>
      </c>
      <c r="MR34" s="345">
        <v>0</v>
      </c>
      <c r="MS34" s="349">
        <v>0</v>
      </c>
      <c r="MT34" s="404">
        <v>0</v>
      </c>
      <c r="MU34" s="345">
        <v>0</v>
      </c>
      <c r="MV34" s="345">
        <v>0</v>
      </c>
      <c r="MW34" s="345">
        <v>0</v>
      </c>
      <c r="MX34" s="345">
        <v>0</v>
      </c>
      <c r="MY34" s="345">
        <v>134771</v>
      </c>
      <c r="MZ34" s="349">
        <v>134771</v>
      </c>
      <c r="NA34" s="354">
        <v>134771</v>
      </c>
      <c r="NB34" s="348">
        <v>0</v>
      </c>
      <c r="NC34" s="345">
        <v>0</v>
      </c>
      <c r="ND34" s="349">
        <v>0</v>
      </c>
      <c r="NE34" s="404">
        <v>0</v>
      </c>
      <c r="NF34" s="345">
        <v>0</v>
      </c>
      <c r="NG34" s="345">
        <v>0</v>
      </c>
      <c r="NH34" s="345">
        <v>0</v>
      </c>
      <c r="NI34" s="345">
        <v>0</v>
      </c>
      <c r="NJ34" s="345">
        <v>547754</v>
      </c>
      <c r="NK34" s="349">
        <v>547754</v>
      </c>
      <c r="NL34" s="347">
        <v>547754</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129818</v>
      </c>
      <c r="OJ34" s="345">
        <v>0</v>
      </c>
      <c r="OK34" s="346">
        <v>129818</v>
      </c>
      <c r="OL34" s="351">
        <v>0</v>
      </c>
      <c r="OM34" s="345">
        <v>384390</v>
      </c>
      <c r="ON34" s="345">
        <v>902410</v>
      </c>
      <c r="OO34" s="345">
        <v>817669</v>
      </c>
      <c r="OP34" s="345">
        <v>667329</v>
      </c>
      <c r="OQ34" s="345">
        <v>682525</v>
      </c>
      <c r="OR34" s="349">
        <v>3454323</v>
      </c>
      <c r="OS34" s="354">
        <v>3584141</v>
      </c>
    </row>
    <row r="35" spans="2:409" s="70" customFormat="1" ht="21" customHeight="1" x14ac:dyDescent="0.2">
      <c r="B35" s="410" t="s">
        <v>30</v>
      </c>
      <c r="C35" s="326">
        <v>26856</v>
      </c>
      <c r="D35" s="327">
        <v>101182</v>
      </c>
      <c r="E35" s="368">
        <v>128038</v>
      </c>
      <c r="F35" s="370">
        <v>0</v>
      </c>
      <c r="G35" s="369">
        <v>211087</v>
      </c>
      <c r="H35" s="369">
        <v>777555</v>
      </c>
      <c r="I35" s="369">
        <v>285497</v>
      </c>
      <c r="J35" s="369">
        <v>672228</v>
      </c>
      <c r="K35" s="369">
        <v>334448</v>
      </c>
      <c r="L35" s="370">
        <v>2280815</v>
      </c>
      <c r="M35" s="330">
        <v>2408853</v>
      </c>
      <c r="N35" s="326">
        <v>26856</v>
      </c>
      <c r="O35" s="327">
        <v>61656</v>
      </c>
      <c r="P35" s="328">
        <v>88512</v>
      </c>
      <c r="Q35" s="326">
        <v>0</v>
      </c>
      <c r="R35" s="327">
        <v>35296</v>
      </c>
      <c r="S35" s="327">
        <v>13792</v>
      </c>
      <c r="T35" s="327">
        <v>162121</v>
      </c>
      <c r="U35" s="327">
        <v>278388</v>
      </c>
      <c r="V35" s="327">
        <v>276672</v>
      </c>
      <c r="W35" s="328">
        <v>766269</v>
      </c>
      <c r="X35" s="330">
        <v>854781</v>
      </c>
      <c r="Y35" s="326">
        <v>0</v>
      </c>
      <c r="Z35" s="327">
        <v>0</v>
      </c>
      <c r="AA35" s="328">
        <v>0</v>
      </c>
      <c r="AB35" s="326">
        <v>0</v>
      </c>
      <c r="AC35" s="327">
        <v>27494</v>
      </c>
      <c r="AD35" s="327">
        <v>0</v>
      </c>
      <c r="AE35" s="327">
        <v>10993</v>
      </c>
      <c r="AF35" s="327">
        <v>76456</v>
      </c>
      <c r="AG35" s="327">
        <v>195104</v>
      </c>
      <c r="AH35" s="328">
        <v>310047</v>
      </c>
      <c r="AI35" s="330">
        <v>310047</v>
      </c>
      <c r="AJ35" s="326">
        <v>0</v>
      </c>
      <c r="AK35" s="327">
        <v>0</v>
      </c>
      <c r="AL35" s="328">
        <v>0</v>
      </c>
      <c r="AM35" s="326">
        <v>0</v>
      </c>
      <c r="AN35" s="327">
        <v>0</v>
      </c>
      <c r="AO35" s="327">
        <v>0</v>
      </c>
      <c r="AP35" s="327">
        <v>0</v>
      </c>
      <c r="AQ35" s="327">
        <v>103908</v>
      </c>
      <c r="AR35" s="327">
        <v>0</v>
      </c>
      <c r="AS35" s="328">
        <v>103908</v>
      </c>
      <c r="AT35" s="330">
        <v>103908</v>
      </c>
      <c r="AU35" s="326">
        <v>26856</v>
      </c>
      <c r="AV35" s="327">
        <v>61656</v>
      </c>
      <c r="AW35" s="328">
        <v>88512</v>
      </c>
      <c r="AX35" s="326">
        <v>0</v>
      </c>
      <c r="AY35" s="327">
        <v>0</v>
      </c>
      <c r="AZ35" s="327">
        <v>0</v>
      </c>
      <c r="BA35" s="327">
        <v>133912</v>
      </c>
      <c r="BB35" s="327">
        <v>80808</v>
      </c>
      <c r="BC35" s="327">
        <v>81568</v>
      </c>
      <c r="BD35" s="328">
        <v>296288</v>
      </c>
      <c r="BE35" s="330">
        <v>384800</v>
      </c>
      <c r="BF35" s="326">
        <v>0</v>
      </c>
      <c r="BG35" s="327">
        <v>0</v>
      </c>
      <c r="BH35" s="331">
        <v>0</v>
      </c>
      <c r="BI35" s="332">
        <v>0</v>
      </c>
      <c r="BJ35" s="327">
        <v>7802</v>
      </c>
      <c r="BK35" s="327">
        <v>0</v>
      </c>
      <c r="BL35" s="327">
        <v>0</v>
      </c>
      <c r="BM35" s="327">
        <v>0</v>
      </c>
      <c r="BN35" s="327">
        <v>0</v>
      </c>
      <c r="BO35" s="328">
        <v>7802</v>
      </c>
      <c r="BP35" s="330">
        <v>7802</v>
      </c>
      <c r="BQ35" s="326">
        <v>0</v>
      </c>
      <c r="BR35" s="327">
        <v>0</v>
      </c>
      <c r="BS35" s="328">
        <v>0</v>
      </c>
      <c r="BT35" s="326">
        <v>0</v>
      </c>
      <c r="BU35" s="327">
        <v>0</v>
      </c>
      <c r="BV35" s="327">
        <v>13792</v>
      </c>
      <c r="BW35" s="327">
        <v>17216</v>
      </c>
      <c r="BX35" s="327">
        <v>17216</v>
      </c>
      <c r="BY35" s="327">
        <v>0</v>
      </c>
      <c r="BZ35" s="328">
        <v>48224</v>
      </c>
      <c r="CA35" s="330">
        <v>48224</v>
      </c>
      <c r="CB35" s="326">
        <v>0</v>
      </c>
      <c r="CC35" s="327">
        <v>39526</v>
      </c>
      <c r="CD35" s="328">
        <v>39526</v>
      </c>
      <c r="CE35" s="326">
        <v>0</v>
      </c>
      <c r="CF35" s="327">
        <v>162767</v>
      </c>
      <c r="CG35" s="327">
        <v>34864</v>
      </c>
      <c r="CH35" s="327">
        <v>0</v>
      </c>
      <c r="CI35" s="327">
        <v>100768</v>
      </c>
      <c r="CJ35" s="327">
        <v>45696</v>
      </c>
      <c r="CK35" s="328">
        <v>344095</v>
      </c>
      <c r="CL35" s="330">
        <v>383621</v>
      </c>
      <c r="CM35" s="326">
        <v>0</v>
      </c>
      <c r="CN35" s="327">
        <v>0</v>
      </c>
      <c r="CO35" s="328">
        <v>0</v>
      </c>
      <c r="CP35" s="332">
        <v>0</v>
      </c>
      <c r="CQ35" s="327">
        <v>126827</v>
      </c>
      <c r="CR35" s="327">
        <v>34864</v>
      </c>
      <c r="CS35" s="327">
        <v>0</v>
      </c>
      <c r="CT35" s="327">
        <v>100768</v>
      </c>
      <c r="CU35" s="327">
        <v>45696</v>
      </c>
      <c r="CV35" s="328">
        <v>308155</v>
      </c>
      <c r="CW35" s="330">
        <v>308155</v>
      </c>
      <c r="CX35" s="326">
        <v>0</v>
      </c>
      <c r="CY35" s="327">
        <v>39526</v>
      </c>
      <c r="CZ35" s="328">
        <v>39526</v>
      </c>
      <c r="DA35" s="326">
        <v>0</v>
      </c>
      <c r="DB35" s="327">
        <v>35940</v>
      </c>
      <c r="DC35" s="327">
        <v>0</v>
      </c>
      <c r="DD35" s="327">
        <v>0</v>
      </c>
      <c r="DE35" s="327">
        <v>0</v>
      </c>
      <c r="DF35" s="327">
        <v>0</v>
      </c>
      <c r="DG35" s="328">
        <v>35940</v>
      </c>
      <c r="DH35" s="330">
        <v>75466</v>
      </c>
      <c r="DI35" s="326">
        <v>0</v>
      </c>
      <c r="DJ35" s="327">
        <v>0</v>
      </c>
      <c r="DK35" s="331">
        <v>0</v>
      </c>
      <c r="DL35" s="332">
        <v>0</v>
      </c>
      <c r="DM35" s="327">
        <v>0</v>
      </c>
      <c r="DN35" s="327">
        <v>0</v>
      </c>
      <c r="DO35" s="327">
        <v>110976</v>
      </c>
      <c r="DP35" s="327">
        <v>37576</v>
      </c>
      <c r="DQ35" s="327">
        <v>0</v>
      </c>
      <c r="DR35" s="328">
        <v>148552</v>
      </c>
      <c r="DS35" s="330">
        <v>148552</v>
      </c>
      <c r="DT35" s="326">
        <v>0</v>
      </c>
      <c r="DU35" s="327">
        <v>0</v>
      </c>
      <c r="DV35" s="328">
        <v>0</v>
      </c>
      <c r="DW35" s="326">
        <v>0</v>
      </c>
      <c r="DX35" s="327">
        <v>0</v>
      </c>
      <c r="DY35" s="327">
        <v>0</v>
      </c>
      <c r="DZ35" s="327">
        <v>110976</v>
      </c>
      <c r="EA35" s="327">
        <v>37576</v>
      </c>
      <c r="EB35" s="327">
        <v>0</v>
      </c>
      <c r="EC35" s="328">
        <v>148552</v>
      </c>
      <c r="ED35" s="330">
        <v>148552</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0</v>
      </c>
      <c r="FM35" s="327">
        <v>0</v>
      </c>
      <c r="FN35" s="328">
        <v>0</v>
      </c>
      <c r="FO35" s="326">
        <v>0</v>
      </c>
      <c r="FP35" s="327">
        <v>13024</v>
      </c>
      <c r="FQ35" s="327">
        <v>7392</v>
      </c>
      <c r="FR35" s="327">
        <v>12400</v>
      </c>
      <c r="FS35" s="327">
        <v>43040</v>
      </c>
      <c r="FT35" s="327">
        <v>12080</v>
      </c>
      <c r="FU35" s="328">
        <v>87936</v>
      </c>
      <c r="FV35" s="330">
        <v>87936</v>
      </c>
      <c r="FW35" s="333">
        <v>0</v>
      </c>
      <c r="FX35" s="327">
        <v>0</v>
      </c>
      <c r="FY35" s="331">
        <v>0</v>
      </c>
      <c r="FZ35" s="332">
        <v>0</v>
      </c>
      <c r="GA35" s="327">
        <v>13024</v>
      </c>
      <c r="GB35" s="327">
        <v>7392</v>
      </c>
      <c r="GC35" s="327">
        <v>12400</v>
      </c>
      <c r="GD35" s="327">
        <v>43040</v>
      </c>
      <c r="GE35" s="327">
        <v>12080</v>
      </c>
      <c r="GF35" s="328">
        <v>87936</v>
      </c>
      <c r="GG35" s="334">
        <v>87936</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0</v>
      </c>
      <c r="HI35" s="327">
        <v>721507</v>
      </c>
      <c r="HJ35" s="327">
        <v>0</v>
      </c>
      <c r="HK35" s="327">
        <v>212456</v>
      </c>
      <c r="HL35" s="327">
        <v>0</v>
      </c>
      <c r="HM35" s="328">
        <v>933963</v>
      </c>
      <c r="HN35" s="329">
        <v>933963</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0</v>
      </c>
      <c r="IE35" s="339">
        <v>0</v>
      </c>
      <c r="IF35" s="337">
        <v>153344</v>
      </c>
      <c r="IG35" s="336">
        <v>0</v>
      </c>
      <c r="IH35" s="337">
        <v>0</v>
      </c>
      <c r="II35" s="340">
        <v>153344</v>
      </c>
      <c r="IJ35" s="341">
        <v>153344</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0</v>
      </c>
      <c r="JL35" s="345">
        <v>0</v>
      </c>
      <c r="JM35" s="345">
        <v>143744</v>
      </c>
      <c r="JN35" s="345">
        <v>0</v>
      </c>
      <c r="JO35" s="345">
        <v>0</v>
      </c>
      <c r="JP35" s="349">
        <v>143744</v>
      </c>
      <c r="JQ35" s="347">
        <v>143744</v>
      </c>
      <c r="JR35" s="348">
        <v>0</v>
      </c>
      <c r="JS35" s="345">
        <v>0</v>
      </c>
      <c r="JT35" s="346">
        <v>0</v>
      </c>
      <c r="JU35" s="351">
        <v>0</v>
      </c>
      <c r="JV35" s="345">
        <v>0</v>
      </c>
      <c r="JW35" s="345">
        <v>0</v>
      </c>
      <c r="JX35" s="345">
        <v>0</v>
      </c>
      <c r="JY35" s="345">
        <v>0</v>
      </c>
      <c r="JZ35" s="345">
        <v>0</v>
      </c>
      <c r="KA35" s="349">
        <v>0</v>
      </c>
      <c r="KB35" s="347">
        <v>0</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0</v>
      </c>
      <c r="KS35" s="345">
        <v>0</v>
      </c>
      <c r="KT35" s="345">
        <v>9600</v>
      </c>
      <c r="KU35" s="345">
        <v>0</v>
      </c>
      <c r="KV35" s="345">
        <v>0</v>
      </c>
      <c r="KW35" s="349">
        <v>9600</v>
      </c>
      <c r="KX35" s="347">
        <v>9600</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0</v>
      </c>
      <c r="MK35" s="345">
        <v>0</v>
      </c>
      <c r="ML35" s="345">
        <v>597200</v>
      </c>
      <c r="MM35" s="345">
        <v>1355573</v>
      </c>
      <c r="MN35" s="345">
        <v>273000</v>
      </c>
      <c r="MO35" s="349">
        <v>2225773</v>
      </c>
      <c r="MP35" s="354">
        <v>2225773</v>
      </c>
      <c r="MQ35" s="348">
        <v>0</v>
      </c>
      <c r="MR35" s="345">
        <v>0</v>
      </c>
      <c r="MS35" s="349">
        <v>0</v>
      </c>
      <c r="MT35" s="404">
        <v>0</v>
      </c>
      <c r="MU35" s="345">
        <v>0</v>
      </c>
      <c r="MV35" s="345">
        <v>0</v>
      </c>
      <c r="MW35" s="345">
        <v>253320</v>
      </c>
      <c r="MX35" s="345">
        <v>498168</v>
      </c>
      <c r="MY35" s="345">
        <v>273000</v>
      </c>
      <c r="MZ35" s="349">
        <v>1024488</v>
      </c>
      <c r="NA35" s="354">
        <v>1024488</v>
      </c>
      <c r="NB35" s="348">
        <v>0</v>
      </c>
      <c r="NC35" s="345">
        <v>0</v>
      </c>
      <c r="ND35" s="349">
        <v>0</v>
      </c>
      <c r="NE35" s="404">
        <v>0</v>
      </c>
      <c r="NF35" s="345">
        <v>0</v>
      </c>
      <c r="NG35" s="345">
        <v>0</v>
      </c>
      <c r="NH35" s="345">
        <v>343880</v>
      </c>
      <c r="NI35" s="345">
        <v>857405</v>
      </c>
      <c r="NJ35" s="345">
        <v>0</v>
      </c>
      <c r="NK35" s="349">
        <v>1201285</v>
      </c>
      <c r="NL35" s="347">
        <v>1201285</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0</v>
      </c>
      <c r="OF35" s="345">
        <v>0</v>
      </c>
      <c r="OG35" s="349">
        <v>0</v>
      </c>
      <c r="OH35" s="350">
        <v>0</v>
      </c>
      <c r="OI35" s="348">
        <v>26856</v>
      </c>
      <c r="OJ35" s="345">
        <v>101182</v>
      </c>
      <c r="OK35" s="346">
        <v>128038</v>
      </c>
      <c r="OL35" s="351">
        <v>0</v>
      </c>
      <c r="OM35" s="345">
        <v>211087</v>
      </c>
      <c r="ON35" s="345">
        <v>777555</v>
      </c>
      <c r="OO35" s="345">
        <v>1036041</v>
      </c>
      <c r="OP35" s="345">
        <v>2027801</v>
      </c>
      <c r="OQ35" s="345">
        <v>607448</v>
      </c>
      <c r="OR35" s="349">
        <v>4659932</v>
      </c>
      <c r="OS35" s="354">
        <v>4787970</v>
      </c>
    </row>
    <row r="36" spans="2:409" s="70" customFormat="1" ht="21" customHeight="1" x14ac:dyDescent="0.2">
      <c r="B36" s="410" t="s">
        <v>31</v>
      </c>
      <c r="C36" s="326">
        <v>48832</v>
      </c>
      <c r="D36" s="327">
        <v>18800</v>
      </c>
      <c r="E36" s="328">
        <v>67632</v>
      </c>
      <c r="F36" s="329">
        <v>0</v>
      </c>
      <c r="G36" s="327">
        <v>214879</v>
      </c>
      <c r="H36" s="327">
        <v>42516</v>
      </c>
      <c r="I36" s="327">
        <v>512752</v>
      </c>
      <c r="J36" s="327">
        <v>177231</v>
      </c>
      <c r="K36" s="327">
        <v>16720</v>
      </c>
      <c r="L36" s="367">
        <v>964098</v>
      </c>
      <c r="M36" s="330">
        <v>1031730</v>
      </c>
      <c r="N36" s="326">
        <v>0</v>
      </c>
      <c r="O36" s="327">
        <v>0</v>
      </c>
      <c r="P36" s="328">
        <v>0</v>
      </c>
      <c r="Q36" s="326">
        <v>0</v>
      </c>
      <c r="R36" s="327">
        <v>0</v>
      </c>
      <c r="S36" s="327">
        <v>76320</v>
      </c>
      <c r="T36" s="327">
        <v>265080</v>
      </c>
      <c r="U36" s="327">
        <v>23688</v>
      </c>
      <c r="V36" s="327">
        <v>16720</v>
      </c>
      <c r="W36" s="328">
        <v>381808</v>
      </c>
      <c r="X36" s="330">
        <v>381808</v>
      </c>
      <c r="Y36" s="326">
        <v>0</v>
      </c>
      <c r="Z36" s="327">
        <v>0</v>
      </c>
      <c r="AA36" s="328">
        <v>0</v>
      </c>
      <c r="AB36" s="326">
        <v>0</v>
      </c>
      <c r="AC36" s="327">
        <v>0</v>
      </c>
      <c r="AD36" s="327">
        <v>15160</v>
      </c>
      <c r="AE36" s="327">
        <v>198808</v>
      </c>
      <c r="AF36" s="327">
        <v>0</v>
      </c>
      <c r="AG36" s="327">
        <v>0</v>
      </c>
      <c r="AH36" s="328">
        <v>213968</v>
      </c>
      <c r="AI36" s="330">
        <v>213968</v>
      </c>
      <c r="AJ36" s="326">
        <v>0</v>
      </c>
      <c r="AK36" s="327">
        <v>0</v>
      </c>
      <c r="AL36" s="328">
        <v>0</v>
      </c>
      <c r="AM36" s="326">
        <v>0</v>
      </c>
      <c r="AN36" s="327">
        <v>0</v>
      </c>
      <c r="AO36" s="327">
        <v>0</v>
      </c>
      <c r="AP36" s="327">
        <v>0</v>
      </c>
      <c r="AQ36" s="327">
        <v>0</v>
      </c>
      <c r="AR36" s="327">
        <v>0</v>
      </c>
      <c r="AS36" s="328">
        <v>0</v>
      </c>
      <c r="AT36" s="330">
        <v>0</v>
      </c>
      <c r="AU36" s="326">
        <v>0</v>
      </c>
      <c r="AV36" s="327">
        <v>0</v>
      </c>
      <c r="AW36" s="328">
        <v>0</v>
      </c>
      <c r="AX36" s="326">
        <v>0</v>
      </c>
      <c r="AY36" s="327">
        <v>0</v>
      </c>
      <c r="AZ36" s="327">
        <v>61160</v>
      </c>
      <c r="BA36" s="327">
        <v>59376</v>
      </c>
      <c r="BB36" s="327">
        <v>0</v>
      </c>
      <c r="BC36" s="327">
        <v>0</v>
      </c>
      <c r="BD36" s="328">
        <v>120536</v>
      </c>
      <c r="BE36" s="330">
        <v>120536</v>
      </c>
      <c r="BF36" s="326">
        <v>0</v>
      </c>
      <c r="BG36" s="327">
        <v>0</v>
      </c>
      <c r="BH36" s="331">
        <v>0</v>
      </c>
      <c r="BI36" s="332">
        <v>0</v>
      </c>
      <c r="BJ36" s="327">
        <v>0</v>
      </c>
      <c r="BK36" s="327">
        <v>0</v>
      </c>
      <c r="BL36" s="327">
        <v>0</v>
      </c>
      <c r="BM36" s="327">
        <v>0</v>
      </c>
      <c r="BN36" s="327">
        <v>0</v>
      </c>
      <c r="BO36" s="328">
        <v>0</v>
      </c>
      <c r="BP36" s="330">
        <v>0</v>
      </c>
      <c r="BQ36" s="326">
        <v>0</v>
      </c>
      <c r="BR36" s="327">
        <v>0</v>
      </c>
      <c r="BS36" s="328">
        <v>0</v>
      </c>
      <c r="BT36" s="326">
        <v>0</v>
      </c>
      <c r="BU36" s="327">
        <v>0</v>
      </c>
      <c r="BV36" s="327">
        <v>0</v>
      </c>
      <c r="BW36" s="327">
        <v>6896</v>
      </c>
      <c r="BX36" s="327">
        <v>23688</v>
      </c>
      <c r="BY36" s="327">
        <v>16720</v>
      </c>
      <c r="BZ36" s="328">
        <v>47304</v>
      </c>
      <c r="CA36" s="330">
        <v>47304</v>
      </c>
      <c r="CB36" s="326">
        <v>41632</v>
      </c>
      <c r="CC36" s="327">
        <v>0</v>
      </c>
      <c r="CD36" s="328">
        <v>41632</v>
      </c>
      <c r="CE36" s="326">
        <v>0</v>
      </c>
      <c r="CF36" s="327">
        <v>178479</v>
      </c>
      <c r="CG36" s="327">
        <v>-89364</v>
      </c>
      <c r="CH36" s="327">
        <v>84768</v>
      </c>
      <c r="CI36" s="327">
        <v>100004</v>
      </c>
      <c r="CJ36" s="327">
        <v>0</v>
      </c>
      <c r="CK36" s="328">
        <v>273887</v>
      </c>
      <c r="CL36" s="330">
        <v>315519</v>
      </c>
      <c r="CM36" s="326">
        <v>0</v>
      </c>
      <c r="CN36" s="327">
        <v>0</v>
      </c>
      <c r="CO36" s="328">
        <v>0</v>
      </c>
      <c r="CP36" s="332">
        <v>0</v>
      </c>
      <c r="CQ36" s="327">
        <v>136946</v>
      </c>
      <c r="CR36" s="327">
        <v>145656</v>
      </c>
      <c r="CS36" s="327">
        <v>0</v>
      </c>
      <c r="CT36" s="327">
        <v>100004</v>
      </c>
      <c r="CU36" s="327">
        <v>0</v>
      </c>
      <c r="CV36" s="328">
        <v>382606</v>
      </c>
      <c r="CW36" s="330">
        <v>382606</v>
      </c>
      <c r="CX36" s="326">
        <v>41632</v>
      </c>
      <c r="CY36" s="327">
        <v>0</v>
      </c>
      <c r="CZ36" s="328">
        <v>41632</v>
      </c>
      <c r="DA36" s="326">
        <v>0</v>
      </c>
      <c r="DB36" s="327">
        <v>41533</v>
      </c>
      <c r="DC36" s="327">
        <v>-235020</v>
      </c>
      <c r="DD36" s="327">
        <v>84768</v>
      </c>
      <c r="DE36" s="327">
        <v>0</v>
      </c>
      <c r="DF36" s="327">
        <v>0</v>
      </c>
      <c r="DG36" s="328">
        <v>-108719</v>
      </c>
      <c r="DH36" s="330">
        <v>-67087</v>
      </c>
      <c r="DI36" s="326">
        <v>0</v>
      </c>
      <c r="DJ36" s="327">
        <v>0</v>
      </c>
      <c r="DK36" s="331">
        <v>0</v>
      </c>
      <c r="DL36" s="332">
        <v>0</v>
      </c>
      <c r="DM36" s="327">
        <v>0</v>
      </c>
      <c r="DN36" s="327">
        <v>0</v>
      </c>
      <c r="DO36" s="327">
        <v>0</v>
      </c>
      <c r="DP36" s="327">
        <v>27539</v>
      </c>
      <c r="DQ36" s="327">
        <v>0</v>
      </c>
      <c r="DR36" s="328">
        <v>27539</v>
      </c>
      <c r="DS36" s="330">
        <v>27539</v>
      </c>
      <c r="DT36" s="326">
        <v>0</v>
      </c>
      <c r="DU36" s="327">
        <v>0</v>
      </c>
      <c r="DV36" s="328">
        <v>0</v>
      </c>
      <c r="DW36" s="326">
        <v>0</v>
      </c>
      <c r="DX36" s="327">
        <v>0</v>
      </c>
      <c r="DY36" s="327">
        <v>0</v>
      </c>
      <c r="DZ36" s="327">
        <v>0</v>
      </c>
      <c r="EA36" s="327">
        <v>27539</v>
      </c>
      <c r="EB36" s="327">
        <v>0</v>
      </c>
      <c r="EC36" s="328">
        <v>27539</v>
      </c>
      <c r="ED36" s="330">
        <v>27539</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7200</v>
      </c>
      <c r="FM36" s="327">
        <v>18800</v>
      </c>
      <c r="FN36" s="328">
        <v>26000</v>
      </c>
      <c r="FO36" s="326">
        <v>0</v>
      </c>
      <c r="FP36" s="327">
        <v>36400</v>
      </c>
      <c r="FQ36" s="327">
        <v>55560</v>
      </c>
      <c r="FR36" s="327">
        <v>34912</v>
      </c>
      <c r="FS36" s="327">
        <v>26000</v>
      </c>
      <c r="FT36" s="327">
        <v>0</v>
      </c>
      <c r="FU36" s="328">
        <v>152872</v>
      </c>
      <c r="FV36" s="330">
        <v>178872</v>
      </c>
      <c r="FW36" s="333">
        <v>7200</v>
      </c>
      <c r="FX36" s="327">
        <v>18800</v>
      </c>
      <c r="FY36" s="331">
        <v>26000</v>
      </c>
      <c r="FZ36" s="332">
        <v>0</v>
      </c>
      <c r="GA36" s="327">
        <v>36400</v>
      </c>
      <c r="GB36" s="327">
        <v>55560</v>
      </c>
      <c r="GC36" s="327">
        <v>34912</v>
      </c>
      <c r="GD36" s="327">
        <v>26000</v>
      </c>
      <c r="GE36" s="327">
        <v>0</v>
      </c>
      <c r="GF36" s="328">
        <v>152872</v>
      </c>
      <c r="GG36" s="334">
        <v>178872</v>
      </c>
      <c r="GH36" s="333">
        <v>0</v>
      </c>
      <c r="GI36" s="327">
        <v>0</v>
      </c>
      <c r="GJ36" s="331">
        <v>0</v>
      </c>
      <c r="GK36" s="332">
        <v>0</v>
      </c>
      <c r="GL36" s="327">
        <v>0</v>
      </c>
      <c r="GM36" s="327">
        <v>0</v>
      </c>
      <c r="GN36" s="327">
        <v>0</v>
      </c>
      <c r="GO36" s="327">
        <v>0</v>
      </c>
      <c r="GP36" s="327">
        <v>0</v>
      </c>
      <c r="GQ36" s="328">
        <v>0</v>
      </c>
      <c r="GR36" s="330">
        <v>0</v>
      </c>
      <c r="GS36" s="326">
        <v>0</v>
      </c>
      <c r="GT36" s="327">
        <v>0</v>
      </c>
      <c r="GU36" s="328">
        <v>0</v>
      </c>
      <c r="GV36" s="326">
        <v>0</v>
      </c>
      <c r="GW36" s="327">
        <v>0</v>
      </c>
      <c r="GX36" s="327">
        <v>0</v>
      </c>
      <c r="GY36" s="327">
        <v>0</v>
      </c>
      <c r="GZ36" s="327">
        <v>0</v>
      </c>
      <c r="HA36" s="327">
        <v>0</v>
      </c>
      <c r="HB36" s="331">
        <v>0</v>
      </c>
      <c r="HC36" s="330">
        <v>0</v>
      </c>
      <c r="HD36" s="326">
        <v>0</v>
      </c>
      <c r="HE36" s="327">
        <v>0</v>
      </c>
      <c r="HF36" s="331">
        <v>0</v>
      </c>
      <c r="HG36" s="332">
        <v>0</v>
      </c>
      <c r="HH36" s="327">
        <v>0</v>
      </c>
      <c r="HI36" s="327">
        <v>0</v>
      </c>
      <c r="HJ36" s="327">
        <v>127992</v>
      </c>
      <c r="HK36" s="327">
        <v>0</v>
      </c>
      <c r="HL36" s="327">
        <v>0</v>
      </c>
      <c r="HM36" s="328">
        <v>127992</v>
      </c>
      <c r="HN36" s="329">
        <v>127992</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136277</v>
      </c>
      <c r="IE36" s="357">
        <v>537149</v>
      </c>
      <c r="IF36" s="358">
        <v>0</v>
      </c>
      <c r="IG36" s="356">
        <v>676644</v>
      </c>
      <c r="IH36" s="358">
        <v>258992</v>
      </c>
      <c r="II36" s="359">
        <v>1609062</v>
      </c>
      <c r="IJ36" s="358">
        <v>1609062</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0</v>
      </c>
      <c r="JL36" s="345">
        <v>18713</v>
      </c>
      <c r="JM36" s="345">
        <v>0</v>
      </c>
      <c r="JN36" s="345">
        <v>0</v>
      </c>
      <c r="JO36" s="345">
        <v>0</v>
      </c>
      <c r="JP36" s="349">
        <v>18713</v>
      </c>
      <c r="JQ36" s="347">
        <v>18713</v>
      </c>
      <c r="JR36" s="348">
        <v>0</v>
      </c>
      <c r="JS36" s="345">
        <v>0</v>
      </c>
      <c r="JT36" s="346">
        <v>0</v>
      </c>
      <c r="JU36" s="351">
        <v>0</v>
      </c>
      <c r="JV36" s="345">
        <v>0</v>
      </c>
      <c r="JW36" s="345">
        <v>0</v>
      </c>
      <c r="JX36" s="345">
        <v>0</v>
      </c>
      <c r="JY36" s="345">
        <v>199132</v>
      </c>
      <c r="JZ36" s="345">
        <v>0</v>
      </c>
      <c r="KA36" s="349">
        <v>199132</v>
      </c>
      <c r="KB36" s="347">
        <v>199132</v>
      </c>
      <c r="KC36" s="352">
        <v>0</v>
      </c>
      <c r="KD36" s="353">
        <v>0</v>
      </c>
      <c r="KE36" s="349">
        <v>0</v>
      </c>
      <c r="KF36" s="351">
        <v>0</v>
      </c>
      <c r="KG36" s="345">
        <v>136277</v>
      </c>
      <c r="KH36" s="345">
        <v>0</v>
      </c>
      <c r="KI36" s="345">
        <v>0</v>
      </c>
      <c r="KJ36" s="345">
        <v>0</v>
      </c>
      <c r="KK36" s="345">
        <v>0</v>
      </c>
      <c r="KL36" s="349">
        <v>136277</v>
      </c>
      <c r="KM36" s="354">
        <v>136277</v>
      </c>
      <c r="KN36" s="342">
        <v>0</v>
      </c>
      <c r="KO36" s="343">
        <v>0</v>
      </c>
      <c r="KP36" s="344">
        <v>0</v>
      </c>
      <c r="KQ36" s="404">
        <v>0</v>
      </c>
      <c r="KR36" s="345">
        <v>0</v>
      </c>
      <c r="KS36" s="345">
        <v>518436</v>
      </c>
      <c r="KT36" s="345">
        <v>0</v>
      </c>
      <c r="KU36" s="345">
        <v>242272</v>
      </c>
      <c r="KV36" s="345">
        <v>258992</v>
      </c>
      <c r="KW36" s="349">
        <v>1019700</v>
      </c>
      <c r="KX36" s="347">
        <v>1019700</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235240</v>
      </c>
      <c r="LR36" s="345">
        <v>0</v>
      </c>
      <c r="LS36" s="349">
        <v>235240</v>
      </c>
      <c r="LT36" s="347">
        <v>235240</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0</v>
      </c>
      <c r="MK36" s="345">
        <v>0</v>
      </c>
      <c r="ML36" s="345">
        <v>472757</v>
      </c>
      <c r="MM36" s="345">
        <v>-266461</v>
      </c>
      <c r="MN36" s="345">
        <v>0</v>
      </c>
      <c r="MO36" s="349">
        <v>206296</v>
      </c>
      <c r="MP36" s="354">
        <v>206296</v>
      </c>
      <c r="MQ36" s="348">
        <v>0</v>
      </c>
      <c r="MR36" s="345">
        <v>0</v>
      </c>
      <c r="MS36" s="349">
        <v>0</v>
      </c>
      <c r="MT36" s="404">
        <v>0</v>
      </c>
      <c r="MU36" s="345">
        <v>0</v>
      </c>
      <c r="MV36" s="345">
        <v>0</v>
      </c>
      <c r="MW36" s="345">
        <v>472757</v>
      </c>
      <c r="MX36" s="345">
        <v>-266461</v>
      </c>
      <c r="MY36" s="345">
        <v>0</v>
      </c>
      <c r="MZ36" s="349">
        <v>206296</v>
      </c>
      <c r="NA36" s="354">
        <v>206296</v>
      </c>
      <c r="NB36" s="348">
        <v>0</v>
      </c>
      <c r="NC36" s="345">
        <v>0</v>
      </c>
      <c r="ND36" s="349">
        <v>0</v>
      </c>
      <c r="NE36" s="404">
        <v>0</v>
      </c>
      <c r="NF36" s="345">
        <v>0</v>
      </c>
      <c r="NG36" s="345">
        <v>0</v>
      </c>
      <c r="NH36" s="345">
        <v>0</v>
      </c>
      <c r="NI36" s="345">
        <v>0</v>
      </c>
      <c r="NJ36" s="345">
        <v>0</v>
      </c>
      <c r="NK36" s="349">
        <v>0</v>
      </c>
      <c r="NL36" s="347">
        <v>0</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48832</v>
      </c>
      <c r="OJ36" s="345">
        <v>18800</v>
      </c>
      <c r="OK36" s="346">
        <v>67632</v>
      </c>
      <c r="OL36" s="351">
        <v>0</v>
      </c>
      <c r="OM36" s="345">
        <v>351156</v>
      </c>
      <c r="ON36" s="345">
        <v>579665</v>
      </c>
      <c r="OO36" s="345">
        <v>985509</v>
      </c>
      <c r="OP36" s="345">
        <v>587414</v>
      </c>
      <c r="OQ36" s="345">
        <v>275712</v>
      </c>
      <c r="OR36" s="349">
        <v>2779456</v>
      </c>
      <c r="OS36" s="354">
        <v>2847088</v>
      </c>
    </row>
    <row r="37" spans="2:409" s="70" customFormat="1" ht="21" customHeight="1" x14ac:dyDescent="0.2">
      <c r="B37" s="410" t="s">
        <v>32</v>
      </c>
      <c r="C37" s="326">
        <v>49896</v>
      </c>
      <c r="D37" s="327">
        <v>11800</v>
      </c>
      <c r="E37" s="368">
        <v>61696</v>
      </c>
      <c r="F37" s="370">
        <v>0</v>
      </c>
      <c r="G37" s="369">
        <v>606870</v>
      </c>
      <c r="H37" s="369">
        <v>1183271</v>
      </c>
      <c r="I37" s="369">
        <v>225680</v>
      </c>
      <c r="J37" s="369">
        <v>515768</v>
      </c>
      <c r="K37" s="369">
        <v>263326</v>
      </c>
      <c r="L37" s="370">
        <v>2794915</v>
      </c>
      <c r="M37" s="330">
        <v>2856611</v>
      </c>
      <c r="N37" s="326">
        <v>25080</v>
      </c>
      <c r="O37" s="327">
        <v>0</v>
      </c>
      <c r="P37" s="328">
        <v>25080</v>
      </c>
      <c r="Q37" s="326">
        <v>0</v>
      </c>
      <c r="R37" s="327">
        <v>273574</v>
      </c>
      <c r="S37" s="327">
        <v>405463</v>
      </c>
      <c r="T37" s="327">
        <v>112800</v>
      </c>
      <c r="U37" s="327">
        <v>60384</v>
      </c>
      <c r="V37" s="327">
        <v>240606</v>
      </c>
      <c r="W37" s="328">
        <v>1092827</v>
      </c>
      <c r="X37" s="330">
        <v>1117907</v>
      </c>
      <c r="Y37" s="326">
        <v>0</v>
      </c>
      <c r="Z37" s="327">
        <v>0</v>
      </c>
      <c r="AA37" s="328">
        <v>0</v>
      </c>
      <c r="AB37" s="326">
        <v>0</v>
      </c>
      <c r="AC37" s="327">
        <v>73348</v>
      </c>
      <c r="AD37" s="327">
        <v>255300</v>
      </c>
      <c r="AE37" s="327">
        <v>91728</v>
      </c>
      <c r="AF37" s="327">
        <v>0</v>
      </c>
      <c r="AG37" s="327">
        <v>164904</v>
      </c>
      <c r="AH37" s="328">
        <v>585280</v>
      </c>
      <c r="AI37" s="330">
        <v>585280</v>
      </c>
      <c r="AJ37" s="326">
        <v>0</v>
      </c>
      <c r="AK37" s="327">
        <v>0</v>
      </c>
      <c r="AL37" s="328">
        <v>0</v>
      </c>
      <c r="AM37" s="326">
        <v>0</v>
      </c>
      <c r="AN37" s="327">
        <v>0</v>
      </c>
      <c r="AO37" s="327">
        <v>0</v>
      </c>
      <c r="AP37" s="327">
        <v>0</v>
      </c>
      <c r="AQ37" s="327">
        <v>0</v>
      </c>
      <c r="AR37" s="327">
        <v>47422</v>
      </c>
      <c r="AS37" s="328">
        <v>47422</v>
      </c>
      <c r="AT37" s="330">
        <v>47422</v>
      </c>
      <c r="AU37" s="326">
        <v>25080</v>
      </c>
      <c r="AV37" s="327">
        <v>0</v>
      </c>
      <c r="AW37" s="328">
        <v>25080</v>
      </c>
      <c r="AX37" s="326">
        <v>0</v>
      </c>
      <c r="AY37" s="327">
        <v>110047</v>
      </c>
      <c r="AZ37" s="327">
        <v>124595</v>
      </c>
      <c r="BA37" s="327">
        <v>0</v>
      </c>
      <c r="BB37" s="327">
        <v>8352</v>
      </c>
      <c r="BC37" s="327">
        <v>28280</v>
      </c>
      <c r="BD37" s="328">
        <v>271274</v>
      </c>
      <c r="BE37" s="330">
        <v>296354</v>
      </c>
      <c r="BF37" s="326">
        <v>0</v>
      </c>
      <c r="BG37" s="327">
        <v>0</v>
      </c>
      <c r="BH37" s="331">
        <v>0</v>
      </c>
      <c r="BI37" s="332">
        <v>0</v>
      </c>
      <c r="BJ37" s="327">
        <v>62419</v>
      </c>
      <c r="BK37" s="327">
        <v>0</v>
      </c>
      <c r="BL37" s="327">
        <v>0</v>
      </c>
      <c r="BM37" s="327">
        <v>0</v>
      </c>
      <c r="BN37" s="327">
        <v>0</v>
      </c>
      <c r="BO37" s="328">
        <v>62419</v>
      </c>
      <c r="BP37" s="330">
        <v>62419</v>
      </c>
      <c r="BQ37" s="326">
        <v>0</v>
      </c>
      <c r="BR37" s="327">
        <v>0</v>
      </c>
      <c r="BS37" s="328">
        <v>0</v>
      </c>
      <c r="BT37" s="326">
        <v>0</v>
      </c>
      <c r="BU37" s="327">
        <v>27760</v>
      </c>
      <c r="BV37" s="327">
        <v>25568</v>
      </c>
      <c r="BW37" s="327">
        <v>21072</v>
      </c>
      <c r="BX37" s="327">
        <v>52032</v>
      </c>
      <c r="BY37" s="327">
        <v>0</v>
      </c>
      <c r="BZ37" s="328">
        <v>126432</v>
      </c>
      <c r="CA37" s="330">
        <v>126432</v>
      </c>
      <c r="CB37" s="326">
        <v>20816</v>
      </c>
      <c r="CC37" s="327">
        <v>0</v>
      </c>
      <c r="CD37" s="328">
        <v>20816</v>
      </c>
      <c r="CE37" s="326">
        <v>0</v>
      </c>
      <c r="CF37" s="327">
        <v>78984</v>
      </c>
      <c r="CG37" s="327">
        <v>494992</v>
      </c>
      <c r="CH37" s="327">
        <v>76952</v>
      </c>
      <c r="CI37" s="327">
        <v>0</v>
      </c>
      <c r="CJ37" s="327">
        <v>0</v>
      </c>
      <c r="CK37" s="328">
        <v>650928</v>
      </c>
      <c r="CL37" s="330">
        <v>671744</v>
      </c>
      <c r="CM37" s="326">
        <v>0</v>
      </c>
      <c r="CN37" s="327">
        <v>0</v>
      </c>
      <c r="CO37" s="328">
        <v>0</v>
      </c>
      <c r="CP37" s="332">
        <v>0</v>
      </c>
      <c r="CQ37" s="327">
        <v>78984</v>
      </c>
      <c r="CR37" s="327">
        <v>256388</v>
      </c>
      <c r="CS37" s="327">
        <v>76952</v>
      </c>
      <c r="CT37" s="327">
        <v>0</v>
      </c>
      <c r="CU37" s="327">
        <v>0</v>
      </c>
      <c r="CV37" s="328">
        <v>412324</v>
      </c>
      <c r="CW37" s="330">
        <v>412324</v>
      </c>
      <c r="CX37" s="326">
        <v>20816</v>
      </c>
      <c r="CY37" s="327">
        <v>0</v>
      </c>
      <c r="CZ37" s="328">
        <v>20816</v>
      </c>
      <c r="DA37" s="326">
        <v>0</v>
      </c>
      <c r="DB37" s="327">
        <v>0</v>
      </c>
      <c r="DC37" s="327">
        <v>238604</v>
      </c>
      <c r="DD37" s="327">
        <v>0</v>
      </c>
      <c r="DE37" s="327">
        <v>0</v>
      </c>
      <c r="DF37" s="327">
        <v>0</v>
      </c>
      <c r="DG37" s="328">
        <v>238604</v>
      </c>
      <c r="DH37" s="330">
        <v>259420</v>
      </c>
      <c r="DI37" s="326">
        <v>0</v>
      </c>
      <c r="DJ37" s="327">
        <v>0</v>
      </c>
      <c r="DK37" s="331">
        <v>0</v>
      </c>
      <c r="DL37" s="332">
        <v>0</v>
      </c>
      <c r="DM37" s="327">
        <v>0</v>
      </c>
      <c r="DN37" s="327">
        <v>0</v>
      </c>
      <c r="DO37" s="327">
        <v>0</v>
      </c>
      <c r="DP37" s="327">
        <v>0</v>
      </c>
      <c r="DQ37" s="327">
        <v>0</v>
      </c>
      <c r="DR37" s="328">
        <v>0</v>
      </c>
      <c r="DS37" s="330">
        <v>0</v>
      </c>
      <c r="DT37" s="326">
        <v>0</v>
      </c>
      <c r="DU37" s="327">
        <v>0</v>
      </c>
      <c r="DV37" s="328">
        <v>0</v>
      </c>
      <c r="DW37" s="326">
        <v>0</v>
      </c>
      <c r="DX37" s="327">
        <v>0</v>
      </c>
      <c r="DY37" s="327">
        <v>0</v>
      </c>
      <c r="DZ37" s="327">
        <v>0</v>
      </c>
      <c r="EA37" s="327">
        <v>0</v>
      </c>
      <c r="EB37" s="327">
        <v>0</v>
      </c>
      <c r="EC37" s="328">
        <v>0</v>
      </c>
      <c r="ED37" s="330">
        <v>0</v>
      </c>
      <c r="EE37" s="326">
        <v>0</v>
      </c>
      <c r="EF37" s="331">
        <v>0</v>
      </c>
      <c r="EG37" s="328">
        <v>0</v>
      </c>
      <c r="EH37" s="326">
        <v>0</v>
      </c>
      <c r="EI37" s="327">
        <v>0</v>
      </c>
      <c r="EJ37" s="327">
        <v>0</v>
      </c>
      <c r="EK37" s="327">
        <v>0</v>
      </c>
      <c r="EL37" s="327">
        <v>0</v>
      </c>
      <c r="EM37" s="327">
        <v>0</v>
      </c>
      <c r="EN37" s="331">
        <v>0</v>
      </c>
      <c r="EO37" s="330">
        <v>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4000</v>
      </c>
      <c r="FM37" s="327">
        <v>11800</v>
      </c>
      <c r="FN37" s="328">
        <v>15800</v>
      </c>
      <c r="FO37" s="326">
        <v>0</v>
      </c>
      <c r="FP37" s="327">
        <v>98064</v>
      </c>
      <c r="FQ37" s="327">
        <v>108288</v>
      </c>
      <c r="FR37" s="327">
        <v>35928</v>
      </c>
      <c r="FS37" s="327">
        <v>9856</v>
      </c>
      <c r="FT37" s="327">
        <v>22720</v>
      </c>
      <c r="FU37" s="328">
        <v>274856</v>
      </c>
      <c r="FV37" s="330">
        <v>290656</v>
      </c>
      <c r="FW37" s="333">
        <v>4000</v>
      </c>
      <c r="FX37" s="327">
        <v>11800</v>
      </c>
      <c r="FY37" s="331">
        <v>15800</v>
      </c>
      <c r="FZ37" s="332">
        <v>0</v>
      </c>
      <c r="GA37" s="327">
        <v>98064</v>
      </c>
      <c r="GB37" s="327">
        <v>108288</v>
      </c>
      <c r="GC37" s="327">
        <v>35928</v>
      </c>
      <c r="GD37" s="327">
        <v>9856</v>
      </c>
      <c r="GE37" s="327">
        <v>22720</v>
      </c>
      <c r="GF37" s="328">
        <v>274856</v>
      </c>
      <c r="GG37" s="334">
        <v>290656</v>
      </c>
      <c r="GH37" s="333">
        <v>0</v>
      </c>
      <c r="GI37" s="327">
        <v>0</v>
      </c>
      <c r="GJ37" s="331">
        <v>0</v>
      </c>
      <c r="GK37" s="332">
        <v>0</v>
      </c>
      <c r="GL37" s="327">
        <v>0</v>
      </c>
      <c r="GM37" s="327">
        <v>0</v>
      </c>
      <c r="GN37" s="327">
        <v>0</v>
      </c>
      <c r="GO37" s="327">
        <v>0</v>
      </c>
      <c r="GP37" s="327">
        <v>0</v>
      </c>
      <c r="GQ37" s="328">
        <v>0</v>
      </c>
      <c r="GR37" s="330">
        <v>0</v>
      </c>
      <c r="GS37" s="326">
        <v>0</v>
      </c>
      <c r="GT37" s="327">
        <v>0</v>
      </c>
      <c r="GU37" s="328">
        <v>0</v>
      </c>
      <c r="GV37" s="326">
        <v>0</v>
      </c>
      <c r="GW37" s="327">
        <v>0</v>
      </c>
      <c r="GX37" s="327">
        <v>0</v>
      </c>
      <c r="GY37" s="327">
        <v>0</v>
      </c>
      <c r="GZ37" s="327">
        <v>0</v>
      </c>
      <c r="HA37" s="327">
        <v>0</v>
      </c>
      <c r="HB37" s="331">
        <v>0</v>
      </c>
      <c r="HC37" s="330">
        <v>0</v>
      </c>
      <c r="HD37" s="326">
        <v>0</v>
      </c>
      <c r="HE37" s="327">
        <v>0</v>
      </c>
      <c r="HF37" s="331">
        <v>0</v>
      </c>
      <c r="HG37" s="332">
        <v>0</v>
      </c>
      <c r="HH37" s="327">
        <v>156248</v>
      </c>
      <c r="HI37" s="327">
        <v>174528</v>
      </c>
      <c r="HJ37" s="327">
        <v>0</v>
      </c>
      <c r="HK37" s="327">
        <v>445528</v>
      </c>
      <c r="HL37" s="327">
        <v>0</v>
      </c>
      <c r="HM37" s="328">
        <v>776304</v>
      </c>
      <c r="HN37" s="329">
        <v>776304</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229200</v>
      </c>
      <c r="IE37" s="339">
        <v>144664</v>
      </c>
      <c r="IF37" s="337">
        <v>677952</v>
      </c>
      <c r="IG37" s="336">
        <v>300320</v>
      </c>
      <c r="IH37" s="337">
        <v>42677</v>
      </c>
      <c r="II37" s="340">
        <v>1394813</v>
      </c>
      <c r="IJ37" s="341">
        <v>1394813</v>
      </c>
      <c r="IK37" s="342">
        <v>0</v>
      </c>
      <c r="IL37" s="343">
        <v>0</v>
      </c>
      <c r="IM37" s="344">
        <v>0</v>
      </c>
      <c r="IN37" s="404">
        <v>0</v>
      </c>
      <c r="IO37" s="345">
        <v>0</v>
      </c>
      <c r="IP37" s="345">
        <v>0</v>
      </c>
      <c r="IQ37" s="345">
        <v>0</v>
      </c>
      <c r="IR37" s="345">
        <v>31312</v>
      </c>
      <c r="IS37" s="345">
        <v>0</v>
      </c>
      <c r="IT37" s="346">
        <v>31312</v>
      </c>
      <c r="IU37" s="347">
        <v>31312</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82376</v>
      </c>
      <c r="JL37" s="345">
        <v>144664</v>
      </c>
      <c r="JM37" s="345">
        <v>0</v>
      </c>
      <c r="JN37" s="345">
        <v>0</v>
      </c>
      <c r="JO37" s="345">
        <v>42677</v>
      </c>
      <c r="JP37" s="349">
        <v>269717</v>
      </c>
      <c r="JQ37" s="347">
        <v>269717</v>
      </c>
      <c r="JR37" s="348">
        <v>0</v>
      </c>
      <c r="JS37" s="345">
        <v>0</v>
      </c>
      <c r="JT37" s="346">
        <v>0</v>
      </c>
      <c r="JU37" s="351">
        <v>0</v>
      </c>
      <c r="JV37" s="345">
        <v>0</v>
      </c>
      <c r="JW37" s="345">
        <v>0</v>
      </c>
      <c r="JX37" s="345">
        <v>0</v>
      </c>
      <c r="JY37" s="345">
        <v>0</v>
      </c>
      <c r="JZ37" s="345">
        <v>0</v>
      </c>
      <c r="KA37" s="349">
        <v>0</v>
      </c>
      <c r="KB37" s="347">
        <v>0</v>
      </c>
      <c r="KC37" s="352">
        <v>0</v>
      </c>
      <c r="KD37" s="353">
        <v>0</v>
      </c>
      <c r="KE37" s="349">
        <v>0</v>
      </c>
      <c r="KF37" s="351">
        <v>0</v>
      </c>
      <c r="KG37" s="345">
        <v>0</v>
      </c>
      <c r="KH37" s="345">
        <v>0</v>
      </c>
      <c r="KI37" s="345">
        <v>0</v>
      </c>
      <c r="KJ37" s="345">
        <v>0</v>
      </c>
      <c r="KK37" s="345">
        <v>0</v>
      </c>
      <c r="KL37" s="349">
        <v>0</v>
      </c>
      <c r="KM37" s="354">
        <v>0</v>
      </c>
      <c r="KN37" s="342">
        <v>0</v>
      </c>
      <c r="KO37" s="343">
        <v>0</v>
      </c>
      <c r="KP37" s="344">
        <v>0</v>
      </c>
      <c r="KQ37" s="404">
        <v>0</v>
      </c>
      <c r="KR37" s="345">
        <v>146824</v>
      </c>
      <c r="KS37" s="345">
        <v>0</v>
      </c>
      <c r="KT37" s="345">
        <v>248032</v>
      </c>
      <c r="KU37" s="345">
        <v>269008</v>
      </c>
      <c r="KV37" s="345">
        <v>0</v>
      </c>
      <c r="KW37" s="349">
        <v>663864</v>
      </c>
      <c r="KX37" s="347">
        <v>663864</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429920</v>
      </c>
      <c r="LQ37" s="345">
        <v>0</v>
      </c>
      <c r="LR37" s="345">
        <v>0</v>
      </c>
      <c r="LS37" s="349">
        <v>429920</v>
      </c>
      <c r="LT37" s="347">
        <v>429920</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266458</v>
      </c>
      <c r="MN37" s="345">
        <v>0</v>
      </c>
      <c r="MO37" s="349">
        <v>266458</v>
      </c>
      <c r="MP37" s="354">
        <v>266458</v>
      </c>
      <c r="MQ37" s="348">
        <v>0</v>
      </c>
      <c r="MR37" s="345">
        <v>0</v>
      </c>
      <c r="MS37" s="349">
        <v>0</v>
      </c>
      <c r="MT37" s="404">
        <v>0</v>
      </c>
      <c r="MU37" s="345">
        <v>0</v>
      </c>
      <c r="MV37" s="345">
        <v>0</v>
      </c>
      <c r="MW37" s="345">
        <v>0</v>
      </c>
      <c r="MX37" s="345">
        <v>266458</v>
      </c>
      <c r="MY37" s="345">
        <v>0</v>
      </c>
      <c r="MZ37" s="349">
        <v>266458</v>
      </c>
      <c r="NA37" s="354">
        <v>266458</v>
      </c>
      <c r="NB37" s="348">
        <v>0</v>
      </c>
      <c r="NC37" s="345">
        <v>0</v>
      </c>
      <c r="ND37" s="349">
        <v>0</v>
      </c>
      <c r="NE37" s="404">
        <v>0</v>
      </c>
      <c r="NF37" s="345">
        <v>0</v>
      </c>
      <c r="NG37" s="345">
        <v>0</v>
      </c>
      <c r="NH37" s="345">
        <v>0</v>
      </c>
      <c r="NI37" s="345">
        <v>0</v>
      </c>
      <c r="NJ37" s="345">
        <v>0</v>
      </c>
      <c r="NK37" s="349">
        <v>0</v>
      </c>
      <c r="NL37" s="347">
        <v>0</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49896</v>
      </c>
      <c r="OJ37" s="345">
        <v>11800</v>
      </c>
      <c r="OK37" s="346">
        <v>61696</v>
      </c>
      <c r="OL37" s="351">
        <v>0</v>
      </c>
      <c r="OM37" s="345">
        <v>836070</v>
      </c>
      <c r="ON37" s="345">
        <v>1327935</v>
      </c>
      <c r="OO37" s="345">
        <v>903632</v>
      </c>
      <c r="OP37" s="345">
        <v>1082546</v>
      </c>
      <c r="OQ37" s="345">
        <v>306003</v>
      </c>
      <c r="OR37" s="349">
        <v>4456186</v>
      </c>
      <c r="OS37" s="354">
        <v>4517882</v>
      </c>
    </row>
    <row r="38" spans="2:409" s="70" customFormat="1" ht="21" customHeight="1" x14ac:dyDescent="0.2">
      <c r="B38" s="410" t="s">
        <v>33</v>
      </c>
      <c r="C38" s="326">
        <v>64064</v>
      </c>
      <c r="D38" s="327">
        <v>14840</v>
      </c>
      <c r="E38" s="328">
        <v>78904</v>
      </c>
      <c r="F38" s="329">
        <v>0</v>
      </c>
      <c r="G38" s="327">
        <v>79389</v>
      </c>
      <c r="H38" s="327">
        <v>0</v>
      </c>
      <c r="I38" s="327">
        <v>442639</v>
      </c>
      <c r="J38" s="327">
        <v>0</v>
      </c>
      <c r="K38" s="327">
        <v>275096</v>
      </c>
      <c r="L38" s="367">
        <v>797124</v>
      </c>
      <c r="M38" s="330">
        <v>876028</v>
      </c>
      <c r="N38" s="326">
        <v>59360</v>
      </c>
      <c r="O38" s="327">
        <v>14840</v>
      </c>
      <c r="P38" s="328">
        <v>74200</v>
      </c>
      <c r="Q38" s="326">
        <v>0</v>
      </c>
      <c r="R38" s="327">
        <v>76989</v>
      </c>
      <c r="S38" s="327">
        <v>0</v>
      </c>
      <c r="T38" s="327">
        <v>8288</v>
      </c>
      <c r="U38" s="327">
        <v>0</v>
      </c>
      <c r="V38" s="327">
        <v>0</v>
      </c>
      <c r="W38" s="328">
        <v>85277</v>
      </c>
      <c r="X38" s="330">
        <v>159477</v>
      </c>
      <c r="Y38" s="326">
        <v>0</v>
      </c>
      <c r="Z38" s="327">
        <v>0</v>
      </c>
      <c r="AA38" s="328">
        <v>0</v>
      </c>
      <c r="AB38" s="326">
        <v>0</v>
      </c>
      <c r="AC38" s="327">
        <v>34574</v>
      </c>
      <c r="AD38" s="327">
        <v>0</v>
      </c>
      <c r="AE38" s="327">
        <v>0</v>
      </c>
      <c r="AF38" s="327">
        <v>0</v>
      </c>
      <c r="AG38" s="327">
        <v>0</v>
      </c>
      <c r="AH38" s="328">
        <v>34574</v>
      </c>
      <c r="AI38" s="330">
        <v>34574</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27263</v>
      </c>
      <c r="AZ38" s="327">
        <v>0</v>
      </c>
      <c r="BA38" s="327">
        <v>0</v>
      </c>
      <c r="BB38" s="327">
        <v>0</v>
      </c>
      <c r="BC38" s="327">
        <v>0</v>
      </c>
      <c r="BD38" s="328">
        <v>27263</v>
      </c>
      <c r="BE38" s="330">
        <v>27263</v>
      </c>
      <c r="BF38" s="326">
        <v>59360</v>
      </c>
      <c r="BG38" s="327">
        <v>14840</v>
      </c>
      <c r="BH38" s="331">
        <v>74200</v>
      </c>
      <c r="BI38" s="332">
        <v>0</v>
      </c>
      <c r="BJ38" s="327">
        <v>0</v>
      </c>
      <c r="BK38" s="327">
        <v>0</v>
      </c>
      <c r="BL38" s="327">
        <v>0</v>
      </c>
      <c r="BM38" s="327">
        <v>0</v>
      </c>
      <c r="BN38" s="327">
        <v>0</v>
      </c>
      <c r="BO38" s="328">
        <v>0</v>
      </c>
      <c r="BP38" s="330">
        <v>74200</v>
      </c>
      <c r="BQ38" s="326">
        <v>0</v>
      </c>
      <c r="BR38" s="327">
        <v>0</v>
      </c>
      <c r="BS38" s="328">
        <v>0</v>
      </c>
      <c r="BT38" s="326">
        <v>0</v>
      </c>
      <c r="BU38" s="327">
        <v>15152</v>
      </c>
      <c r="BV38" s="327">
        <v>0</v>
      </c>
      <c r="BW38" s="327">
        <v>8288</v>
      </c>
      <c r="BX38" s="327">
        <v>0</v>
      </c>
      <c r="BY38" s="327">
        <v>0</v>
      </c>
      <c r="BZ38" s="328">
        <v>23440</v>
      </c>
      <c r="CA38" s="330">
        <v>23440</v>
      </c>
      <c r="CB38" s="326">
        <v>0</v>
      </c>
      <c r="CC38" s="327">
        <v>0</v>
      </c>
      <c r="CD38" s="328">
        <v>0</v>
      </c>
      <c r="CE38" s="326">
        <v>0</v>
      </c>
      <c r="CF38" s="327">
        <v>0</v>
      </c>
      <c r="CG38" s="327">
        <v>0</v>
      </c>
      <c r="CH38" s="327">
        <v>0</v>
      </c>
      <c r="CI38" s="327">
        <v>0</v>
      </c>
      <c r="CJ38" s="327">
        <v>0</v>
      </c>
      <c r="CK38" s="328">
        <v>0</v>
      </c>
      <c r="CL38" s="330">
        <v>0</v>
      </c>
      <c r="CM38" s="326">
        <v>0</v>
      </c>
      <c r="CN38" s="327">
        <v>0</v>
      </c>
      <c r="CO38" s="328">
        <v>0</v>
      </c>
      <c r="CP38" s="332">
        <v>0</v>
      </c>
      <c r="CQ38" s="327">
        <v>0</v>
      </c>
      <c r="CR38" s="327">
        <v>0</v>
      </c>
      <c r="CS38" s="327">
        <v>0</v>
      </c>
      <c r="CT38" s="327">
        <v>0</v>
      </c>
      <c r="CU38" s="327">
        <v>0</v>
      </c>
      <c r="CV38" s="328">
        <v>0</v>
      </c>
      <c r="CW38" s="330">
        <v>0</v>
      </c>
      <c r="CX38" s="326">
        <v>0</v>
      </c>
      <c r="CY38" s="327">
        <v>0</v>
      </c>
      <c r="CZ38" s="328">
        <v>0</v>
      </c>
      <c r="DA38" s="326">
        <v>0</v>
      </c>
      <c r="DB38" s="327">
        <v>0</v>
      </c>
      <c r="DC38" s="327">
        <v>0</v>
      </c>
      <c r="DD38" s="327">
        <v>0</v>
      </c>
      <c r="DE38" s="327">
        <v>0</v>
      </c>
      <c r="DF38" s="327">
        <v>0</v>
      </c>
      <c r="DG38" s="328">
        <v>0</v>
      </c>
      <c r="DH38" s="330">
        <v>0</v>
      </c>
      <c r="DI38" s="326">
        <v>0</v>
      </c>
      <c r="DJ38" s="327">
        <v>0</v>
      </c>
      <c r="DK38" s="331">
        <v>0</v>
      </c>
      <c r="DL38" s="332">
        <v>0</v>
      </c>
      <c r="DM38" s="327">
        <v>0</v>
      </c>
      <c r="DN38" s="327">
        <v>0</v>
      </c>
      <c r="DO38" s="327">
        <v>0</v>
      </c>
      <c r="DP38" s="327">
        <v>0</v>
      </c>
      <c r="DQ38" s="327">
        <v>275096</v>
      </c>
      <c r="DR38" s="328">
        <v>275096</v>
      </c>
      <c r="DS38" s="330">
        <v>275096</v>
      </c>
      <c r="DT38" s="326">
        <v>0</v>
      </c>
      <c r="DU38" s="327">
        <v>0</v>
      </c>
      <c r="DV38" s="328">
        <v>0</v>
      </c>
      <c r="DW38" s="326">
        <v>0</v>
      </c>
      <c r="DX38" s="327">
        <v>0</v>
      </c>
      <c r="DY38" s="327">
        <v>0</v>
      </c>
      <c r="DZ38" s="327">
        <v>0</v>
      </c>
      <c r="EA38" s="327">
        <v>0</v>
      </c>
      <c r="EB38" s="327">
        <v>275096</v>
      </c>
      <c r="EC38" s="328">
        <v>275096</v>
      </c>
      <c r="ED38" s="330">
        <v>275096</v>
      </c>
      <c r="EE38" s="326">
        <v>0</v>
      </c>
      <c r="EF38" s="331">
        <v>0</v>
      </c>
      <c r="EG38" s="328">
        <v>0</v>
      </c>
      <c r="EH38" s="326">
        <v>0</v>
      </c>
      <c r="EI38" s="327">
        <v>0</v>
      </c>
      <c r="EJ38" s="327">
        <v>0</v>
      </c>
      <c r="EK38" s="327">
        <v>0</v>
      </c>
      <c r="EL38" s="327">
        <v>0</v>
      </c>
      <c r="EM38" s="327">
        <v>0</v>
      </c>
      <c r="EN38" s="331">
        <v>0</v>
      </c>
      <c r="EO38" s="330">
        <v>0</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4704</v>
      </c>
      <c r="FM38" s="327">
        <v>0</v>
      </c>
      <c r="FN38" s="328">
        <v>4704</v>
      </c>
      <c r="FO38" s="326">
        <v>0</v>
      </c>
      <c r="FP38" s="327">
        <v>2400</v>
      </c>
      <c r="FQ38" s="327">
        <v>0</v>
      </c>
      <c r="FR38" s="327">
        <v>0</v>
      </c>
      <c r="FS38" s="327">
        <v>0</v>
      </c>
      <c r="FT38" s="327">
        <v>0</v>
      </c>
      <c r="FU38" s="328">
        <v>2400</v>
      </c>
      <c r="FV38" s="330">
        <v>7104</v>
      </c>
      <c r="FW38" s="333">
        <v>4704</v>
      </c>
      <c r="FX38" s="327">
        <v>0</v>
      </c>
      <c r="FY38" s="331">
        <v>4704</v>
      </c>
      <c r="FZ38" s="332">
        <v>0</v>
      </c>
      <c r="GA38" s="327">
        <v>2400</v>
      </c>
      <c r="GB38" s="327">
        <v>0</v>
      </c>
      <c r="GC38" s="327">
        <v>0</v>
      </c>
      <c r="GD38" s="327">
        <v>0</v>
      </c>
      <c r="GE38" s="327">
        <v>0</v>
      </c>
      <c r="GF38" s="328">
        <v>2400</v>
      </c>
      <c r="GG38" s="334">
        <v>7104</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0</v>
      </c>
      <c r="HF38" s="331">
        <v>0</v>
      </c>
      <c r="HG38" s="332">
        <v>0</v>
      </c>
      <c r="HH38" s="327">
        <v>0</v>
      </c>
      <c r="HI38" s="327">
        <v>0</v>
      </c>
      <c r="HJ38" s="327">
        <v>434351</v>
      </c>
      <c r="HK38" s="327">
        <v>0</v>
      </c>
      <c r="HL38" s="327">
        <v>0</v>
      </c>
      <c r="HM38" s="328">
        <v>434351</v>
      </c>
      <c r="HN38" s="329">
        <v>434351</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38004</v>
      </c>
      <c r="IE38" s="339">
        <v>0</v>
      </c>
      <c r="IF38" s="337">
        <v>0</v>
      </c>
      <c r="IG38" s="336">
        <v>0</v>
      </c>
      <c r="IH38" s="337">
        <v>0</v>
      </c>
      <c r="II38" s="340">
        <v>38004</v>
      </c>
      <c r="IJ38" s="358">
        <v>38004</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38004</v>
      </c>
      <c r="JL38" s="345">
        <v>0</v>
      </c>
      <c r="JM38" s="345">
        <v>0</v>
      </c>
      <c r="JN38" s="345">
        <v>0</v>
      </c>
      <c r="JO38" s="345">
        <v>0</v>
      </c>
      <c r="JP38" s="349">
        <v>38004</v>
      </c>
      <c r="JQ38" s="347">
        <v>38004</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0</v>
      </c>
      <c r="KU38" s="345">
        <v>0</v>
      </c>
      <c r="KV38" s="345">
        <v>0</v>
      </c>
      <c r="KW38" s="349">
        <v>0</v>
      </c>
      <c r="KX38" s="347">
        <v>0</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0</v>
      </c>
      <c r="MK38" s="345">
        <v>0</v>
      </c>
      <c r="ML38" s="345">
        <v>392782</v>
      </c>
      <c r="MM38" s="345">
        <v>232140</v>
      </c>
      <c r="MN38" s="345">
        <v>0</v>
      </c>
      <c r="MO38" s="349">
        <v>624922</v>
      </c>
      <c r="MP38" s="354">
        <v>624922</v>
      </c>
      <c r="MQ38" s="348">
        <v>0</v>
      </c>
      <c r="MR38" s="345">
        <v>0</v>
      </c>
      <c r="MS38" s="349">
        <v>0</v>
      </c>
      <c r="MT38" s="404">
        <v>0</v>
      </c>
      <c r="MU38" s="345">
        <v>0</v>
      </c>
      <c r="MV38" s="345">
        <v>0</v>
      </c>
      <c r="MW38" s="345">
        <v>0</v>
      </c>
      <c r="MX38" s="345">
        <v>232140</v>
      </c>
      <c r="MY38" s="345">
        <v>0</v>
      </c>
      <c r="MZ38" s="349">
        <v>232140</v>
      </c>
      <c r="NA38" s="354">
        <v>232140</v>
      </c>
      <c r="NB38" s="348">
        <v>0</v>
      </c>
      <c r="NC38" s="345">
        <v>0</v>
      </c>
      <c r="ND38" s="349">
        <v>0</v>
      </c>
      <c r="NE38" s="404">
        <v>0</v>
      </c>
      <c r="NF38" s="345">
        <v>0</v>
      </c>
      <c r="NG38" s="345">
        <v>0</v>
      </c>
      <c r="NH38" s="345">
        <v>0</v>
      </c>
      <c r="NI38" s="345">
        <v>0</v>
      </c>
      <c r="NJ38" s="345">
        <v>0</v>
      </c>
      <c r="NK38" s="349">
        <v>0</v>
      </c>
      <c r="NL38" s="347">
        <v>0</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0</v>
      </c>
      <c r="OC38" s="345">
        <v>0</v>
      </c>
      <c r="OD38" s="345">
        <v>392782</v>
      </c>
      <c r="OE38" s="345">
        <v>0</v>
      </c>
      <c r="OF38" s="345">
        <v>0</v>
      </c>
      <c r="OG38" s="349">
        <v>392782</v>
      </c>
      <c r="OH38" s="350">
        <v>392782</v>
      </c>
      <c r="OI38" s="348">
        <v>64064</v>
      </c>
      <c r="OJ38" s="345">
        <v>14840</v>
      </c>
      <c r="OK38" s="346">
        <v>78904</v>
      </c>
      <c r="OL38" s="351">
        <v>0</v>
      </c>
      <c r="OM38" s="345">
        <v>117393</v>
      </c>
      <c r="ON38" s="345">
        <v>0</v>
      </c>
      <c r="OO38" s="345">
        <v>835421</v>
      </c>
      <c r="OP38" s="345">
        <v>232140</v>
      </c>
      <c r="OQ38" s="345">
        <v>275096</v>
      </c>
      <c r="OR38" s="349">
        <v>1460050</v>
      </c>
      <c r="OS38" s="354">
        <v>1538954</v>
      </c>
    </row>
    <row r="39" spans="2:409" s="70" customFormat="1" ht="21" customHeight="1" x14ac:dyDescent="0.2">
      <c r="B39" s="410" t="s">
        <v>34</v>
      </c>
      <c r="C39" s="326">
        <v>0</v>
      </c>
      <c r="D39" s="327">
        <v>0</v>
      </c>
      <c r="E39" s="368">
        <v>0</v>
      </c>
      <c r="F39" s="370">
        <v>0</v>
      </c>
      <c r="G39" s="369">
        <v>62520</v>
      </c>
      <c r="H39" s="369">
        <v>484968</v>
      </c>
      <c r="I39" s="369">
        <v>52848</v>
      </c>
      <c r="J39" s="369">
        <v>71816</v>
      </c>
      <c r="K39" s="369">
        <v>467263</v>
      </c>
      <c r="L39" s="370">
        <v>1139415</v>
      </c>
      <c r="M39" s="330">
        <v>1139415</v>
      </c>
      <c r="N39" s="326">
        <v>0</v>
      </c>
      <c r="O39" s="327">
        <v>0</v>
      </c>
      <c r="P39" s="328">
        <v>0</v>
      </c>
      <c r="Q39" s="326">
        <v>0</v>
      </c>
      <c r="R39" s="327">
        <v>23528</v>
      </c>
      <c r="S39" s="327">
        <v>152424</v>
      </c>
      <c r="T39" s="327">
        <v>0</v>
      </c>
      <c r="U39" s="327">
        <v>5032</v>
      </c>
      <c r="V39" s="327">
        <v>200240</v>
      </c>
      <c r="W39" s="328">
        <v>381224</v>
      </c>
      <c r="X39" s="330">
        <v>381224</v>
      </c>
      <c r="Y39" s="326">
        <v>0</v>
      </c>
      <c r="Z39" s="327">
        <v>0</v>
      </c>
      <c r="AA39" s="328">
        <v>0</v>
      </c>
      <c r="AB39" s="326">
        <v>0</v>
      </c>
      <c r="AC39" s="327">
        <v>0</v>
      </c>
      <c r="AD39" s="327">
        <v>0</v>
      </c>
      <c r="AE39" s="327">
        <v>0</v>
      </c>
      <c r="AF39" s="327">
        <v>0</v>
      </c>
      <c r="AG39" s="327">
        <v>0</v>
      </c>
      <c r="AH39" s="328">
        <v>0</v>
      </c>
      <c r="AI39" s="330">
        <v>0</v>
      </c>
      <c r="AJ39" s="326">
        <v>0</v>
      </c>
      <c r="AK39" s="327">
        <v>0</v>
      </c>
      <c r="AL39" s="328">
        <v>0</v>
      </c>
      <c r="AM39" s="326">
        <v>0</v>
      </c>
      <c r="AN39" s="327">
        <v>0</v>
      </c>
      <c r="AO39" s="327">
        <v>0</v>
      </c>
      <c r="AP39" s="327">
        <v>0</v>
      </c>
      <c r="AQ39" s="327">
        <v>0</v>
      </c>
      <c r="AR39" s="327">
        <v>0</v>
      </c>
      <c r="AS39" s="328">
        <v>0</v>
      </c>
      <c r="AT39" s="330">
        <v>0</v>
      </c>
      <c r="AU39" s="326">
        <v>0</v>
      </c>
      <c r="AV39" s="327">
        <v>0</v>
      </c>
      <c r="AW39" s="328">
        <v>0</v>
      </c>
      <c r="AX39" s="326">
        <v>0</v>
      </c>
      <c r="AY39" s="327">
        <v>23528</v>
      </c>
      <c r="AZ39" s="327">
        <v>122008</v>
      </c>
      <c r="BA39" s="327">
        <v>0</v>
      </c>
      <c r="BB39" s="327">
        <v>0</v>
      </c>
      <c r="BC39" s="327">
        <v>113048</v>
      </c>
      <c r="BD39" s="328">
        <v>258584</v>
      </c>
      <c r="BE39" s="330">
        <v>258584</v>
      </c>
      <c r="BF39" s="326">
        <v>0</v>
      </c>
      <c r="BG39" s="327">
        <v>0</v>
      </c>
      <c r="BH39" s="331">
        <v>0</v>
      </c>
      <c r="BI39" s="332">
        <v>0</v>
      </c>
      <c r="BJ39" s="327">
        <v>0</v>
      </c>
      <c r="BK39" s="327">
        <v>0</v>
      </c>
      <c r="BL39" s="327">
        <v>0</v>
      </c>
      <c r="BM39" s="327">
        <v>0</v>
      </c>
      <c r="BN39" s="327">
        <v>50240</v>
      </c>
      <c r="BO39" s="328">
        <v>50240</v>
      </c>
      <c r="BP39" s="330">
        <v>50240</v>
      </c>
      <c r="BQ39" s="326">
        <v>0</v>
      </c>
      <c r="BR39" s="327">
        <v>0</v>
      </c>
      <c r="BS39" s="328">
        <v>0</v>
      </c>
      <c r="BT39" s="326">
        <v>0</v>
      </c>
      <c r="BU39" s="327">
        <v>0</v>
      </c>
      <c r="BV39" s="327">
        <v>30416</v>
      </c>
      <c r="BW39" s="327">
        <v>0</v>
      </c>
      <c r="BX39" s="327">
        <v>5032</v>
      </c>
      <c r="BY39" s="327">
        <v>36952</v>
      </c>
      <c r="BZ39" s="328">
        <v>72400</v>
      </c>
      <c r="CA39" s="330">
        <v>72400</v>
      </c>
      <c r="CB39" s="326">
        <v>0</v>
      </c>
      <c r="CC39" s="327">
        <v>0</v>
      </c>
      <c r="CD39" s="328">
        <v>0</v>
      </c>
      <c r="CE39" s="326">
        <v>0</v>
      </c>
      <c r="CF39" s="327">
        <v>33592</v>
      </c>
      <c r="CG39" s="327">
        <v>85768</v>
      </c>
      <c r="CH39" s="327">
        <v>40688</v>
      </c>
      <c r="CI39" s="327">
        <v>0</v>
      </c>
      <c r="CJ39" s="327">
        <v>0</v>
      </c>
      <c r="CK39" s="328">
        <v>160048</v>
      </c>
      <c r="CL39" s="330">
        <v>160048</v>
      </c>
      <c r="CM39" s="326">
        <v>0</v>
      </c>
      <c r="CN39" s="327">
        <v>0</v>
      </c>
      <c r="CO39" s="328">
        <v>0</v>
      </c>
      <c r="CP39" s="332">
        <v>0</v>
      </c>
      <c r="CQ39" s="327">
        <v>33592</v>
      </c>
      <c r="CR39" s="327">
        <v>85768</v>
      </c>
      <c r="CS39" s="327">
        <v>40688</v>
      </c>
      <c r="CT39" s="327">
        <v>0</v>
      </c>
      <c r="CU39" s="327">
        <v>0</v>
      </c>
      <c r="CV39" s="328">
        <v>160048</v>
      </c>
      <c r="CW39" s="330">
        <v>160048</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0</v>
      </c>
      <c r="DP39" s="327">
        <v>0</v>
      </c>
      <c r="DQ39" s="327">
        <v>0</v>
      </c>
      <c r="DR39" s="328">
        <v>0</v>
      </c>
      <c r="DS39" s="330">
        <v>0</v>
      </c>
      <c r="DT39" s="326">
        <v>0</v>
      </c>
      <c r="DU39" s="327">
        <v>0</v>
      </c>
      <c r="DV39" s="328">
        <v>0</v>
      </c>
      <c r="DW39" s="326">
        <v>0</v>
      </c>
      <c r="DX39" s="327">
        <v>0</v>
      </c>
      <c r="DY39" s="327">
        <v>0</v>
      </c>
      <c r="DZ39" s="327">
        <v>0</v>
      </c>
      <c r="EA39" s="327">
        <v>0</v>
      </c>
      <c r="EB39" s="327">
        <v>0</v>
      </c>
      <c r="EC39" s="328">
        <v>0</v>
      </c>
      <c r="ED39" s="330">
        <v>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0</v>
      </c>
      <c r="FM39" s="327">
        <v>0</v>
      </c>
      <c r="FN39" s="328">
        <v>0</v>
      </c>
      <c r="FO39" s="326">
        <v>0</v>
      </c>
      <c r="FP39" s="327">
        <v>5400</v>
      </c>
      <c r="FQ39" s="327">
        <v>75968</v>
      </c>
      <c r="FR39" s="327">
        <v>12160</v>
      </c>
      <c r="FS39" s="327">
        <v>0</v>
      </c>
      <c r="FT39" s="327">
        <v>28128</v>
      </c>
      <c r="FU39" s="328">
        <v>121656</v>
      </c>
      <c r="FV39" s="330">
        <v>121656</v>
      </c>
      <c r="FW39" s="333">
        <v>0</v>
      </c>
      <c r="FX39" s="327">
        <v>0</v>
      </c>
      <c r="FY39" s="331">
        <v>0</v>
      </c>
      <c r="FZ39" s="332">
        <v>0</v>
      </c>
      <c r="GA39" s="327">
        <v>5400</v>
      </c>
      <c r="GB39" s="327">
        <v>75968</v>
      </c>
      <c r="GC39" s="327">
        <v>12160</v>
      </c>
      <c r="GD39" s="327">
        <v>0</v>
      </c>
      <c r="GE39" s="327">
        <v>28128</v>
      </c>
      <c r="GF39" s="328">
        <v>121656</v>
      </c>
      <c r="GG39" s="334">
        <v>121656</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0</v>
      </c>
      <c r="GX39" s="327">
        <v>0</v>
      </c>
      <c r="GY39" s="327">
        <v>0</v>
      </c>
      <c r="GZ39" s="327">
        <v>0</v>
      </c>
      <c r="HA39" s="327">
        <v>0</v>
      </c>
      <c r="HB39" s="331">
        <v>0</v>
      </c>
      <c r="HC39" s="330">
        <v>0</v>
      </c>
      <c r="HD39" s="326">
        <v>0</v>
      </c>
      <c r="HE39" s="327">
        <v>0</v>
      </c>
      <c r="HF39" s="331">
        <v>0</v>
      </c>
      <c r="HG39" s="332">
        <v>0</v>
      </c>
      <c r="HH39" s="327">
        <v>0</v>
      </c>
      <c r="HI39" s="327">
        <v>170808</v>
      </c>
      <c r="HJ39" s="327">
        <v>0</v>
      </c>
      <c r="HK39" s="327">
        <v>66784</v>
      </c>
      <c r="HL39" s="327">
        <v>238895</v>
      </c>
      <c r="HM39" s="328">
        <v>476487</v>
      </c>
      <c r="HN39" s="329">
        <v>476487</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211280</v>
      </c>
      <c r="IE39" s="339">
        <v>577024</v>
      </c>
      <c r="IF39" s="337">
        <v>232128</v>
      </c>
      <c r="IG39" s="336">
        <v>0</v>
      </c>
      <c r="IH39" s="337">
        <v>0</v>
      </c>
      <c r="II39" s="340">
        <v>1020432</v>
      </c>
      <c r="IJ39" s="341">
        <v>1020432</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211280</v>
      </c>
      <c r="JL39" s="345">
        <v>408976</v>
      </c>
      <c r="JM39" s="345">
        <v>0</v>
      </c>
      <c r="JN39" s="345">
        <v>0</v>
      </c>
      <c r="JO39" s="345">
        <v>0</v>
      </c>
      <c r="JP39" s="349">
        <v>620256</v>
      </c>
      <c r="JQ39" s="347">
        <v>620256</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0</v>
      </c>
      <c r="KH39" s="345">
        <v>168048</v>
      </c>
      <c r="KI39" s="345">
        <v>232128</v>
      </c>
      <c r="KJ39" s="345">
        <v>0</v>
      </c>
      <c r="KK39" s="345">
        <v>0</v>
      </c>
      <c r="KL39" s="349">
        <v>400176</v>
      </c>
      <c r="KM39" s="354">
        <v>400176</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0</v>
      </c>
      <c r="MB39" s="345">
        <v>0</v>
      </c>
      <c r="MC39" s="345">
        <v>0</v>
      </c>
      <c r="MD39" s="349">
        <v>0</v>
      </c>
      <c r="ME39" s="350">
        <v>0</v>
      </c>
      <c r="MF39" s="348">
        <v>0</v>
      </c>
      <c r="MG39" s="345">
        <v>0</v>
      </c>
      <c r="MH39" s="349">
        <v>0</v>
      </c>
      <c r="MI39" s="404">
        <v>0</v>
      </c>
      <c r="MJ39" s="345">
        <v>0</v>
      </c>
      <c r="MK39" s="345">
        <v>0</v>
      </c>
      <c r="ML39" s="345">
        <v>261352</v>
      </c>
      <c r="MM39" s="345">
        <v>246896</v>
      </c>
      <c r="MN39" s="345">
        <v>0</v>
      </c>
      <c r="MO39" s="349">
        <v>508248</v>
      </c>
      <c r="MP39" s="354">
        <v>508248</v>
      </c>
      <c r="MQ39" s="348">
        <v>0</v>
      </c>
      <c r="MR39" s="345">
        <v>0</v>
      </c>
      <c r="MS39" s="349">
        <v>0</v>
      </c>
      <c r="MT39" s="404">
        <v>0</v>
      </c>
      <c r="MU39" s="345">
        <v>0</v>
      </c>
      <c r="MV39" s="345">
        <v>0</v>
      </c>
      <c r="MW39" s="345">
        <v>0</v>
      </c>
      <c r="MX39" s="345">
        <v>246896</v>
      </c>
      <c r="MY39" s="345">
        <v>0</v>
      </c>
      <c r="MZ39" s="349">
        <v>246896</v>
      </c>
      <c r="NA39" s="354">
        <v>246896</v>
      </c>
      <c r="NB39" s="348">
        <v>0</v>
      </c>
      <c r="NC39" s="345">
        <v>0</v>
      </c>
      <c r="ND39" s="349">
        <v>0</v>
      </c>
      <c r="NE39" s="404">
        <v>0</v>
      </c>
      <c r="NF39" s="345">
        <v>0</v>
      </c>
      <c r="NG39" s="345">
        <v>0</v>
      </c>
      <c r="NH39" s="345">
        <v>261352</v>
      </c>
      <c r="NI39" s="345">
        <v>0</v>
      </c>
      <c r="NJ39" s="345">
        <v>0</v>
      </c>
      <c r="NK39" s="349">
        <v>261352</v>
      </c>
      <c r="NL39" s="347">
        <v>261352</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0</v>
      </c>
      <c r="OJ39" s="345">
        <v>0</v>
      </c>
      <c r="OK39" s="346">
        <v>0</v>
      </c>
      <c r="OL39" s="351">
        <v>0</v>
      </c>
      <c r="OM39" s="345">
        <v>273800</v>
      </c>
      <c r="ON39" s="345">
        <v>1061992</v>
      </c>
      <c r="OO39" s="345">
        <v>546328</v>
      </c>
      <c r="OP39" s="345">
        <v>318712</v>
      </c>
      <c r="OQ39" s="345">
        <v>467263</v>
      </c>
      <c r="OR39" s="349">
        <v>2668095</v>
      </c>
      <c r="OS39" s="354">
        <v>2668095</v>
      </c>
    </row>
    <row r="40" spans="2:409" s="70" customFormat="1" ht="21" customHeight="1" x14ac:dyDescent="0.2">
      <c r="B40" s="410" t="s">
        <v>35</v>
      </c>
      <c r="C40" s="326">
        <v>118024</v>
      </c>
      <c r="D40" s="327">
        <v>58680</v>
      </c>
      <c r="E40" s="328">
        <v>176704</v>
      </c>
      <c r="F40" s="329">
        <v>0</v>
      </c>
      <c r="G40" s="327">
        <v>1190628</v>
      </c>
      <c r="H40" s="327">
        <v>894971</v>
      </c>
      <c r="I40" s="327">
        <v>490898</v>
      </c>
      <c r="J40" s="327">
        <v>822592</v>
      </c>
      <c r="K40" s="327">
        <v>479056</v>
      </c>
      <c r="L40" s="367">
        <v>3878145</v>
      </c>
      <c r="M40" s="330">
        <v>4054849</v>
      </c>
      <c r="N40" s="326">
        <v>10944</v>
      </c>
      <c r="O40" s="327">
        <v>58680</v>
      </c>
      <c r="P40" s="328">
        <v>69624</v>
      </c>
      <c r="Q40" s="326">
        <v>0</v>
      </c>
      <c r="R40" s="327">
        <v>197769</v>
      </c>
      <c r="S40" s="327">
        <v>452116</v>
      </c>
      <c r="T40" s="327">
        <v>170080</v>
      </c>
      <c r="U40" s="327">
        <v>58792</v>
      </c>
      <c r="V40" s="327">
        <v>434776</v>
      </c>
      <c r="W40" s="328">
        <v>1313533</v>
      </c>
      <c r="X40" s="330">
        <v>1383157</v>
      </c>
      <c r="Y40" s="326">
        <v>0</v>
      </c>
      <c r="Z40" s="327">
        <v>0</v>
      </c>
      <c r="AA40" s="328">
        <v>0</v>
      </c>
      <c r="AB40" s="326">
        <v>0</v>
      </c>
      <c r="AC40" s="327">
        <v>45420</v>
      </c>
      <c r="AD40" s="327">
        <v>322916</v>
      </c>
      <c r="AE40" s="327">
        <v>19112</v>
      </c>
      <c r="AF40" s="327">
        <v>0</v>
      </c>
      <c r="AG40" s="327">
        <v>0</v>
      </c>
      <c r="AH40" s="328">
        <v>387448</v>
      </c>
      <c r="AI40" s="330">
        <v>387448</v>
      </c>
      <c r="AJ40" s="326">
        <v>0</v>
      </c>
      <c r="AK40" s="327">
        <v>0</v>
      </c>
      <c r="AL40" s="328">
        <v>0</v>
      </c>
      <c r="AM40" s="326">
        <v>0</v>
      </c>
      <c r="AN40" s="327">
        <v>0</v>
      </c>
      <c r="AO40" s="327">
        <v>0</v>
      </c>
      <c r="AP40" s="327">
        <v>0</v>
      </c>
      <c r="AQ40" s="327">
        <v>0</v>
      </c>
      <c r="AR40" s="327">
        <v>0</v>
      </c>
      <c r="AS40" s="328">
        <v>0</v>
      </c>
      <c r="AT40" s="330">
        <v>0</v>
      </c>
      <c r="AU40" s="326">
        <v>0</v>
      </c>
      <c r="AV40" s="327">
        <v>24632</v>
      </c>
      <c r="AW40" s="328">
        <v>24632</v>
      </c>
      <c r="AX40" s="326">
        <v>0</v>
      </c>
      <c r="AY40" s="327">
        <v>85269</v>
      </c>
      <c r="AZ40" s="327">
        <v>74536</v>
      </c>
      <c r="BA40" s="327">
        <v>123464</v>
      </c>
      <c r="BB40" s="327">
        <v>0</v>
      </c>
      <c r="BC40" s="327">
        <v>379080</v>
      </c>
      <c r="BD40" s="328">
        <v>662349</v>
      </c>
      <c r="BE40" s="330">
        <v>686981</v>
      </c>
      <c r="BF40" s="326">
        <v>0</v>
      </c>
      <c r="BG40" s="327">
        <v>34048</v>
      </c>
      <c r="BH40" s="331">
        <v>34048</v>
      </c>
      <c r="BI40" s="332">
        <v>0</v>
      </c>
      <c r="BJ40" s="327">
        <v>24048</v>
      </c>
      <c r="BK40" s="327">
        <v>0</v>
      </c>
      <c r="BL40" s="327">
        <v>0</v>
      </c>
      <c r="BM40" s="327">
        <v>0</v>
      </c>
      <c r="BN40" s="327">
        <v>12560</v>
      </c>
      <c r="BO40" s="328">
        <v>36608</v>
      </c>
      <c r="BP40" s="330">
        <v>70656</v>
      </c>
      <c r="BQ40" s="326">
        <v>10944</v>
      </c>
      <c r="BR40" s="327">
        <v>0</v>
      </c>
      <c r="BS40" s="328">
        <v>10944</v>
      </c>
      <c r="BT40" s="326">
        <v>0</v>
      </c>
      <c r="BU40" s="327">
        <v>43032</v>
      </c>
      <c r="BV40" s="327">
        <v>54664</v>
      </c>
      <c r="BW40" s="327">
        <v>27504</v>
      </c>
      <c r="BX40" s="327">
        <v>58792</v>
      </c>
      <c r="BY40" s="327">
        <v>43136</v>
      </c>
      <c r="BZ40" s="328">
        <v>227128</v>
      </c>
      <c r="CA40" s="330">
        <v>238072</v>
      </c>
      <c r="CB40" s="326">
        <v>41024</v>
      </c>
      <c r="CC40" s="327">
        <v>0</v>
      </c>
      <c r="CD40" s="328">
        <v>41024</v>
      </c>
      <c r="CE40" s="326">
        <v>0</v>
      </c>
      <c r="CF40" s="327">
        <v>501067</v>
      </c>
      <c r="CG40" s="327">
        <v>139203</v>
      </c>
      <c r="CH40" s="327">
        <v>121608</v>
      </c>
      <c r="CI40" s="327">
        <v>0</v>
      </c>
      <c r="CJ40" s="327">
        <v>0</v>
      </c>
      <c r="CK40" s="328">
        <v>761878</v>
      </c>
      <c r="CL40" s="330">
        <v>802902</v>
      </c>
      <c r="CM40" s="326">
        <v>0</v>
      </c>
      <c r="CN40" s="327">
        <v>0</v>
      </c>
      <c r="CO40" s="328">
        <v>0</v>
      </c>
      <c r="CP40" s="332">
        <v>0</v>
      </c>
      <c r="CQ40" s="327">
        <v>274200</v>
      </c>
      <c r="CR40" s="327">
        <v>75475</v>
      </c>
      <c r="CS40" s="327">
        <v>31376</v>
      </c>
      <c r="CT40" s="327">
        <v>0</v>
      </c>
      <c r="CU40" s="327">
        <v>0</v>
      </c>
      <c r="CV40" s="328">
        <v>381051</v>
      </c>
      <c r="CW40" s="330">
        <v>381051</v>
      </c>
      <c r="CX40" s="326">
        <v>41024</v>
      </c>
      <c r="CY40" s="327">
        <v>0</v>
      </c>
      <c r="CZ40" s="328">
        <v>41024</v>
      </c>
      <c r="DA40" s="326">
        <v>0</v>
      </c>
      <c r="DB40" s="327">
        <v>226867</v>
      </c>
      <c r="DC40" s="327">
        <v>63728</v>
      </c>
      <c r="DD40" s="327">
        <v>90232</v>
      </c>
      <c r="DE40" s="327">
        <v>0</v>
      </c>
      <c r="DF40" s="327">
        <v>0</v>
      </c>
      <c r="DG40" s="328">
        <v>380827</v>
      </c>
      <c r="DH40" s="330">
        <v>421851</v>
      </c>
      <c r="DI40" s="326">
        <v>0</v>
      </c>
      <c r="DJ40" s="327">
        <v>0</v>
      </c>
      <c r="DK40" s="331">
        <v>0</v>
      </c>
      <c r="DL40" s="332">
        <v>0</v>
      </c>
      <c r="DM40" s="327">
        <v>0</v>
      </c>
      <c r="DN40" s="327">
        <v>0</v>
      </c>
      <c r="DO40" s="327">
        <v>0</v>
      </c>
      <c r="DP40" s="327">
        <v>0</v>
      </c>
      <c r="DQ40" s="327">
        <v>0</v>
      </c>
      <c r="DR40" s="328">
        <v>0</v>
      </c>
      <c r="DS40" s="330">
        <v>0</v>
      </c>
      <c r="DT40" s="326">
        <v>0</v>
      </c>
      <c r="DU40" s="327">
        <v>0</v>
      </c>
      <c r="DV40" s="328">
        <v>0</v>
      </c>
      <c r="DW40" s="326">
        <v>0</v>
      </c>
      <c r="DX40" s="327">
        <v>0</v>
      </c>
      <c r="DY40" s="327">
        <v>0</v>
      </c>
      <c r="DZ40" s="327">
        <v>0</v>
      </c>
      <c r="EA40" s="327">
        <v>0</v>
      </c>
      <c r="EB40" s="327">
        <v>0</v>
      </c>
      <c r="EC40" s="328">
        <v>0</v>
      </c>
      <c r="ED40" s="330">
        <v>0</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4000</v>
      </c>
      <c r="FM40" s="327">
        <v>0</v>
      </c>
      <c r="FN40" s="328">
        <v>4000</v>
      </c>
      <c r="FO40" s="326">
        <v>0</v>
      </c>
      <c r="FP40" s="327">
        <v>24720</v>
      </c>
      <c r="FQ40" s="327">
        <v>110024</v>
      </c>
      <c r="FR40" s="327">
        <v>68552</v>
      </c>
      <c r="FS40" s="327">
        <v>0</v>
      </c>
      <c r="FT40" s="327">
        <v>44280</v>
      </c>
      <c r="FU40" s="328">
        <v>247576</v>
      </c>
      <c r="FV40" s="330">
        <v>251576</v>
      </c>
      <c r="FW40" s="333">
        <v>4000</v>
      </c>
      <c r="FX40" s="327">
        <v>0</v>
      </c>
      <c r="FY40" s="331">
        <v>4000</v>
      </c>
      <c r="FZ40" s="332">
        <v>0</v>
      </c>
      <c r="GA40" s="327">
        <v>24720</v>
      </c>
      <c r="GB40" s="327">
        <v>110024</v>
      </c>
      <c r="GC40" s="327">
        <v>68552</v>
      </c>
      <c r="GD40" s="327">
        <v>0</v>
      </c>
      <c r="GE40" s="327">
        <v>44280</v>
      </c>
      <c r="GF40" s="328">
        <v>247576</v>
      </c>
      <c r="GG40" s="334">
        <v>251576</v>
      </c>
      <c r="GH40" s="333">
        <v>0</v>
      </c>
      <c r="GI40" s="327">
        <v>0</v>
      </c>
      <c r="GJ40" s="331">
        <v>0</v>
      </c>
      <c r="GK40" s="332">
        <v>0</v>
      </c>
      <c r="GL40" s="327">
        <v>0</v>
      </c>
      <c r="GM40" s="327">
        <v>0</v>
      </c>
      <c r="GN40" s="327">
        <v>0</v>
      </c>
      <c r="GO40" s="327">
        <v>0</v>
      </c>
      <c r="GP40" s="327">
        <v>0</v>
      </c>
      <c r="GQ40" s="328">
        <v>0</v>
      </c>
      <c r="GR40" s="330">
        <v>0</v>
      </c>
      <c r="GS40" s="326">
        <v>0</v>
      </c>
      <c r="GT40" s="327">
        <v>0</v>
      </c>
      <c r="GU40" s="328">
        <v>0</v>
      </c>
      <c r="GV40" s="326">
        <v>0</v>
      </c>
      <c r="GW40" s="327">
        <v>0</v>
      </c>
      <c r="GX40" s="327">
        <v>0</v>
      </c>
      <c r="GY40" s="327">
        <v>0</v>
      </c>
      <c r="GZ40" s="327">
        <v>0</v>
      </c>
      <c r="HA40" s="327">
        <v>0</v>
      </c>
      <c r="HB40" s="331">
        <v>0</v>
      </c>
      <c r="HC40" s="330">
        <v>0</v>
      </c>
      <c r="HD40" s="326">
        <v>62056</v>
      </c>
      <c r="HE40" s="327">
        <v>0</v>
      </c>
      <c r="HF40" s="331">
        <v>62056</v>
      </c>
      <c r="HG40" s="332">
        <v>0</v>
      </c>
      <c r="HH40" s="327">
        <v>467072</v>
      </c>
      <c r="HI40" s="327">
        <v>193628</v>
      </c>
      <c r="HJ40" s="327">
        <v>130658</v>
      </c>
      <c r="HK40" s="327">
        <v>763800</v>
      </c>
      <c r="HL40" s="327">
        <v>0</v>
      </c>
      <c r="HM40" s="328">
        <v>1555158</v>
      </c>
      <c r="HN40" s="329">
        <v>1617214</v>
      </c>
      <c r="HO40" s="333">
        <v>0</v>
      </c>
      <c r="HP40" s="327">
        <v>0</v>
      </c>
      <c r="HQ40" s="328">
        <v>0</v>
      </c>
      <c r="HR40" s="326">
        <v>0</v>
      </c>
      <c r="HS40" s="327">
        <v>0</v>
      </c>
      <c r="HT40" s="327">
        <v>0</v>
      </c>
      <c r="HU40" s="327">
        <v>0</v>
      </c>
      <c r="HV40" s="327">
        <v>0</v>
      </c>
      <c r="HW40" s="327">
        <v>0</v>
      </c>
      <c r="HX40" s="331">
        <v>0</v>
      </c>
      <c r="HY40" s="330">
        <v>0</v>
      </c>
      <c r="HZ40" s="358">
        <v>0</v>
      </c>
      <c r="IA40" s="356">
        <v>0</v>
      </c>
      <c r="IB40" s="358">
        <v>0</v>
      </c>
      <c r="IC40" s="338">
        <v>0</v>
      </c>
      <c r="ID40" s="336">
        <v>0</v>
      </c>
      <c r="IE40" s="339">
        <v>491952</v>
      </c>
      <c r="IF40" s="337">
        <v>147448</v>
      </c>
      <c r="IG40" s="336">
        <v>0</v>
      </c>
      <c r="IH40" s="337">
        <v>0</v>
      </c>
      <c r="II40" s="340">
        <v>639400</v>
      </c>
      <c r="IJ40" s="358">
        <v>639400</v>
      </c>
      <c r="IK40" s="342">
        <v>0</v>
      </c>
      <c r="IL40" s="343">
        <v>0</v>
      </c>
      <c r="IM40" s="344">
        <v>0</v>
      </c>
      <c r="IN40" s="404">
        <v>0</v>
      </c>
      <c r="IO40" s="345">
        <v>0</v>
      </c>
      <c r="IP40" s="345">
        <v>0</v>
      </c>
      <c r="IQ40" s="345">
        <v>147448</v>
      </c>
      <c r="IR40" s="345">
        <v>0</v>
      </c>
      <c r="IS40" s="345">
        <v>0</v>
      </c>
      <c r="IT40" s="346">
        <v>147448</v>
      </c>
      <c r="IU40" s="347">
        <v>147448</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0</v>
      </c>
      <c r="JL40" s="345">
        <v>0</v>
      </c>
      <c r="JM40" s="345">
        <v>0</v>
      </c>
      <c r="JN40" s="345">
        <v>0</v>
      </c>
      <c r="JO40" s="345">
        <v>0</v>
      </c>
      <c r="JP40" s="349">
        <v>0</v>
      </c>
      <c r="JQ40" s="347">
        <v>0</v>
      </c>
      <c r="JR40" s="348">
        <v>0</v>
      </c>
      <c r="JS40" s="345">
        <v>0</v>
      </c>
      <c r="JT40" s="346">
        <v>0</v>
      </c>
      <c r="JU40" s="351">
        <v>0</v>
      </c>
      <c r="JV40" s="345">
        <v>0</v>
      </c>
      <c r="JW40" s="345">
        <v>0</v>
      </c>
      <c r="JX40" s="345">
        <v>0</v>
      </c>
      <c r="JY40" s="345">
        <v>0</v>
      </c>
      <c r="JZ40" s="345">
        <v>0</v>
      </c>
      <c r="KA40" s="349">
        <v>0</v>
      </c>
      <c r="KB40" s="347">
        <v>0</v>
      </c>
      <c r="KC40" s="352">
        <v>0</v>
      </c>
      <c r="KD40" s="353">
        <v>0</v>
      </c>
      <c r="KE40" s="349">
        <v>0</v>
      </c>
      <c r="KF40" s="351">
        <v>0</v>
      </c>
      <c r="KG40" s="345">
        <v>0</v>
      </c>
      <c r="KH40" s="345">
        <v>0</v>
      </c>
      <c r="KI40" s="345">
        <v>0</v>
      </c>
      <c r="KJ40" s="345">
        <v>0</v>
      </c>
      <c r="KK40" s="345">
        <v>0</v>
      </c>
      <c r="KL40" s="349">
        <v>0</v>
      </c>
      <c r="KM40" s="354">
        <v>0</v>
      </c>
      <c r="KN40" s="342">
        <v>0</v>
      </c>
      <c r="KO40" s="343">
        <v>0</v>
      </c>
      <c r="KP40" s="344">
        <v>0</v>
      </c>
      <c r="KQ40" s="404">
        <v>0</v>
      </c>
      <c r="KR40" s="345">
        <v>0</v>
      </c>
      <c r="KS40" s="345">
        <v>491952</v>
      </c>
      <c r="KT40" s="345">
        <v>0</v>
      </c>
      <c r="KU40" s="345">
        <v>0</v>
      </c>
      <c r="KV40" s="345">
        <v>0</v>
      </c>
      <c r="KW40" s="349">
        <v>491952</v>
      </c>
      <c r="KX40" s="347">
        <v>491952</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219880</v>
      </c>
      <c r="MK40" s="345">
        <v>0</v>
      </c>
      <c r="ML40" s="345">
        <v>539720</v>
      </c>
      <c r="MM40" s="345">
        <v>275160</v>
      </c>
      <c r="MN40" s="345">
        <v>847719</v>
      </c>
      <c r="MO40" s="349">
        <v>1882479</v>
      </c>
      <c r="MP40" s="354">
        <v>1882479</v>
      </c>
      <c r="MQ40" s="348">
        <v>0</v>
      </c>
      <c r="MR40" s="345">
        <v>0</v>
      </c>
      <c r="MS40" s="349">
        <v>0</v>
      </c>
      <c r="MT40" s="404">
        <v>0</v>
      </c>
      <c r="MU40" s="345">
        <v>0</v>
      </c>
      <c r="MV40" s="345">
        <v>0</v>
      </c>
      <c r="MW40" s="345">
        <v>0</v>
      </c>
      <c r="MX40" s="345">
        <v>275160</v>
      </c>
      <c r="MY40" s="345">
        <v>847719</v>
      </c>
      <c r="MZ40" s="349">
        <v>1122879</v>
      </c>
      <c r="NA40" s="354">
        <v>1122879</v>
      </c>
      <c r="NB40" s="348">
        <v>0</v>
      </c>
      <c r="NC40" s="345">
        <v>0</v>
      </c>
      <c r="ND40" s="349">
        <v>0</v>
      </c>
      <c r="NE40" s="404">
        <v>0</v>
      </c>
      <c r="NF40" s="345">
        <v>219880</v>
      </c>
      <c r="NG40" s="345">
        <v>0</v>
      </c>
      <c r="NH40" s="345">
        <v>539720</v>
      </c>
      <c r="NI40" s="345">
        <v>0</v>
      </c>
      <c r="NJ40" s="345">
        <v>0</v>
      </c>
      <c r="NK40" s="349">
        <v>759600</v>
      </c>
      <c r="NL40" s="347">
        <v>759600</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118024</v>
      </c>
      <c r="OJ40" s="345">
        <v>58680</v>
      </c>
      <c r="OK40" s="346">
        <v>176704</v>
      </c>
      <c r="OL40" s="351">
        <v>0</v>
      </c>
      <c r="OM40" s="345">
        <v>1410508</v>
      </c>
      <c r="ON40" s="345">
        <v>1386923</v>
      </c>
      <c r="OO40" s="345">
        <v>1178066</v>
      </c>
      <c r="OP40" s="345">
        <v>1097752</v>
      </c>
      <c r="OQ40" s="345">
        <v>1326775</v>
      </c>
      <c r="OR40" s="349">
        <v>6400024</v>
      </c>
      <c r="OS40" s="354">
        <v>6576728</v>
      </c>
    </row>
    <row r="41" spans="2:409" s="70" customFormat="1" ht="21" customHeight="1" x14ac:dyDescent="0.2">
      <c r="B41" s="410" t="s">
        <v>36</v>
      </c>
      <c r="C41" s="326">
        <v>17900</v>
      </c>
      <c r="D41" s="327">
        <v>73185</v>
      </c>
      <c r="E41" s="328">
        <v>91085</v>
      </c>
      <c r="F41" s="329">
        <v>0</v>
      </c>
      <c r="G41" s="327">
        <v>844801</v>
      </c>
      <c r="H41" s="327">
        <v>470362</v>
      </c>
      <c r="I41" s="327">
        <v>430314</v>
      </c>
      <c r="J41" s="327">
        <v>258320</v>
      </c>
      <c r="K41" s="327">
        <v>447944</v>
      </c>
      <c r="L41" s="367">
        <v>2451741</v>
      </c>
      <c r="M41" s="330">
        <v>2542826</v>
      </c>
      <c r="N41" s="326">
        <v>0</v>
      </c>
      <c r="O41" s="327">
        <v>20544</v>
      </c>
      <c r="P41" s="328">
        <v>20544</v>
      </c>
      <c r="Q41" s="326">
        <v>0</v>
      </c>
      <c r="R41" s="327">
        <v>212556</v>
      </c>
      <c r="S41" s="327">
        <v>48252</v>
      </c>
      <c r="T41" s="327">
        <v>148710</v>
      </c>
      <c r="U41" s="327">
        <v>230320</v>
      </c>
      <c r="V41" s="327">
        <v>421144</v>
      </c>
      <c r="W41" s="328">
        <v>1060982</v>
      </c>
      <c r="X41" s="330">
        <v>1081526</v>
      </c>
      <c r="Y41" s="326">
        <v>0</v>
      </c>
      <c r="Z41" s="327">
        <v>0</v>
      </c>
      <c r="AA41" s="328">
        <v>0</v>
      </c>
      <c r="AB41" s="326">
        <v>0</v>
      </c>
      <c r="AC41" s="327">
        <v>31012</v>
      </c>
      <c r="AD41" s="327">
        <v>0</v>
      </c>
      <c r="AE41" s="327">
        <v>0</v>
      </c>
      <c r="AF41" s="327">
        <v>211688</v>
      </c>
      <c r="AG41" s="327">
        <v>313372</v>
      </c>
      <c r="AH41" s="328">
        <v>556072</v>
      </c>
      <c r="AI41" s="330">
        <v>556072</v>
      </c>
      <c r="AJ41" s="326">
        <v>0</v>
      </c>
      <c r="AK41" s="327">
        <v>0</v>
      </c>
      <c r="AL41" s="328">
        <v>0</v>
      </c>
      <c r="AM41" s="326">
        <v>0</v>
      </c>
      <c r="AN41" s="327">
        <v>0</v>
      </c>
      <c r="AO41" s="327">
        <v>0</v>
      </c>
      <c r="AP41" s="327">
        <v>48301</v>
      </c>
      <c r="AQ41" s="327">
        <v>0</v>
      </c>
      <c r="AR41" s="327">
        <v>85804</v>
      </c>
      <c r="AS41" s="328">
        <v>134105</v>
      </c>
      <c r="AT41" s="330">
        <v>134105</v>
      </c>
      <c r="AU41" s="326">
        <v>0</v>
      </c>
      <c r="AV41" s="327">
        <v>20544</v>
      </c>
      <c r="AW41" s="328">
        <v>20544</v>
      </c>
      <c r="AX41" s="326">
        <v>0</v>
      </c>
      <c r="AY41" s="327">
        <v>114616</v>
      </c>
      <c r="AZ41" s="327">
        <v>0</v>
      </c>
      <c r="BA41" s="327">
        <v>40393</v>
      </c>
      <c r="BB41" s="327">
        <v>0</v>
      </c>
      <c r="BC41" s="327">
        <v>0</v>
      </c>
      <c r="BD41" s="328">
        <v>155009</v>
      </c>
      <c r="BE41" s="330">
        <v>175553</v>
      </c>
      <c r="BF41" s="326">
        <v>0</v>
      </c>
      <c r="BG41" s="327">
        <v>0</v>
      </c>
      <c r="BH41" s="331">
        <v>0</v>
      </c>
      <c r="BI41" s="332">
        <v>0</v>
      </c>
      <c r="BJ41" s="327">
        <v>21200</v>
      </c>
      <c r="BK41" s="327">
        <v>15900</v>
      </c>
      <c r="BL41" s="327">
        <v>0</v>
      </c>
      <c r="BM41" s="327">
        <v>0</v>
      </c>
      <c r="BN41" s="327">
        <v>0</v>
      </c>
      <c r="BO41" s="328">
        <v>37100</v>
      </c>
      <c r="BP41" s="330">
        <v>37100</v>
      </c>
      <c r="BQ41" s="326">
        <v>0</v>
      </c>
      <c r="BR41" s="327">
        <v>0</v>
      </c>
      <c r="BS41" s="328">
        <v>0</v>
      </c>
      <c r="BT41" s="326">
        <v>0</v>
      </c>
      <c r="BU41" s="327">
        <v>45728</v>
      </c>
      <c r="BV41" s="327">
        <v>32352</v>
      </c>
      <c r="BW41" s="327">
        <v>60016</v>
      </c>
      <c r="BX41" s="327">
        <v>18632</v>
      </c>
      <c r="BY41" s="327">
        <v>21968</v>
      </c>
      <c r="BZ41" s="328">
        <v>178696</v>
      </c>
      <c r="CA41" s="330">
        <v>178696</v>
      </c>
      <c r="CB41" s="326">
        <v>0</v>
      </c>
      <c r="CC41" s="327">
        <v>38241</v>
      </c>
      <c r="CD41" s="328">
        <v>38241</v>
      </c>
      <c r="CE41" s="326">
        <v>0</v>
      </c>
      <c r="CF41" s="327">
        <v>99557</v>
      </c>
      <c r="CG41" s="327">
        <v>160728</v>
      </c>
      <c r="CH41" s="327">
        <v>0</v>
      </c>
      <c r="CI41" s="327">
        <v>0</v>
      </c>
      <c r="CJ41" s="327">
        <v>0</v>
      </c>
      <c r="CK41" s="328">
        <v>260285</v>
      </c>
      <c r="CL41" s="330">
        <v>298526</v>
      </c>
      <c r="CM41" s="326">
        <v>0</v>
      </c>
      <c r="CN41" s="327">
        <v>0</v>
      </c>
      <c r="CO41" s="328">
        <v>0</v>
      </c>
      <c r="CP41" s="332">
        <v>0</v>
      </c>
      <c r="CQ41" s="327">
        <v>0</v>
      </c>
      <c r="CR41" s="327">
        <v>94146</v>
      </c>
      <c r="CS41" s="327">
        <v>0</v>
      </c>
      <c r="CT41" s="327">
        <v>0</v>
      </c>
      <c r="CU41" s="327">
        <v>0</v>
      </c>
      <c r="CV41" s="328">
        <v>94146</v>
      </c>
      <c r="CW41" s="330">
        <v>94146</v>
      </c>
      <c r="CX41" s="326">
        <v>0</v>
      </c>
      <c r="CY41" s="327">
        <v>38241</v>
      </c>
      <c r="CZ41" s="328">
        <v>38241</v>
      </c>
      <c r="DA41" s="326">
        <v>0</v>
      </c>
      <c r="DB41" s="327">
        <v>99557</v>
      </c>
      <c r="DC41" s="327">
        <v>66582</v>
      </c>
      <c r="DD41" s="327">
        <v>0</v>
      </c>
      <c r="DE41" s="327">
        <v>0</v>
      </c>
      <c r="DF41" s="327">
        <v>0</v>
      </c>
      <c r="DG41" s="328">
        <v>166139</v>
      </c>
      <c r="DH41" s="330">
        <v>204380</v>
      </c>
      <c r="DI41" s="326">
        <v>13900</v>
      </c>
      <c r="DJ41" s="327">
        <v>0</v>
      </c>
      <c r="DK41" s="331">
        <v>13900</v>
      </c>
      <c r="DL41" s="332">
        <v>0</v>
      </c>
      <c r="DM41" s="327">
        <v>0</v>
      </c>
      <c r="DN41" s="327">
        <v>23572</v>
      </c>
      <c r="DO41" s="327">
        <v>0</v>
      </c>
      <c r="DP41" s="327">
        <v>0</v>
      </c>
      <c r="DQ41" s="327">
        <v>0</v>
      </c>
      <c r="DR41" s="328">
        <v>23572</v>
      </c>
      <c r="DS41" s="330">
        <v>37472</v>
      </c>
      <c r="DT41" s="326">
        <v>13900</v>
      </c>
      <c r="DU41" s="327">
        <v>0</v>
      </c>
      <c r="DV41" s="328">
        <v>13900</v>
      </c>
      <c r="DW41" s="326">
        <v>0</v>
      </c>
      <c r="DX41" s="327">
        <v>0</v>
      </c>
      <c r="DY41" s="327">
        <v>23572</v>
      </c>
      <c r="DZ41" s="327">
        <v>0</v>
      </c>
      <c r="EA41" s="327">
        <v>0</v>
      </c>
      <c r="EB41" s="327">
        <v>0</v>
      </c>
      <c r="EC41" s="328">
        <v>23572</v>
      </c>
      <c r="ED41" s="330">
        <v>37472</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4000</v>
      </c>
      <c r="FM41" s="327">
        <v>14400</v>
      </c>
      <c r="FN41" s="328">
        <v>18400</v>
      </c>
      <c r="FO41" s="326">
        <v>0</v>
      </c>
      <c r="FP41" s="327">
        <v>52288</v>
      </c>
      <c r="FQ41" s="327">
        <v>58784</v>
      </c>
      <c r="FR41" s="327">
        <v>52040</v>
      </c>
      <c r="FS41" s="327">
        <v>28000</v>
      </c>
      <c r="FT41" s="327">
        <v>26800</v>
      </c>
      <c r="FU41" s="328">
        <v>217912</v>
      </c>
      <c r="FV41" s="330">
        <v>236312</v>
      </c>
      <c r="FW41" s="333">
        <v>4000</v>
      </c>
      <c r="FX41" s="327">
        <v>14400</v>
      </c>
      <c r="FY41" s="331">
        <v>18400</v>
      </c>
      <c r="FZ41" s="332">
        <v>0</v>
      </c>
      <c r="GA41" s="327">
        <v>52288</v>
      </c>
      <c r="GB41" s="327">
        <v>58784</v>
      </c>
      <c r="GC41" s="327">
        <v>22600</v>
      </c>
      <c r="GD41" s="327">
        <v>28000</v>
      </c>
      <c r="GE41" s="327">
        <v>26800</v>
      </c>
      <c r="GF41" s="328">
        <v>188472</v>
      </c>
      <c r="GG41" s="334">
        <v>206872</v>
      </c>
      <c r="GH41" s="333">
        <v>0</v>
      </c>
      <c r="GI41" s="327">
        <v>0</v>
      </c>
      <c r="GJ41" s="331">
        <v>0</v>
      </c>
      <c r="GK41" s="332">
        <v>0</v>
      </c>
      <c r="GL41" s="327">
        <v>0</v>
      </c>
      <c r="GM41" s="327">
        <v>0</v>
      </c>
      <c r="GN41" s="327">
        <v>0</v>
      </c>
      <c r="GO41" s="327">
        <v>0</v>
      </c>
      <c r="GP41" s="327">
        <v>0</v>
      </c>
      <c r="GQ41" s="328">
        <v>0</v>
      </c>
      <c r="GR41" s="330">
        <v>0</v>
      </c>
      <c r="GS41" s="326">
        <v>0</v>
      </c>
      <c r="GT41" s="327">
        <v>0</v>
      </c>
      <c r="GU41" s="328">
        <v>0</v>
      </c>
      <c r="GV41" s="326">
        <v>0</v>
      </c>
      <c r="GW41" s="327">
        <v>0</v>
      </c>
      <c r="GX41" s="327">
        <v>0</v>
      </c>
      <c r="GY41" s="327">
        <v>29440</v>
      </c>
      <c r="GZ41" s="327">
        <v>0</v>
      </c>
      <c r="HA41" s="327">
        <v>0</v>
      </c>
      <c r="HB41" s="331">
        <v>29440</v>
      </c>
      <c r="HC41" s="330">
        <v>29440</v>
      </c>
      <c r="HD41" s="326">
        <v>0</v>
      </c>
      <c r="HE41" s="327">
        <v>0</v>
      </c>
      <c r="HF41" s="331">
        <v>0</v>
      </c>
      <c r="HG41" s="332">
        <v>0</v>
      </c>
      <c r="HH41" s="327">
        <v>480400</v>
      </c>
      <c r="HI41" s="327">
        <v>179026</v>
      </c>
      <c r="HJ41" s="327">
        <v>229564</v>
      </c>
      <c r="HK41" s="327">
        <v>0</v>
      </c>
      <c r="HL41" s="327">
        <v>0</v>
      </c>
      <c r="HM41" s="328">
        <v>888990</v>
      </c>
      <c r="HN41" s="329">
        <v>888990</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117038</v>
      </c>
      <c r="IE41" s="339">
        <v>9638</v>
      </c>
      <c r="IF41" s="337">
        <v>0</v>
      </c>
      <c r="IG41" s="336">
        <v>61562</v>
      </c>
      <c r="IH41" s="337">
        <v>0</v>
      </c>
      <c r="II41" s="340">
        <v>188238</v>
      </c>
      <c r="IJ41" s="341">
        <v>188238</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117038</v>
      </c>
      <c r="JL41" s="345">
        <v>9638</v>
      </c>
      <c r="JM41" s="345">
        <v>0</v>
      </c>
      <c r="JN41" s="345">
        <v>0</v>
      </c>
      <c r="JO41" s="345">
        <v>0</v>
      </c>
      <c r="JP41" s="349">
        <v>126676</v>
      </c>
      <c r="JQ41" s="347">
        <v>126676</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0</v>
      </c>
      <c r="KI41" s="345">
        <v>0</v>
      </c>
      <c r="KJ41" s="345">
        <v>0</v>
      </c>
      <c r="KK41" s="345">
        <v>0</v>
      </c>
      <c r="KL41" s="349">
        <v>0</v>
      </c>
      <c r="KM41" s="354">
        <v>0</v>
      </c>
      <c r="KN41" s="342">
        <v>0</v>
      </c>
      <c r="KO41" s="343">
        <v>0</v>
      </c>
      <c r="KP41" s="344">
        <v>0</v>
      </c>
      <c r="KQ41" s="404">
        <v>0</v>
      </c>
      <c r="KR41" s="345">
        <v>0</v>
      </c>
      <c r="KS41" s="345">
        <v>0</v>
      </c>
      <c r="KT41" s="345">
        <v>0</v>
      </c>
      <c r="KU41" s="345">
        <v>61562</v>
      </c>
      <c r="KV41" s="345">
        <v>0</v>
      </c>
      <c r="KW41" s="349">
        <v>61562</v>
      </c>
      <c r="KX41" s="347">
        <v>61562</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538448</v>
      </c>
      <c r="MM41" s="345">
        <v>960508</v>
      </c>
      <c r="MN41" s="345">
        <v>641794</v>
      </c>
      <c r="MO41" s="349">
        <v>2140750</v>
      </c>
      <c r="MP41" s="354">
        <v>2140750</v>
      </c>
      <c r="MQ41" s="348">
        <v>0</v>
      </c>
      <c r="MR41" s="345">
        <v>0</v>
      </c>
      <c r="MS41" s="349">
        <v>0</v>
      </c>
      <c r="MT41" s="404">
        <v>0</v>
      </c>
      <c r="MU41" s="345">
        <v>0</v>
      </c>
      <c r="MV41" s="345">
        <v>0</v>
      </c>
      <c r="MW41" s="345">
        <v>267033</v>
      </c>
      <c r="MX41" s="345">
        <v>553896</v>
      </c>
      <c r="MY41" s="345">
        <v>0</v>
      </c>
      <c r="MZ41" s="349">
        <v>820929</v>
      </c>
      <c r="NA41" s="354">
        <v>820929</v>
      </c>
      <c r="NB41" s="348">
        <v>0</v>
      </c>
      <c r="NC41" s="345">
        <v>0</v>
      </c>
      <c r="ND41" s="349">
        <v>0</v>
      </c>
      <c r="NE41" s="404">
        <v>0</v>
      </c>
      <c r="NF41" s="345">
        <v>0</v>
      </c>
      <c r="NG41" s="345">
        <v>0</v>
      </c>
      <c r="NH41" s="345">
        <v>271415</v>
      </c>
      <c r="NI41" s="345">
        <v>406612</v>
      </c>
      <c r="NJ41" s="345">
        <v>641794</v>
      </c>
      <c r="NK41" s="349">
        <v>1319821</v>
      </c>
      <c r="NL41" s="347">
        <v>1319821</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0</v>
      </c>
      <c r="OF41" s="345">
        <v>0</v>
      </c>
      <c r="OG41" s="349">
        <v>0</v>
      </c>
      <c r="OH41" s="350">
        <v>0</v>
      </c>
      <c r="OI41" s="348">
        <v>17900</v>
      </c>
      <c r="OJ41" s="345">
        <v>73185</v>
      </c>
      <c r="OK41" s="346">
        <v>91085</v>
      </c>
      <c r="OL41" s="351">
        <v>0</v>
      </c>
      <c r="OM41" s="345">
        <v>961839</v>
      </c>
      <c r="ON41" s="345">
        <v>480000</v>
      </c>
      <c r="OO41" s="345">
        <v>968762</v>
      </c>
      <c r="OP41" s="345">
        <v>1280390</v>
      </c>
      <c r="OQ41" s="345">
        <v>1089738</v>
      </c>
      <c r="OR41" s="349">
        <v>4780729</v>
      </c>
      <c r="OS41" s="354">
        <v>4871814</v>
      </c>
    </row>
    <row r="42" spans="2:409" s="70" customFormat="1" ht="21" customHeight="1" thickBot="1" x14ac:dyDescent="0.25">
      <c r="B42" s="411" t="s">
        <v>37</v>
      </c>
      <c r="C42" s="371">
        <v>0</v>
      </c>
      <c r="D42" s="372">
        <v>0</v>
      </c>
      <c r="E42" s="373">
        <v>0</v>
      </c>
      <c r="F42" s="374">
        <v>0</v>
      </c>
      <c r="G42" s="372">
        <v>19333</v>
      </c>
      <c r="H42" s="372">
        <v>60058</v>
      </c>
      <c r="I42" s="372">
        <v>0</v>
      </c>
      <c r="J42" s="372">
        <v>0</v>
      </c>
      <c r="K42" s="372">
        <v>0</v>
      </c>
      <c r="L42" s="374">
        <v>79391</v>
      </c>
      <c r="M42" s="375">
        <v>79391</v>
      </c>
      <c r="N42" s="371">
        <v>0</v>
      </c>
      <c r="O42" s="372">
        <v>0</v>
      </c>
      <c r="P42" s="373">
        <v>0</v>
      </c>
      <c r="Q42" s="371">
        <v>0</v>
      </c>
      <c r="R42" s="372">
        <v>0</v>
      </c>
      <c r="S42" s="372">
        <v>0</v>
      </c>
      <c r="T42" s="372">
        <v>0</v>
      </c>
      <c r="U42" s="372">
        <v>0</v>
      </c>
      <c r="V42" s="372">
        <v>0</v>
      </c>
      <c r="W42" s="373">
        <v>0</v>
      </c>
      <c r="X42" s="375">
        <v>0</v>
      </c>
      <c r="Y42" s="371">
        <v>0</v>
      </c>
      <c r="Z42" s="372">
        <v>0</v>
      </c>
      <c r="AA42" s="373">
        <v>0</v>
      </c>
      <c r="AB42" s="371">
        <v>0</v>
      </c>
      <c r="AC42" s="372">
        <v>0</v>
      </c>
      <c r="AD42" s="372">
        <v>0</v>
      </c>
      <c r="AE42" s="372">
        <v>0</v>
      </c>
      <c r="AF42" s="372">
        <v>0</v>
      </c>
      <c r="AG42" s="372">
        <v>0</v>
      </c>
      <c r="AH42" s="373">
        <v>0</v>
      </c>
      <c r="AI42" s="375">
        <v>0</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0</v>
      </c>
      <c r="BA42" s="372">
        <v>0</v>
      </c>
      <c r="BB42" s="372">
        <v>0</v>
      </c>
      <c r="BC42" s="372">
        <v>0</v>
      </c>
      <c r="BD42" s="373">
        <v>0</v>
      </c>
      <c r="BE42" s="375">
        <v>0</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0</v>
      </c>
      <c r="BZ42" s="373">
        <v>0</v>
      </c>
      <c r="CA42" s="375">
        <v>0</v>
      </c>
      <c r="CB42" s="371">
        <v>0</v>
      </c>
      <c r="CC42" s="372">
        <v>0</v>
      </c>
      <c r="CD42" s="373">
        <v>0</v>
      </c>
      <c r="CE42" s="371">
        <v>0</v>
      </c>
      <c r="CF42" s="372">
        <v>18133</v>
      </c>
      <c r="CG42" s="372">
        <v>90018</v>
      </c>
      <c r="CH42" s="372">
        <v>0</v>
      </c>
      <c r="CI42" s="372">
        <v>0</v>
      </c>
      <c r="CJ42" s="372">
        <v>0</v>
      </c>
      <c r="CK42" s="373">
        <v>108151</v>
      </c>
      <c r="CL42" s="375">
        <v>108151</v>
      </c>
      <c r="CM42" s="371">
        <v>0</v>
      </c>
      <c r="CN42" s="372">
        <v>0</v>
      </c>
      <c r="CO42" s="373">
        <v>0</v>
      </c>
      <c r="CP42" s="377">
        <v>0</v>
      </c>
      <c r="CQ42" s="372">
        <v>0</v>
      </c>
      <c r="CR42" s="372">
        <v>0</v>
      </c>
      <c r="CS42" s="372">
        <v>0</v>
      </c>
      <c r="CT42" s="372">
        <v>0</v>
      </c>
      <c r="CU42" s="372">
        <v>0</v>
      </c>
      <c r="CV42" s="373">
        <v>0</v>
      </c>
      <c r="CW42" s="375">
        <v>0</v>
      </c>
      <c r="CX42" s="371">
        <v>0</v>
      </c>
      <c r="CY42" s="372">
        <v>0</v>
      </c>
      <c r="CZ42" s="373">
        <v>0</v>
      </c>
      <c r="DA42" s="371">
        <v>0</v>
      </c>
      <c r="DB42" s="372">
        <v>18133</v>
      </c>
      <c r="DC42" s="372">
        <v>90018</v>
      </c>
      <c r="DD42" s="372">
        <v>0</v>
      </c>
      <c r="DE42" s="372">
        <v>0</v>
      </c>
      <c r="DF42" s="372">
        <v>0</v>
      </c>
      <c r="DG42" s="373">
        <v>108151</v>
      </c>
      <c r="DH42" s="375">
        <v>108151</v>
      </c>
      <c r="DI42" s="371">
        <v>0</v>
      </c>
      <c r="DJ42" s="372">
        <v>0</v>
      </c>
      <c r="DK42" s="376">
        <v>0</v>
      </c>
      <c r="DL42" s="377">
        <v>0</v>
      </c>
      <c r="DM42" s="372">
        <v>0</v>
      </c>
      <c r="DN42" s="372">
        <v>0</v>
      </c>
      <c r="DO42" s="372">
        <v>0</v>
      </c>
      <c r="DP42" s="372">
        <v>0</v>
      </c>
      <c r="DQ42" s="372">
        <v>0</v>
      </c>
      <c r="DR42" s="373">
        <v>0</v>
      </c>
      <c r="DS42" s="375">
        <v>0</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0</v>
      </c>
      <c r="EN42" s="376">
        <v>0</v>
      </c>
      <c r="EO42" s="375">
        <v>0</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0</v>
      </c>
      <c r="FM42" s="372">
        <v>0</v>
      </c>
      <c r="FN42" s="373">
        <v>0</v>
      </c>
      <c r="FO42" s="371">
        <v>0</v>
      </c>
      <c r="FP42" s="372">
        <v>1200</v>
      </c>
      <c r="FQ42" s="372">
        <v>-29960</v>
      </c>
      <c r="FR42" s="372">
        <v>0</v>
      </c>
      <c r="FS42" s="372">
        <v>0</v>
      </c>
      <c r="FT42" s="372">
        <v>0</v>
      </c>
      <c r="FU42" s="373">
        <v>-28760</v>
      </c>
      <c r="FV42" s="375">
        <v>-28760</v>
      </c>
      <c r="FW42" s="378">
        <v>0</v>
      </c>
      <c r="FX42" s="372">
        <v>0</v>
      </c>
      <c r="FY42" s="376">
        <v>0</v>
      </c>
      <c r="FZ42" s="377">
        <v>0</v>
      </c>
      <c r="GA42" s="372">
        <v>1200</v>
      </c>
      <c r="GB42" s="372">
        <v>-29960</v>
      </c>
      <c r="GC42" s="372">
        <v>0</v>
      </c>
      <c r="GD42" s="372">
        <v>0</v>
      </c>
      <c r="GE42" s="372">
        <v>0</v>
      </c>
      <c r="GF42" s="373">
        <v>-28760</v>
      </c>
      <c r="GG42" s="379">
        <v>-28760</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0</v>
      </c>
      <c r="II42" s="387">
        <v>0</v>
      </c>
      <c r="IJ42" s="388">
        <v>0</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0</v>
      </c>
      <c r="JP42" s="396">
        <v>0</v>
      </c>
      <c r="JQ42" s="394">
        <v>0</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241905</v>
      </c>
      <c r="MM42" s="392">
        <v>0</v>
      </c>
      <c r="MN42" s="392">
        <v>0</v>
      </c>
      <c r="MO42" s="396">
        <v>241905</v>
      </c>
      <c r="MP42" s="401">
        <v>241905</v>
      </c>
      <c r="MQ42" s="395">
        <v>0</v>
      </c>
      <c r="MR42" s="392">
        <v>0</v>
      </c>
      <c r="MS42" s="396">
        <v>0</v>
      </c>
      <c r="MT42" s="405">
        <v>0</v>
      </c>
      <c r="MU42" s="392">
        <v>0</v>
      </c>
      <c r="MV42" s="392">
        <v>0</v>
      </c>
      <c r="MW42" s="392">
        <v>241905</v>
      </c>
      <c r="MX42" s="392">
        <v>0</v>
      </c>
      <c r="MY42" s="392">
        <v>0</v>
      </c>
      <c r="MZ42" s="396">
        <v>241905</v>
      </c>
      <c r="NA42" s="401">
        <v>241905</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19333</v>
      </c>
      <c r="ON42" s="392">
        <v>60058</v>
      </c>
      <c r="OO42" s="392">
        <v>241905</v>
      </c>
      <c r="OP42" s="392">
        <v>0</v>
      </c>
      <c r="OQ42" s="392">
        <v>0</v>
      </c>
      <c r="OR42" s="396">
        <v>321296</v>
      </c>
      <c r="OS42" s="401">
        <v>321296</v>
      </c>
    </row>
    <row r="43" spans="2:409" x14ac:dyDescent="0.2">
      <c r="B43" s="71"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777343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8.21875"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2:409" ht="24" customHeight="1" x14ac:dyDescent="0.2">
      <c r="B1" s="10" t="s">
        <v>133</v>
      </c>
      <c r="E1" s="63">
        <f>第１表!F2</f>
        <v>6</v>
      </c>
      <c r="F1" s="579">
        <f>第１表!G2</f>
        <v>12</v>
      </c>
      <c r="G1" s="529">
        <f>IF(F1&lt;3,F1-2+12,F1-2)</f>
        <v>10</v>
      </c>
      <c r="H1" s="529"/>
      <c r="IB1" s="42"/>
      <c r="IC1" s="22"/>
      <c r="ID1" s="540"/>
      <c r="IE1" s="540"/>
    </row>
    <row r="2" spans="2:409" ht="24" customHeight="1" x14ac:dyDescent="0.2">
      <c r="B2" s="10" t="s">
        <v>144</v>
      </c>
      <c r="E2" s="19"/>
      <c r="F2" s="20"/>
      <c r="G2" s="248"/>
      <c r="H2" s="248"/>
      <c r="IB2" s="21"/>
      <c r="IC2" s="22"/>
      <c r="ID2" s="248"/>
      <c r="IE2" s="248"/>
    </row>
    <row r="3" spans="2:409" ht="24" customHeight="1" thickBot="1" x14ac:dyDescent="0.25">
      <c r="B3" s="10" t="s">
        <v>153</v>
      </c>
    </row>
    <row r="4" spans="2:409" ht="21" customHeight="1" thickBot="1" x14ac:dyDescent="0.25">
      <c r="B4" s="545" t="s">
        <v>42</v>
      </c>
      <c r="C4" s="548" t="s">
        <v>63</v>
      </c>
      <c r="D4" s="548"/>
      <c r="E4" s="548"/>
      <c r="F4" s="548"/>
      <c r="G4" s="548"/>
      <c r="H4" s="548"/>
      <c r="I4" s="548"/>
      <c r="J4" s="548"/>
      <c r="K4" s="548"/>
      <c r="L4" s="548"/>
      <c r="M4" s="548"/>
      <c r="N4" s="506"/>
      <c r="O4" s="506"/>
      <c r="P4" s="506"/>
      <c r="Q4" s="506"/>
      <c r="R4" s="506"/>
      <c r="S4" s="506"/>
      <c r="T4" s="506"/>
      <c r="U4" s="506"/>
      <c r="V4" s="506"/>
      <c r="W4" s="506"/>
      <c r="X4" s="506"/>
      <c r="Y4" s="506"/>
      <c r="Z4" s="506"/>
      <c r="AA4" s="506"/>
      <c r="AB4" s="506"/>
      <c r="AC4" s="506"/>
      <c r="AD4" s="506"/>
      <c r="AE4" s="506"/>
      <c r="AF4" s="506"/>
      <c r="AG4" s="506"/>
      <c r="AH4" s="506"/>
      <c r="AI4" s="506"/>
      <c r="AJ4" s="506"/>
      <c r="AK4" s="506"/>
      <c r="AL4" s="506"/>
      <c r="AM4" s="506"/>
      <c r="AN4" s="506"/>
      <c r="AO4" s="506"/>
      <c r="AP4" s="506"/>
      <c r="AQ4" s="506"/>
      <c r="AR4" s="506"/>
      <c r="AS4" s="506"/>
      <c r="AT4" s="506"/>
      <c r="AU4" s="506"/>
      <c r="AV4" s="506"/>
      <c r="AW4" s="506"/>
      <c r="AX4" s="506"/>
      <c r="AY4" s="506"/>
      <c r="AZ4" s="506"/>
      <c r="BA4" s="506"/>
      <c r="BB4" s="506"/>
      <c r="BC4" s="506"/>
      <c r="BD4" s="506"/>
      <c r="BE4" s="506"/>
      <c r="BF4" s="506"/>
      <c r="BG4" s="506"/>
      <c r="BH4" s="506"/>
      <c r="BI4" s="506"/>
      <c r="BJ4" s="506"/>
      <c r="BK4" s="506"/>
      <c r="BL4" s="506"/>
      <c r="BM4" s="506"/>
      <c r="BN4" s="506"/>
      <c r="BO4" s="506"/>
      <c r="BP4" s="506"/>
      <c r="BQ4" s="506"/>
      <c r="BR4" s="506"/>
      <c r="BS4" s="506"/>
      <c r="BT4" s="506"/>
      <c r="BU4" s="506"/>
      <c r="BV4" s="506"/>
      <c r="BW4" s="506"/>
      <c r="BX4" s="506"/>
      <c r="BY4" s="506"/>
      <c r="BZ4" s="506"/>
      <c r="CA4" s="506"/>
      <c r="CB4" s="506"/>
      <c r="CC4" s="506"/>
      <c r="CD4" s="506"/>
      <c r="CE4" s="506"/>
      <c r="CF4" s="506"/>
      <c r="CG4" s="506"/>
      <c r="CH4" s="506"/>
      <c r="CI4" s="506"/>
      <c r="CJ4" s="506"/>
      <c r="CK4" s="506"/>
      <c r="CL4" s="506"/>
      <c r="CM4" s="506"/>
      <c r="CN4" s="506"/>
      <c r="CO4" s="506"/>
      <c r="CP4" s="506"/>
      <c r="CQ4" s="506"/>
      <c r="CR4" s="506"/>
      <c r="CS4" s="506"/>
      <c r="CT4" s="506"/>
      <c r="CU4" s="506"/>
      <c r="CV4" s="506"/>
      <c r="CW4" s="506"/>
      <c r="CX4" s="506"/>
      <c r="CY4" s="506"/>
      <c r="CZ4" s="506"/>
      <c r="DA4" s="506"/>
      <c r="DB4" s="506"/>
      <c r="DC4" s="506"/>
      <c r="DD4" s="506"/>
      <c r="DE4" s="506"/>
      <c r="DF4" s="506"/>
      <c r="DG4" s="506"/>
      <c r="DH4" s="506"/>
      <c r="DI4" s="506"/>
      <c r="DJ4" s="506"/>
      <c r="DK4" s="506"/>
      <c r="DL4" s="506"/>
      <c r="DM4" s="506"/>
      <c r="DN4" s="506"/>
      <c r="DO4" s="506"/>
      <c r="DP4" s="506"/>
      <c r="DQ4" s="506"/>
      <c r="DR4" s="506"/>
      <c r="DS4" s="506"/>
      <c r="DT4" s="506"/>
      <c r="DU4" s="506"/>
      <c r="DV4" s="506"/>
      <c r="DW4" s="506"/>
      <c r="DX4" s="506"/>
      <c r="DY4" s="506"/>
      <c r="DZ4" s="506"/>
      <c r="EA4" s="506"/>
      <c r="EB4" s="506"/>
      <c r="EC4" s="506"/>
      <c r="ED4" s="506"/>
      <c r="EE4" s="506"/>
      <c r="EF4" s="506"/>
      <c r="EG4" s="506"/>
      <c r="EH4" s="506"/>
      <c r="EI4" s="506"/>
      <c r="EJ4" s="506"/>
      <c r="EK4" s="506"/>
      <c r="EL4" s="506"/>
      <c r="EM4" s="506"/>
      <c r="EN4" s="506"/>
      <c r="EO4" s="506"/>
      <c r="EP4" s="506"/>
      <c r="EQ4" s="506"/>
      <c r="ER4" s="506"/>
      <c r="ES4" s="506"/>
      <c r="ET4" s="506"/>
      <c r="EU4" s="506"/>
      <c r="EV4" s="506"/>
      <c r="EW4" s="506"/>
      <c r="EX4" s="506"/>
      <c r="EY4" s="506"/>
      <c r="EZ4" s="506"/>
      <c r="FA4" s="506"/>
      <c r="FB4" s="506"/>
      <c r="FC4" s="506"/>
      <c r="FD4" s="506"/>
      <c r="FE4" s="506"/>
      <c r="FF4" s="506"/>
      <c r="FG4" s="506"/>
      <c r="FH4" s="506"/>
      <c r="FI4" s="506"/>
      <c r="FJ4" s="506"/>
      <c r="FK4" s="506"/>
      <c r="FL4" s="506"/>
      <c r="FM4" s="506"/>
      <c r="FN4" s="506"/>
      <c r="FO4" s="506"/>
      <c r="FP4" s="506"/>
      <c r="FQ4" s="506"/>
      <c r="FR4" s="506"/>
      <c r="FS4" s="506"/>
      <c r="FT4" s="506"/>
      <c r="FU4" s="506"/>
      <c r="FV4" s="506"/>
      <c r="FW4" s="506"/>
      <c r="FX4" s="506"/>
      <c r="FY4" s="506"/>
      <c r="FZ4" s="506"/>
      <c r="GA4" s="506"/>
      <c r="GB4" s="506"/>
      <c r="GC4" s="506"/>
      <c r="GD4" s="506"/>
      <c r="GE4" s="506"/>
      <c r="GF4" s="506"/>
      <c r="GG4" s="506"/>
      <c r="GH4" s="506"/>
      <c r="GI4" s="506"/>
      <c r="GJ4" s="506"/>
      <c r="GK4" s="506"/>
      <c r="GL4" s="506"/>
      <c r="GM4" s="506"/>
      <c r="GN4" s="506"/>
      <c r="GO4" s="506"/>
      <c r="GP4" s="506"/>
      <c r="GQ4" s="506"/>
      <c r="GR4" s="506"/>
      <c r="GS4" s="506"/>
      <c r="GT4" s="506"/>
      <c r="GU4" s="506"/>
      <c r="GV4" s="506"/>
      <c r="GW4" s="506"/>
      <c r="GX4" s="506"/>
      <c r="GY4" s="506"/>
      <c r="GZ4" s="506"/>
      <c r="HA4" s="506"/>
      <c r="HB4" s="506"/>
      <c r="HC4" s="506"/>
      <c r="HD4" s="506"/>
      <c r="HE4" s="506"/>
      <c r="HF4" s="506"/>
      <c r="HG4" s="506"/>
      <c r="HH4" s="506"/>
      <c r="HI4" s="506"/>
      <c r="HJ4" s="506"/>
      <c r="HK4" s="506"/>
      <c r="HL4" s="506"/>
      <c r="HM4" s="506"/>
      <c r="HN4" s="506"/>
      <c r="HO4" s="506"/>
      <c r="HP4" s="506"/>
      <c r="HQ4" s="506"/>
      <c r="HR4" s="506"/>
      <c r="HS4" s="506"/>
      <c r="HT4" s="506"/>
      <c r="HU4" s="506"/>
      <c r="HV4" s="506"/>
      <c r="HW4" s="506"/>
      <c r="HX4" s="506"/>
      <c r="HY4" s="507"/>
      <c r="HZ4" s="437" t="s">
        <v>85</v>
      </c>
      <c r="IA4" s="438"/>
      <c r="IB4" s="438"/>
      <c r="IC4" s="438"/>
      <c r="ID4" s="438"/>
      <c r="IE4" s="438"/>
      <c r="IF4" s="438"/>
      <c r="IG4" s="438"/>
      <c r="IH4" s="438"/>
      <c r="II4" s="438"/>
      <c r="IJ4" s="438"/>
      <c r="IK4" s="438"/>
      <c r="IL4" s="438"/>
      <c r="IM4" s="438"/>
      <c r="IN4" s="438"/>
      <c r="IO4" s="438"/>
      <c r="IP4" s="438"/>
      <c r="IQ4" s="438"/>
      <c r="IR4" s="438"/>
      <c r="IS4" s="438"/>
      <c r="IT4" s="438"/>
      <c r="IU4" s="438"/>
      <c r="IV4" s="438"/>
      <c r="IW4" s="438"/>
      <c r="IX4" s="438"/>
      <c r="IY4" s="438"/>
      <c r="IZ4" s="438"/>
      <c r="JA4" s="438"/>
      <c r="JB4" s="438"/>
      <c r="JC4" s="438"/>
      <c r="JD4" s="438"/>
      <c r="JE4" s="438"/>
      <c r="JF4" s="438"/>
      <c r="JG4" s="438"/>
      <c r="JH4" s="438"/>
      <c r="JI4" s="438"/>
      <c r="JJ4" s="438"/>
      <c r="JK4" s="438"/>
      <c r="JL4" s="438"/>
      <c r="JM4" s="438"/>
      <c r="JN4" s="438"/>
      <c r="JO4" s="438"/>
      <c r="JP4" s="438"/>
      <c r="JQ4" s="438"/>
      <c r="JR4" s="438"/>
      <c r="JS4" s="438"/>
      <c r="JT4" s="438"/>
      <c r="JU4" s="438"/>
      <c r="JV4" s="438"/>
      <c r="JW4" s="438"/>
      <c r="JX4" s="438"/>
      <c r="JY4" s="438"/>
      <c r="JZ4" s="438"/>
      <c r="KA4" s="438"/>
      <c r="KB4" s="438"/>
      <c r="KC4" s="438"/>
      <c r="KD4" s="438"/>
      <c r="KE4" s="438"/>
      <c r="KF4" s="438"/>
      <c r="KG4" s="438"/>
      <c r="KH4" s="438"/>
      <c r="KI4" s="438"/>
      <c r="KJ4" s="438"/>
      <c r="KK4" s="438"/>
      <c r="KL4" s="438"/>
      <c r="KM4" s="438"/>
      <c r="KN4" s="438"/>
      <c r="KO4" s="438"/>
      <c r="KP4" s="438"/>
      <c r="KQ4" s="438"/>
      <c r="KR4" s="438"/>
      <c r="KS4" s="438"/>
      <c r="KT4" s="438"/>
      <c r="KU4" s="438"/>
      <c r="KV4" s="438"/>
      <c r="KW4" s="438"/>
      <c r="KX4" s="438"/>
      <c r="KY4" s="438"/>
      <c r="KZ4" s="438"/>
      <c r="LA4" s="438"/>
      <c r="LB4" s="438"/>
      <c r="LC4" s="438"/>
      <c r="LD4" s="438"/>
      <c r="LE4" s="438"/>
      <c r="LF4" s="438"/>
      <c r="LG4" s="438"/>
      <c r="LH4" s="438"/>
      <c r="LI4" s="438"/>
      <c r="LJ4" s="438"/>
      <c r="LK4" s="438"/>
      <c r="LL4" s="438"/>
      <c r="LM4" s="438"/>
      <c r="LN4" s="438"/>
      <c r="LO4" s="438"/>
      <c r="LP4" s="438"/>
      <c r="LQ4" s="438"/>
      <c r="LR4" s="438"/>
      <c r="LS4" s="438"/>
      <c r="LT4" s="438"/>
      <c r="LU4" s="438"/>
      <c r="LV4" s="438"/>
      <c r="LW4" s="438"/>
      <c r="LX4" s="438"/>
      <c r="LY4" s="438"/>
      <c r="LZ4" s="438"/>
      <c r="MA4" s="438"/>
      <c r="MB4" s="438"/>
      <c r="MC4" s="438"/>
      <c r="MD4" s="438"/>
      <c r="ME4" s="439"/>
      <c r="MF4" s="437" t="s">
        <v>86</v>
      </c>
      <c r="MG4" s="438"/>
      <c r="MH4" s="438"/>
      <c r="MI4" s="438"/>
      <c r="MJ4" s="438"/>
      <c r="MK4" s="438"/>
      <c r="ML4" s="438"/>
      <c r="MM4" s="438"/>
      <c r="MN4" s="438"/>
      <c r="MO4" s="438"/>
      <c r="MP4" s="438"/>
      <c r="MQ4" s="438"/>
      <c r="MR4" s="438"/>
      <c r="MS4" s="438"/>
      <c r="MT4" s="438"/>
      <c r="MU4" s="438"/>
      <c r="MV4" s="438"/>
      <c r="MW4" s="438"/>
      <c r="MX4" s="438"/>
      <c r="MY4" s="438"/>
      <c r="MZ4" s="438"/>
      <c r="NA4" s="438"/>
      <c r="NB4" s="438"/>
      <c r="NC4" s="438"/>
      <c r="ND4" s="438"/>
      <c r="NE4" s="438"/>
      <c r="NF4" s="438"/>
      <c r="NG4" s="438"/>
      <c r="NH4" s="438"/>
      <c r="NI4" s="438"/>
      <c r="NJ4" s="438"/>
      <c r="NK4" s="438"/>
      <c r="NL4" s="438"/>
      <c r="NM4" s="438"/>
      <c r="NN4" s="438"/>
      <c r="NO4" s="438"/>
      <c r="NP4" s="438"/>
      <c r="NQ4" s="438"/>
      <c r="NR4" s="438"/>
      <c r="NS4" s="438"/>
      <c r="NT4" s="438"/>
      <c r="NU4" s="438"/>
      <c r="NV4" s="438"/>
      <c r="NW4" s="438"/>
      <c r="NX4" s="438"/>
      <c r="NY4" s="438"/>
      <c r="NZ4" s="438"/>
      <c r="OA4" s="438"/>
      <c r="OB4" s="438"/>
      <c r="OC4" s="438"/>
      <c r="OD4" s="438"/>
      <c r="OE4" s="438"/>
      <c r="OF4" s="438"/>
      <c r="OG4" s="438"/>
      <c r="OH4" s="439"/>
      <c r="OI4" s="423" t="s">
        <v>60</v>
      </c>
      <c r="OJ4" s="424"/>
      <c r="OK4" s="424"/>
      <c r="OL4" s="424"/>
      <c r="OM4" s="424"/>
      <c r="ON4" s="424"/>
      <c r="OO4" s="424"/>
      <c r="OP4" s="424"/>
      <c r="OQ4" s="424"/>
      <c r="OR4" s="424"/>
      <c r="OS4" s="425"/>
    </row>
    <row r="5" spans="2:409" ht="21" customHeight="1" thickBot="1" x14ac:dyDescent="0.25">
      <c r="B5" s="546"/>
      <c r="C5" s="549"/>
      <c r="D5" s="549"/>
      <c r="E5" s="549"/>
      <c r="F5" s="549"/>
      <c r="G5" s="549"/>
      <c r="H5" s="549"/>
      <c r="I5" s="549"/>
      <c r="J5" s="549"/>
      <c r="K5" s="549"/>
      <c r="L5" s="549"/>
      <c r="M5" s="549"/>
      <c r="N5" s="551" t="s">
        <v>64</v>
      </c>
      <c r="O5" s="552"/>
      <c r="P5" s="552"/>
      <c r="Q5" s="552"/>
      <c r="R5" s="552"/>
      <c r="S5" s="552"/>
      <c r="T5" s="552"/>
      <c r="U5" s="552"/>
      <c r="V5" s="552"/>
      <c r="W5" s="552"/>
      <c r="X5" s="552"/>
      <c r="Y5" s="552"/>
      <c r="Z5" s="552"/>
      <c r="AA5" s="552"/>
      <c r="AB5" s="552"/>
      <c r="AC5" s="552"/>
      <c r="AD5" s="552"/>
      <c r="AE5" s="552"/>
      <c r="AF5" s="552"/>
      <c r="AG5" s="552"/>
      <c r="AH5" s="552"/>
      <c r="AI5" s="552"/>
      <c r="AJ5" s="552"/>
      <c r="AK5" s="552"/>
      <c r="AL5" s="552"/>
      <c r="AM5" s="552"/>
      <c r="AN5" s="552"/>
      <c r="AO5" s="552"/>
      <c r="AP5" s="552"/>
      <c r="AQ5" s="552"/>
      <c r="AR5" s="552"/>
      <c r="AS5" s="552"/>
      <c r="AT5" s="552"/>
      <c r="AU5" s="552"/>
      <c r="AV5" s="552"/>
      <c r="AW5" s="552"/>
      <c r="AX5" s="552"/>
      <c r="AY5" s="552"/>
      <c r="AZ5" s="552"/>
      <c r="BA5" s="552"/>
      <c r="BB5" s="552"/>
      <c r="BC5" s="552"/>
      <c r="BD5" s="552"/>
      <c r="BE5" s="552"/>
      <c r="BF5" s="552"/>
      <c r="BG5" s="552"/>
      <c r="BH5" s="552"/>
      <c r="BI5" s="552"/>
      <c r="BJ5" s="552"/>
      <c r="BK5" s="552"/>
      <c r="BL5" s="552"/>
      <c r="BM5" s="552"/>
      <c r="BN5" s="552"/>
      <c r="BO5" s="552"/>
      <c r="BP5" s="552"/>
      <c r="BQ5" s="552"/>
      <c r="BR5" s="552"/>
      <c r="BS5" s="552"/>
      <c r="BT5" s="552"/>
      <c r="BU5" s="552"/>
      <c r="BV5" s="552"/>
      <c r="BW5" s="552"/>
      <c r="BX5" s="552"/>
      <c r="BY5" s="552"/>
      <c r="BZ5" s="552"/>
      <c r="CA5" s="553"/>
      <c r="CB5" s="551" t="s">
        <v>65</v>
      </c>
      <c r="CC5" s="552"/>
      <c r="CD5" s="552"/>
      <c r="CE5" s="552"/>
      <c r="CF5" s="552"/>
      <c r="CG5" s="552"/>
      <c r="CH5" s="552"/>
      <c r="CI5" s="552"/>
      <c r="CJ5" s="552"/>
      <c r="CK5" s="552"/>
      <c r="CL5" s="552"/>
      <c r="CM5" s="552"/>
      <c r="CN5" s="552"/>
      <c r="CO5" s="552"/>
      <c r="CP5" s="552"/>
      <c r="CQ5" s="552"/>
      <c r="CR5" s="552"/>
      <c r="CS5" s="552"/>
      <c r="CT5" s="552"/>
      <c r="CU5" s="552"/>
      <c r="CV5" s="552"/>
      <c r="CW5" s="552"/>
      <c r="CX5" s="552"/>
      <c r="CY5" s="552"/>
      <c r="CZ5" s="552"/>
      <c r="DA5" s="552"/>
      <c r="DB5" s="552"/>
      <c r="DC5" s="552"/>
      <c r="DD5" s="552"/>
      <c r="DE5" s="552"/>
      <c r="DF5" s="552"/>
      <c r="DG5" s="552"/>
      <c r="DH5" s="553"/>
      <c r="DI5" s="437" t="s">
        <v>66</v>
      </c>
      <c r="DJ5" s="438"/>
      <c r="DK5" s="438"/>
      <c r="DL5" s="438"/>
      <c r="DM5" s="438"/>
      <c r="DN5" s="438"/>
      <c r="DO5" s="438"/>
      <c r="DP5" s="438"/>
      <c r="DQ5" s="438"/>
      <c r="DR5" s="438"/>
      <c r="DS5" s="438"/>
      <c r="DT5" s="438"/>
      <c r="DU5" s="438"/>
      <c r="DV5" s="438"/>
      <c r="DW5" s="438"/>
      <c r="DX5" s="438"/>
      <c r="DY5" s="438"/>
      <c r="DZ5" s="438"/>
      <c r="EA5" s="438"/>
      <c r="EB5" s="438"/>
      <c r="EC5" s="438"/>
      <c r="ED5" s="438"/>
      <c r="EE5" s="438"/>
      <c r="EF5" s="438"/>
      <c r="EG5" s="438"/>
      <c r="EH5" s="438"/>
      <c r="EI5" s="438"/>
      <c r="EJ5" s="438"/>
      <c r="EK5" s="438"/>
      <c r="EL5" s="438"/>
      <c r="EM5" s="438"/>
      <c r="EN5" s="438"/>
      <c r="EO5" s="438"/>
      <c r="EP5" s="438"/>
      <c r="EQ5" s="438"/>
      <c r="ER5" s="438"/>
      <c r="ES5" s="438"/>
      <c r="ET5" s="438"/>
      <c r="EU5" s="438"/>
      <c r="EV5" s="438"/>
      <c r="EW5" s="438"/>
      <c r="EX5" s="438"/>
      <c r="EY5" s="438"/>
      <c r="EZ5" s="438"/>
      <c r="FA5" s="438"/>
      <c r="FB5" s="438"/>
      <c r="FC5" s="438"/>
      <c r="FD5" s="438"/>
      <c r="FE5" s="438"/>
      <c r="FF5" s="438"/>
      <c r="FG5" s="438"/>
      <c r="FH5" s="438"/>
      <c r="FI5" s="438"/>
      <c r="FJ5" s="438"/>
      <c r="FK5" s="439"/>
      <c r="FL5" s="551" t="s">
        <v>67</v>
      </c>
      <c r="FM5" s="552"/>
      <c r="FN5" s="552"/>
      <c r="FO5" s="552"/>
      <c r="FP5" s="552"/>
      <c r="FQ5" s="552"/>
      <c r="FR5" s="552"/>
      <c r="FS5" s="552"/>
      <c r="FT5" s="552"/>
      <c r="FU5" s="552"/>
      <c r="FV5" s="552"/>
      <c r="FW5" s="552"/>
      <c r="FX5" s="552"/>
      <c r="FY5" s="552"/>
      <c r="FZ5" s="552"/>
      <c r="GA5" s="552"/>
      <c r="GB5" s="552"/>
      <c r="GC5" s="552"/>
      <c r="GD5" s="552"/>
      <c r="GE5" s="552"/>
      <c r="GF5" s="552"/>
      <c r="GG5" s="552"/>
      <c r="GH5" s="552"/>
      <c r="GI5" s="552"/>
      <c r="GJ5" s="552"/>
      <c r="GK5" s="552"/>
      <c r="GL5" s="552"/>
      <c r="GM5" s="552"/>
      <c r="GN5" s="552"/>
      <c r="GO5" s="552"/>
      <c r="GP5" s="552"/>
      <c r="GQ5" s="552"/>
      <c r="GR5" s="552"/>
      <c r="GS5" s="552"/>
      <c r="GT5" s="552"/>
      <c r="GU5" s="552"/>
      <c r="GV5" s="552"/>
      <c r="GW5" s="552"/>
      <c r="GX5" s="552"/>
      <c r="GY5" s="552"/>
      <c r="GZ5" s="552"/>
      <c r="HA5" s="552"/>
      <c r="HB5" s="552"/>
      <c r="HC5" s="553"/>
      <c r="HD5" s="537" t="s">
        <v>68</v>
      </c>
      <c r="HE5" s="538"/>
      <c r="HF5" s="538"/>
      <c r="HG5" s="538"/>
      <c r="HH5" s="538"/>
      <c r="HI5" s="538"/>
      <c r="HJ5" s="538"/>
      <c r="HK5" s="538"/>
      <c r="HL5" s="538"/>
      <c r="HM5" s="538"/>
      <c r="HN5" s="539"/>
      <c r="HO5" s="537" t="s">
        <v>69</v>
      </c>
      <c r="HP5" s="538"/>
      <c r="HQ5" s="538"/>
      <c r="HR5" s="538"/>
      <c r="HS5" s="538"/>
      <c r="HT5" s="538"/>
      <c r="HU5" s="538"/>
      <c r="HV5" s="538"/>
      <c r="HW5" s="538"/>
      <c r="HX5" s="538"/>
      <c r="HY5" s="539"/>
      <c r="HZ5" s="570"/>
      <c r="IA5" s="571"/>
      <c r="IB5" s="571"/>
      <c r="IC5" s="571"/>
      <c r="ID5" s="571"/>
      <c r="IE5" s="571"/>
      <c r="IF5" s="571"/>
      <c r="IG5" s="571"/>
      <c r="IH5" s="571"/>
      <c r="II5" s="571"/>
      <c r="IJ5" s="572"/>
      <c r="IK5" s="423" t="s">
        <v>94</v>
      </c>
      <c r="IL5" s="424"/>
      <c r="IM5" s="424"/>
      <c r="IN5" s="424"/>
      <c r="IO5" s="424"/>
      <c r="IP5" s="424"/>
      <c r="IQ5" s="424"/>
      <c r="IR5" s="424"/>
      <c r="IS5" s="424"/>
      <c r="IT5" s="424"/>
      <c r="IU5" s="425"/>
      <c r="IV5" s="423" t="s">
        <v>88</v>
      </c>
      <c r="IW5" s="424"/>
      <c r="IX5" s="424"/>
      <c r="IY5" s="424"/>
      <c r="IZ5" s="424"/>
      <c r="JA5" s="424"/>
      <c r="JB5" s="424"/>
      <c r="JC5" s="424"/>
      <c r="JD5" s="424"/>
      <c r="JE5" s="424"/>
      <c r="JF5" s="425"/>
      <c r="JG5" s="423" t="s">
        <v>141</v>
      </c>
      <c r="JH5" s="424"/>
      <c r="JI5" s="424"/>
      <c r="JJ5" s="424"/>
      <c r="JK5" s="424"/>
      <c r="JL5" s="424"/>
      <c r="JM5" s="424"/>
      <c r="JN5" s="424"/>
      <c r="JO5" s="424"/>
      <c r="JP5" s="424"/>
      <c r="JQ5" s="425"/>
      <c r="JR5" s="423" t="s">
        <v>90</v>
      </c>
      <c r="JS5" s="424"/>
      <c r="JT5" s="424"/>
      <c r="JU5" s="424"/>
      <c r="JV5" s="424"/>
      <c r="JW5" s="424"/>
      <c r="JX5" s="424"/>
      <c r="JY5" s="424"/>
      <c r="JZ5" s="424"/>
      <c r="KA5" s="424"/>
      <c r="KB5" s="425"/>
      <c r="KC5" s="423" t="s">
        <v>89</v>
      </c>
      <c r="KD5" s="424"/>
      <c r="KE5" s="424"/>
      <c r="KF5" s="424"/>
      <c r="KG5" s="424"/>
      <c r="KH5" s="424"/>
      <c r="KI5" s="424"/>
      <c r="KJ5" s="424"/>
      <c r="KK5" s="424"/>
      <c r="KL5" s="424"/>
      <c r="KM5" s="425"/>
      <c r="KN5" s="423" t="s">
        <v>91</v>
      </c>
      <c r="KO5" s="424"/>
      <c r="KP5" s="424"/>
      <c r="KQ5" s="424"/>
      <c r="KR5" s="424"/>
      <c r="KS5" s="424"/>
      <c r="KT5" s="424"/>
      <c r="KU5" s="424"/>
      <c r="KV5" s="424"/>
      <c r="KW5" s="424"/>
      <c r="KX5" s="425"/>
      <c r="KY5" s="423" t="s">
        <v>92</v>
      </c>
      <c r="KZ5" s="424"/>
      <c r="LA5" s="424"/>
      <c r="LB5" s="424"/>
      <c r="LC5" s="424"/>
      <c r="LD5" s="424"/>
      <c r="LE5" s="424"/>
      <c r="LF5" s="424"/>
      <c r="LG5" s="424"/>
      <c r="LH5" s="424"/>
      <c r="LI5" s="425"/>
      <c r="LJ5" s="573" t="s">
        <v>93</v>
      </c>
      <c r="LK5" s="574"/>
      <c r="LL5" s="574"/>
      <c r="LM5" s="574"/>
      <c r="LN5" s="574"/>
      <c r="LO5" s="574"/>
      <c r="LP5" s="574"/>
      <c r="LQ5" s="574"/>
      <c r="LR5" s="574"/>
      <c r="LS5" s="574"/>
      <c r="LT5" s="575"/>
      <c r="LU5" s="573" t="s">
        <v>142</v>
      </c>
      <c r="LV5" s="574"/>
      <c r="LW5" s="574"/>
      <c r="LX5" s="574"/>
      <c r="LY5" s="574"/>
      <c r="LZ5" s="574"/>
      <c r="MA5" s="574"/>
      <c r="MB5" s="574"/>
      <c r="MC5" s="574"/>
      <c r="MD5" s="574"/>
      <c r="ME5" s="575"/>
      <c r="MF5" s="570"/>
      <c r="MG5" s="571"/>
      <c r="MH5" s="571"/>
      <c r="MI5" s="571"/>
      <c r="MJ5" s="571"/>
      <c r="MK5" s="571"/>
      <c r="ML5" s="571"/>
      <c r="MM5" s="571"/>
      <c r="MN5" s="571"/>
      <c r="MO5" s="571"/>
      <c r="MP5" s="572"/>
      <c r="MQ5" s="423" t="s">
        <v>57</v>
      </c>
      <c r="MR5" s="424"/>
      <c r="MS5" s="424"/>
      <c r="MT5" s="424"/>
      <c r="MU5" s="424"/>
      <c r="MV5" s="424"/>
      <c r="MW5" s="424"/>
      <c r="MX5" s="424"/>
      <c r="MY5" s="424"/>
      <c r="MZ5" s="424"/>
      <c r="NA5" s="425"/>
      <c r="NB5" s="423" t="s">
        <v>58</v>
      </c>
      <c r="NC5" s="424"/>
      <c r="ND5" s="424"/>
      <c r="NE5" s="424"/>
      <c r="NF5" s="424"/>
      <c r="NG5" s="424"/>
      <c r="NH5" s="424"/>
      <c r="NI5" s="424"/>
      <c r="NJ5" s="424"/>
      <c r="NK5" s="424"/>
      <c r="NL5" s="425"/>
      <c r="NM5" s="423" t="s">
        <v>59</v>
      </c>
      <c r="NN5" s="424"/>
      <c r="NO5" s="424"/>
      <c r="NP5" s="424"/>
      <c r="NQ5" s="424"/>
      <c r="NR5" s="424"/>
      <c r="NS5" s="424"/>
      <c r="NT5" s="424"/>
      <c r="NU5" s="424"/>
      <c r="NV5" s="424"/>
      <c r="NW5" s="425"/>
      <c r="NX5" s="423" t="s">
        <v>148</v>
      </c>
      <c r="NY5" s="424"/>
      <c r="NZ5" s="424"/>
      <c r="OA5" s="424"/>
      <c r="OB5" s="424"/>
      <c r="OC5" s="424"/>
      <c r="OD5" s="424"/>
      <c r="OE5" s="424"/>
      <c r="OF5" s="424"/>
      <c r="OG5" s="424"/>
      <c r="OH5" s="425"/>
      <c r="OI5" s="441"/>
      <c r="OJ5" s="568"/>
      <c r="OK5" s="568"/>
      <c r="OL5" s="568"/>
      <c r="OM5" s="568"/>
      <c r="ON5" s="568"/>
      <c r="OO5" s="568"/>
      <c r="OP5" s="568"/>
      <c r="OQ5" s="568"/>
      <c r="OR5" s="568"/>
      <c r="OS5" s="569"/>
    </row>
    <row r="6" spans="2:409" ht="21" customHeight="1" thickBot="1" x14ac:dyDescent="0.25">
      <c r="B6" s="546"/>
      <c r="C6" s="550"/>
      <c r="D6" s="550"/>
      <c r="E6" s="550"/>
      <c r="F6" s="550"/>
      <c r="G6" s="550"/>
      <c r="H6" s="550"/>
      <c r="I6" s="550"/>
      <c r="J6" s="550"/>
      <c r="K6" s="550"/>
      <c r="L6" s="550"/>
      <c r="M6" s="550"/>
      <c r="N6" s="429"/>
      <c r="O6" s="430"/>
      <c r="P6" s="430"/>
      <c r="Q6" s="430"/>
      <c r="R6" s="430"/>
      <c r="S6" s="430"/>
      <c r="T6" s="430"/>
      <c r="U6" s="430"/>
      <c r="V6" s="430"/>
      <c r="W6" s="430"/>
      <c r="X6" s="431"/>
      <c r="Y6" s="432" t="s">
        <v>70</v>
      </c>
      <c r="Z6" s="433"/>
      <c r="AA6" s="433"/>
      <c r="AB6" s="433"/>
      <c r="AC6" s="433"/>
      <c r="AD6" s="433"/>
      <c r="AE6" s="433"/>
      <c r="AF6" s="433"/>
      <c r="AG6" s="433"/>
      <c r="AH6" s="433"/>
      <c r="AI6" s="434"/>
      <c r="AJ6" s="534" t="s">
        <v>71</v>
      </c>
      <c r="AK6" s="535"/>
      <c r="AL6" s="535"/>
      <c r="AM6" s="535"/>
      <c r="AN6" s="535"/>
      <c r="AO6" s="535"/>
      <c r="AP6" s="535"/>
      <c r="AQ6" s="535"/>
      <c r="AR6" s="535"/>
      <c r="AS6" s="535"/>
      <c r="AT6" s="536"/>
      <c r="AU6" s="534" t="s">
        <v>72</v>
      </c>
      <c r="AV6" s="535"/>
      <c r="AW6" s="535"/>
      <c r="AX6" s="535"/>
      <c r="AY6" s="535"/>
      <c r="AZ6" s="535"/>
      <c r="BA6" s="535"/>
      <c r="BB6" s="535"/>
      <c r="BC6" s="535"/>
      <c r="BD6" s="535"/>
      <c r="BE6" s="536"/>
      <c r="BF6" s="534" t="s">
        <v>73</v>
      </c>
      <c r="BG6" s="535"/>
      <c r="BH6" s="535"/>
      <c r="BI6" s="535"/>
      <c r="BJ6" s="535"/>
      <c r="BK6" s="535"/>
      <c r="BL6" s="535"/>
      <c r="BM6" s="535"/>
      <c r="BN6" s="535"/>
      <c r="BO6" s="535"/>
      <c r="BP6" s="536"/>
      <c r="BQ6" s="534" t="s">
        <v>74</v>
      </c>
      <c r="BR6" s="535"/>
      <c r="BS6" s="535"/>
      <c r="BT6" s="535"/>
      <c r="BU6" s="535"/>
      <c r="BV6" s="535"/>
      <c r="BW6" s="535"/>
      <c r="BX6" s="535"/>
      <c r="BY6" s="535"/>
      <c r="BZ6" s="535"/>
      <c r="CA6" s="536"/>
      <c r="CB6" s="531"/>
      <c r="CC6" s="532"/>
      <c r="CD6" s="532"/>
      <c r="CE6" s="532"/>
      <c r="CF6" s="532"/>
      <c r="CG6" s="532"/>
      <c r="CH6" s="532"/>
      <c r="CI6" s="532"/>
      <c r="CJ6" s="532"/>
      <c r="CK6" s="532"/>
      <c r="CL6" s="533"/>
      <c r="CM6" s="534" t="s">
        <v>75</v>
      </c>
      <c r="CN6" s="535"/>
      <c r="CO6" s="535"/>
      <c r="CP6" s="535"/>
      <c r="CQ6" s="535"/>
      <c r="CR6" s="535"/>
      <c r="CS6" s="535"/>
      <c r="CT6" s="535"/>
      <c r="CU6" s="535"/>
      <c r="CV6" s="535"/>
      <c r="CW6" s="536"/>
      <c r="CX6" s="534" t="s">
        <v>76</v>
      </c>
      <c r="CY6" s="535"/>
      <c r="CZ6" s="535"/>
      <c r="DA6" s="535"/>
      <c r="DB6" s="535"/>
      <c r="DC6" s="535"/>
      <c r="DD6" s="535"/>
      <c r="DE6" s="535"/>
      <c r="DF6" s="535"/>
      <c r="DG6" s="535"/>
      <c r="DH6" s="536"/>
      <c r="DI6" s="531"/>
      <c r="DJ6" s="532"/>
      <c r="DK6" s="532"/>
      <c r="DL6" s="532"/>
      <c r="DM6" s="532"/>
      <c r="DN6" s="532"/>
      <c r="DO6" s="532"/>
      <c r="DP6" s="532"/>
      <c r="DQ6" s="532"/>
      <c r="DR6" s="532"/>
      <c r="DS6" s="532"/>
      <c r="DT6" s="534" t="s">
        <v>77</v>
      </c>
      <c r="DU6" s="535"/>
      <c r="DV6" s="535"/>
      <c r="DW6" s="535"/>
      <c r="DX6" s="535"/>
      <c r="DY6" s="535"/>
      <c r="DZ6" s="535"/>
      <c r="EA6" s="535"/>
      <c r="EB6" s="535"/>
      <c r="EC6" s="535"/>
      <c r="ED6" s="536"/>
      <c r="EE6" s="534" t="s">
        <v>78</v>
      </c>
      <c r="EF6" s="535"/>
      <c r="EG6" s="535"/>
      <c r="EH6" s="535"/>
      <c r="EI6" s="535"/>
      <c r="EJ6" s="535"/>
      <c r="EK6" s="535"/>
      <c r="EL6" s="535"/>
      <c r="EM6" s="535"/>
      <c r="EN6" s="535"/>
      <c r="EO6" s="536"/>
      <c r="EP6" s="534" t="s">
        <v>79</v>
      </c>
      <c r="EQ6" s="535"/>
      <c r="ER6" s="535"/>
      <c r="ES6" s="535"/>
      <c r="ET6" s="535"/>
      <c r="EU6" s="535"/>
      <c r="EV6" s="535"/>
      <c r="EW6" s="535"/>
      <c r="EX6" s="535"/>
      <c r="EY6" s="535"/>
      <c r="EZ6" s="536"/>
      <c r="FA6" s="534" t="s">
        <v>149</v>
      </c>
      <c r="FB6" s="535"/>
      <c r="FC6" s="535"/>
      <c r="FD6" s="535"/>
      <c r="FE6" s="535"/>
      <c r="FF6" s="535"/>
      <c r="FG6" s="535"/>
      <c r="FH6" s="535"/>
      <c r="FI6" s="535"/>
      <c r="FJ6" s="535"/>
      <c r="FK6" s="536"/>
      <c r="FL6" s="531"/>
      <c r="FM6" s="532"/>
      <c r="FN6" s="532"/>
      <c r="FO6" s="532"/>
      <c r="FP6" s="532"/>
      <c r="FQ6" s="532"/>
      <c r="FR6" s="532"/>
      <c r="FS6" s="532"/>
      <c r="FT6" s="532"/>
      <c r="FU6" s="532"/>
      <c r="FV6" s="532"/>
      <c r="FW6" s="534" t="s">
        <v>80</v>
      </c>
      <c r="FX6" s="535"/>
      <c r="FY6" s="535"/>
      <c r="FZ6" s="535"/>
      <c r="GA6" s="535"/>
      <c r="GB6" s="535"/>
      <c r="GC6" s="535"/>
      <c r="GD6" s="535"/>
      <c r="GE6" s="535"/>
      <c r="GF6" s="535"/>
      <c r="GG6" s="536"/>
      <c r="GH6" s="432" t="s">
        <v>81</v>
      </c>
      <c r="GI6" s="433"/>
      <c r="GJ6" s="433"/>
      <c r="GK6" s="433"/>
      <c r="GL6" s="433"/>
      <c r="GM6" s="433"/>
      <c r="GN6" s="433"/>
      <c r="GO6" s="433"/>
      <c r="GP6" s="433"/>
      <c r="GQ6" s="433"/>
      <c r="GR6" s="434"/>
      <c r="GS6" s="432" t="s">
        <v>82</v>
      </c>
      <c r="GT6" s="433"/>
      <c r="GU6" s="433"/>
      <c r="GV6" s="433"/>
      <c r="GW6" s="433"/>
      <c r="GX6" s="433"/>
      <c r="GY6" s="433"/>
      <c r="GZ6" s="433"/>
      <c r="HA6" s="433"/>
      <c r="HB6" s="433"/>
      <c r="HC6" s="434"/>
      <c r="HD6" s="554"/>
      <c r="HE6" s="555"/>
      <c r="HF6" s="555"/>
      <c r="HG6" s="555"/>
      <c r="HH6" s="555"/>
      <c r="HI6" s="555"/>
      <c r="HJ6" s="555"/>
      <c r="HK6" s="555"/>
      <c r="HL6" s="555"/>
      <c r="HM6" s="555"/>
      <c r="HN6" s="556"/>
      <c r="HO6" s="554"/>
      <c r="HP6" s="555"/>
      <c r="HQ6" s="555"/>
      <c r="HR6" s="555"/>
      <c r="HS6" s="555"/>
      <c r="HT6" s="555"/>
      <c r="HU6" s="555"/>
      <c r="HV6" s="555"/>
      <c r="HW6" s="555"/>
      <c r="HX6" s="555"/>
      <c r="HY6" s="556"/>
      <c r="HZ6" s="531"/>
      <c r="IA6" s="532"/>
      <c r="IB6" s="532"/>
      <c r="IC6" s="532"/>
      <c r="ID6" s="532"/>
      <c r="IE6" s="532"/>
      <c r="IF6" s="532"/>
      <c r="IG6" s="532"/>
      <c r="IH6" s="532"/>
      <c r="II6" s="532"/>
      <c r="IJ6" s="533"/>
      <c r="IK6" s="429"/>
      <c r="IL6" s="430"/>
      <c r="IM6" s="430"/>
      <c r="IN6" s="430"/>
      <c r="IO6" s="430"/>
      <c r="IP6" s="430"/>
      <c r="IQ6" s="430"/>
      <c r="IR6" s="430"/>
      <c r="IS6" s="430"/>
      <c r="IT6" s="430"/>
      <c r="IU6" s="431"/>
      <c r="IV6" s="429"/>
      <c r="IW6" s="430"/>
      <c r="IX6" s="430"/>
      <c r="IY6" s="430"/>
      <c r="IZ6" s="430"/>
      <c r="JA6" s="430"/>
      <c r="JB6" s="430"/>
      <c r="JC6" s="430"/>
      <c r="JD6" s="430"/>
      <c r="JE6" s="430"/>
      <c r="JF6" s="431"/>
      <c r="JG6" s="429"/>
      <c r="JH6" s="430"/>
      <c r="JI6" s="430"/>
      <c r="JJ6" s="430"/>
      <c r="JK6" s="430"/>
      <c r="JL6" s="430"/>
      <c r="JM6" s="430"/>
      <c r="JN6" s="430"/>
      <c r="JO6" s="430"/>
      <c r="JP6" s="430"/>
      <c r="JQ6" s="431"/>
      <c r="JR6" s="429"/>
      <c r="JS6" s="430"/>
      <c r="JT6" s="430"/>
      <c r="JU6" s="430"/>
      <c r="JV6" s="430"/>
      <c r="JW6" s="430"/>
      <c r="JX6" s="430"/>
      <c r="JY6" s="430"/>
      <c r="JZ6" s="430"/>
      <c r="KA6" s="430"/>
      <c r="KB6" s="431"/>
      <c r="KC6" s="429"/>
      <c r="KD6" s="430"/>
      <c r="KE6" s="430"/>
      <c r="KF6" s="430"/>
      <c r="KG6" s="430"/>
      <c r="KH6" s="430"/>
      <c r="KI6" s="430"/>
      <c r="KJ6" s="430"/>
      <c r="KK6" s="430"/>
      <c r="KL6" s="430"/>
      <c r="KM6" s="431"/>
      <c r="KN6" s="429"/>
      <c r="KO6" s="430"/>
      <c r="KP6" s="430"/>
      <c r="KQ6" s="430"/>
      <c r="KR6" s="430"/>
      <c r="KS6" s="430"/>
      <c r="KT6" s="430"/>
      <c r="KU6" s="430"/>
      <c r="KV6" s="430"/>
      <c r="KW6" s="430"/>
      <c r="KX6" s="431"/>
      <c r="KY6" s="429"/>
      <c r="KZ6" s="430"/>
      <c r="LA6" s="430"/>
      <c r="LB6" s="430"/>
      <c r="LC6" s="430"/>
      <c r="LD6" s="430"/>
      <c r="LE6" s="430"/>
      <c r="LF6" s="430"/>
      <c r="LG6" s="430"/>
      <c r="LH6" s="430"/>
      <c r="LI6" s="431"/>
      <c r="LJ6" s="531"/>
      <c r="LK6" s="532"/>
      <c r="LL6" s="532"/>
      <c r="LM6" s="532"/>
      <c r="LN6" s="532"/>
      <c r="LO6" s="532"/>
      <c r="LP6" s="532"/>
      <c r="LQ6" s="532"/>
      <c r="LR6" s="532"/>
      <c r="LS6" s="532"/>
      <c r="LT6" s="533"/>
      <c r="LU6" s="531"/>
      <c r="LV6" s="532"/>
      <c r="LW6" s="532"/>
      <c r="LX6" s="532"/>
      <c r="LY6" s="532"/>
      <c r="LZ6" s="532"/>
      <c r="MA6" s="532"/>
      <c r="MB6" s="532"/>
      <c r="MC6" s="532"/>
      <c r="MD6" s="532"/>
      <c r="ME6" s="533"/>
      <c r="MF6" s="531"/>
      <c r="MG6" s="532"/>
      <c r="MH6" s="532"/>
      <c r="MI6" s="532"/>
      <c r="MJ6" s="532"/>
      <c r="MK6" s="532"/>
      <c r="ML6" s="532"/>
      <c r="MM6" s="532"/>
      <c r="MN6" s="532"/>
      <c r="MO6" s="532"/>
      <c r="MP6" s="533"/>
      <c r="MQ6" s="429"/>
      <c r="MR6" s="430"/>
      <c r="MS6" s="430"/>
      <c r="MT6" s="430"/>
      <c r="MU6" s="430"/>
      <c r="MV6" s="430"/>
      <c r="MW6" s="430"/>
      <c r="MX6" s="430"/>
      <c r="MY6" s="430"/>
      <c r="MZ6" s="430"/>
      <c r="NA6" s="431"/>
      <c r="NB6" s="429"/>
      <c r="NC6" s="430"/>
      <c r="ND6" s="430"/>
      <c r="NE6" s="430"/>
      <c r="NF6" s="430"/>
      <c r="NG6" s="430"/>
      <c r="NH6" s="430"/>
      <c r="NI6" s="430"/>
      <c r="NJ6" s="430"/>
      <c r="NK6" s="430"/>
      <c r="NL6" s="431"/>
      <c r="NM6" s="429"/>
      <c r="NN6" s="430"/>
      <c r="NO6" s="430"/>
      <c r="NP6" s="430"/>
      <c r="NQ6" s="430"/>
      <c r="NR6" s="430"/>
      <c r="NS6" s="430"/>
      <c r="NT6" s="430"/>
      <c r="NU6" s="430"/>
      <c r="NV6" s="430"/>
      <c r="NW6" s="431"/>
      <c r="NX6" s="429"/>
      <c r="NY6" s="430"/>
      <c r="NZ6" s="430"/>
      <c r="OA6" s="430"/>
      <c r="OB6" s="430"/>
      <c r="OC6" s="430"/>
      <c r="OD6" s="430"/>
      <c r="OE6" s="430"/>
      <c r="OF6" s="430"/>
      <c r="OG6" s="430"/>
      <c r="OH6" s="431"/>
      <c r="OI6" s="429"/>
      <c r="OJ6" s="430"/>
      <c r="OK6" s="430"/>
      <c r="OL6" s="430"/>
      <c r="OM6" s="430"/>
      <c r="ON6" s="430"/>
      <c r="OO6" s="430"/>
      <c r="OP6" s="430"/>
      <c r="OQ6" s="430"/>
      <c r="OR6" s="430"/>
      <c r="OS6" s="431"/>
    </row>
    <row r="7" spans="2:409" ht="21" customHeight="1" x14ac:dyDescent="0.2">
      <c r="B7" s="546"/>
      <c r="C7" s="514" t="s">
        <v>61</v>
      </c>
      <c r="D7" s="514"/>
      <c r="E7" s="514"/>
      <c r="F7" s="513" t="s">
        <v>62</v>
      </c>
      <c r="G7" s="514"/>
      <c r="H7" s="514"/>
      <c r="I7" s="514"/>
      <c r="J7" s="514"/>
      <c r="K7" s="514"/>
      <c r="L7" s="514"/>
      <c r="M7" s="513" t="s">
        <v>52</v>
      </c>
      <c r="N7" s="558" t="s">
        <v>61</v>
      </c>
      <c r="O7" s="514"/>
      <c r="P7" s="514"/>
      <c r="Q7" s="513" t="s">
        <v>62</v>
      </c>
      <c r="R7" s="514"/>
      <c r="S7" s="514"/>
      <c r="T7" s="514"/>
      <c r="U7" s="514"/>
      <c r="V7" s="514"/>
      <c r="W7" s="515"/>
      <c r="X7" s="543" t="s">
        <v>52</v>
      </c>
      <c r="Y7" s="429" t="s">
        <v>61</v>
      </c>
      <c r="Z7" s="430"/>
      <c r="AA7" s="522"/>
      <c r="AB7" s="521" t="s">
        <v>62</v>
      </c>
      <c r="AC7" s="430"/>
      <c r="AD7" s="430"/>
      <c r="AE7" s="430"/>
      <c r="AF7" s="430"/>
      <c r="AG7" s="430"/>
      <c r="AH7" s="522"/>
      <c r="AI7" s="431" t="s">
        <v>52</v>
      </c>
      <c r="AJ7" s="518" t="s">
        <v>61</v>
      </c>
      <c r="AK7" s="519"/>
      <c r="AL7" s="520"/>
      <c r="AM7" s="541" t="s">
        <v>62</v>
      </c>
      <c r="AN7" s="519"/>
      <c r="AO7" s="519"/>
      <c r="AP7" s="519"/>
      <c r="AQ7" s="519"/>
      <c r="AR7" s="519"/>
      <c r="AS7" s="542"/>
      <c r="AT7" s="431" t="s">
        <v>52</v>
      </c>
      <c r="AU7" s="518" t="s">
        <v>61</v>
      </c>
      <c r="AV7" s="519"/>
      <c r="AW7" s="520"/>
      <c r="AX7" s="541" t="s">
        <v>62</v>
      </c>
      <c r="AY7" s="519"/>
      <c r="AZ7" s="519"/>
      <c r="BA7" s="519"/>
      <c r="BB7" s="519"/>
      <c r="BC7" s="519"/>
      <c r="BD7" s="542"/>
      <c r="BE7" s="431" t="s">
        <v>52</v>
      </c>
      <c r="BF7" s="518" t="s">
        <v>61</v>
      </c>
      <c r="BG7" s="519"/>
      <c r="BH7" s="520"/>
      <c r="BI7" s="541" t="s">
        <v>62</v>
      </c>
      <c r="BJ7" s="519"/>
      <c r="BK7" s="519"/>
      <c r="BL7" s="519"/>
      <c r="BM7" s="519"/>
      <c r="BN7" s="519"/>
      <c r="BO7" s="542"/>
      <c r="BP7" s="431" t="s">
        <v>52</v>
      </c>
      <c r="BQ7" s="518" t="s">
        <v>61</v>
      </c>
      <c r="BR7" s="519"/>
      <c r="BS7" s="520"/>
      <c r="BT7" s="541" t="s">
        <v>62</v>
      </c>
      <c r="BU7" s="519"/>
      <c r="BV7" s="519"/>
      <c r="BW7" s="519"/>
      <c r="BX7" s="519"/>
      <c r="BY7" s="519"/>
      <c r="BZ7" s="542"/>
      <c r="CA7" s="431" t="s">
        <v>52</v>
      </c>
      <c r="CB7" s="510" t="s">
        <v>61</v>
      </c>
      <c r="CC7" s="511"/>
      <c r="CD7" s="512"/>
      <c r="CE7" s="559" t="s">
        <v>62</v>
      </c>
      <c r="CF7" s="511"/>
      <c r="CG7" s="511"/>
      <c r="CH7" s="511"/>
      <c r="CI7" s="511"/>
      <c r="CJ7" s="511"/>
      <c r="CK7" s="560"/>
      <c r="CL7" s="543" t="s">
        <v>52</v>
      </c>
      <c r="CM7" s="518" t="s">
        <v>61</v>
      </c>
      <c r="CN7" s="519"/>
      <c r="CO7" s="542"/>
      <c r="CP7" s="541" t="s">
        <v>62</v>
      </c>
      <c r="CQ7" s="519"/>
      <c r="CR7" s="519"/>
      <c r="CS7" s="519"/>
      <c r="CT7" s="519"/>
      <c r="CU7" s="519"/>
      <c r="CV7" s="542"/>
      <c r="CW7" s="565" t="s">
        <v>52</v>
      </c>
      <c r="CX7" s="518" t="s">
        <v>61</v>
      </c>
      <c r="CY7" s="519"/>
      <c r="CZ7" s="542"/>
      <c r="DA7" s="541" t="s">
        <v>62</v>
      </c>
      <c r="DB7" s="519"/>
      <c r="DC7" s="519"/>
      <c r="DD7" s="519"/>
      <c r="DE7" s="519"/>
      <c r="DF7" s="519"/>
      <c r="DG7" s="542"/>
      <c r="DH7" s="565" t="s">
        <v>52</v>
      </c>
      <c r="DI7" s="510" t="s">
        <v>61</v>
      </c>
      <c r="DJ7" s="511"/>
      <c r="DK7" s="560"/>
      <c r="DL7" s="559" t="s">
        <v>62</v>
      </c>
      <c r="DM7" s="511"/>
      <c r="DN7" s="511"/>
      <c r="DO7" s="511"/>
      <c r="DP7" s="511"/>
      <c r="DQ7" s="511"/>
      <c r="DR7" s="560"/>
      <c r="DS7" s="543" t="s">
        <v>52</v>
      </c>
      <c r="DT7" s="518" t="s">
        <v>61</v>
      </c>
      <c r="DU7" s="519"/>
      <c r="DV7" s="520"/>
      <c r="DW7" s="541" t="s">
        <v>62</v>
      </c>
      <c r="DX7" s="519"/>
      <c r="DY7" s="519"/>
      <c r="DZ7" s="519"/>
      <c r="EA7" s="519"/>
      <c r="EB7" s="519"/>
      <c r="EC7" s="542"/>
      <c r="ED7" s="431" t="s">
        <v>52</v>
      </c>
      <c r="EE7" s="518" t="s">
        <v>61</v>
      </c>
      <c r="EF7" s="519"/>
      <c r="EG7" s="520"/>
      <c r="EH7" s="541" t="s">
        <v>62</v>
      </c>
      <c r="EI7" s="519"/>
      <c r="EJ7" s="519"/>
      <c r="EK7" s="519"/>
      <c r="EL7" s="519"/>
      <c r="EM7" s="519"/>
      <c r="EN7" s="542"/>
      <c r="EO7" s="431" t="s">
        <v>52</v>
      </c>
      <c r="EP7" s="518" t="s">
        <v>61</v>
      </c>
      <c r="EQ7" s="519"/>
      <c r="ER7" s="520"/>
      <c r="ES7" s="541" t="s">
        <v>62</v>
      </c>
      <c r="ET7" s="519"/>
      <c r="EU7" s="519"/>
      <c r="EV7" s="519"/>
      <c r="EW7" s="519"/>
      <c r="EX7" s="519"/>
      <c r="EY7" s="542"/>
      <c r="EZ7" s="431" t="s">
        <v>52</v>
      </c>
      <c r="FA7" s="518" t="s">
        <v>61</v>
      </c>
      <c r="FB7" s="519"/>
      <c r="FC7" s="520"/>
      <c r="FD7" s="541" t="s">
        <v>62</v>
      </c>
      <c r="FE7" s="519"/>
      <c r="FF7" s="519"/>
      <c r="FG7" s="519"/>
      <c r="FH7" s="519"/>
      <c r="FI7" s="519"/>
      <c r="FJ7" s="542"/>
      <c r="FK7" s="431" t="s">
        <v>52</v>
      </c>
      <c r="FL7" s="510" t="s">
        <v>61</v>
      </c>
      <c r="FM7" s="511"/>
      <c r="FN7" s="512"/>
      <c r="FO7" s="559" t="s">
        <v>62</v>
      </c>
      <c r="FP7" s="511"/>
      <c r="FQ7" s="511"/>
      <c r="FR7" s="511"/>
      <c r="FS7" s="511"/>
      <c r="FT7" s="511"/>
      <c r="FU7" s="560"/>
      <c r="FV7" s="514" t="s">
        <v>52</v>
      </c>
      <c r="FW7" s="518" t="s">
        <v>61</v>
      </c>
      <c r="FX7" s="519"/>
      <c r="FY7" s="520"/>
      <c r="FZ7" s="541" t="s">
        <v>62</v>
      </c>
      <c r="GA7" s="519"/>
      <c r="GB7" s="519"/>
      <c r="GC7" s="519"/>
      <c r="GD7" s="519"/>
      <c r="GE7" s="519"/>
      <c r="GF7" s="542"/>
      <c r="GG7" s="431" t="s">
        <v>52</v>
      </c>
      <c r="GH7" s="429" t="s">
        <v>61</v>
      </c>
      <c r="GI7" s="430"/>
      <c r="GJ7" s="430"/>
      <c r="GK7" s="521" t="s">
        <v>62</v>
      </c>
      <c r="GL7" s="430"/>
      <c r="GM7" s="430"/>
      <c r="GN7" s="430"/>
      <c r="GO7" s="430"/>
      <c r="GP7" s="430"/>
      <c r="GQ7" s="522"/>
      <c r="GR7" s="562" t="s">
        <v>52</v>
      </c>
      <c r="GS7" s="429" t="s">
        <v>61</v>
      </c>
      <c r="GT7" s="430"/>
      <c r="GU7" s="522"/>
      <c r="GV7" s="521" t="s">
        <v>62</v>
      </c>
      <c r="GW7" s="430"/>
      <c r="GX7" s="430"/>
      <c r="GY7" s="430"/>
      <c r="GZ7" s="430"/>
      <c r="HA7" s="430"/>
      <c r="HB7" s="522"/>
      <c r="HC7" s="562" t="s">
        <v>52</v>
      </c>
      <c r="HD7" s="518" t="s">
        <v>61</v>
      </c>
      <c r="HE7" s="519"/>
      <c r="HF7" s="520"/>
      <c r="HG7" s="541" t="s">
        <v>62</v>
      </c>
      <c r="HH7" s="519"/>
      <c r="HI7" s="519"/>
      <c r="HJ7" s="519"/>
      <c r="HK7" s="519"/>
      <c r="HL7" s="519"/>
      <c r="HM7" s="542"/>
      <c r="HN7" s="431" t="s">
        <v>52</v>
      </c>
      <c r="HO7" s="518" t="s">
        <v>61</v>
      </c>
      <c r="HP7" s="519"/>
      <c r="HQ7" s="520"/>
      <c r="HR7" s="541" t="s">
        <v>62</v>
      </c>
      <c r="HS7" s="519"/>
      <c r="HT7" s="519"/>
      <c r="HU7" s="519"/>
      <c r="HV7" s="519"/>
      <c r="HW7" s="519"/>
      <c r="HX7" s="542"/>
      <c r="HY7" s="431" t="s">
        <v>52</v>
      </c>
      <c r="HZ7" s="510" t="s">
        <v>61</v>
      </c>
      <c r="IA7" s="511"/>
      <c r="IB7" s="512"/>
      <c r="IC7" s="559" t="s">
        <v>62</v>
      </c>
      <c r="ID7" s="511"/>
      <c r="IE7" s="511"/>
      <c r="IF7" s="511"/>
      <c r="IG7" s="511"/>
      <c r="IH7" s="511"/>
      <c r="II7" s="560"/>
      <c r="IJ7" s="514" t="s">
        <v>52</v>
      </c>
      <c r="IK7" s="518" t="s">
        <v>61</v>
      </c>
      <c r="IL7" s="519"/>
      <c r="IM7" s="520"/>
      <c r="IN7" s="541" t="s">
        <v>62</v>
      </c>
      <c r="IO7" s="519"/>
      <c r="IP7" s="519"/>
      <c r="IQ7" s="519"/>
      <c r="IR7" s="519"/>
      <c r="IS7" s="519"/>
      <c r="IT7" s="542"/>
      <c r="IU7" s="431" t="s">
        <v>52</v>
      </c>
      <c r="IV7" s="518" t="s">
        <v>61</v>
      </c>
      <c r="IW7" s="519"/>
      <c r="IX7" s="542"/>
      <c r="IY7" s="541" t="s">
        <v>62</v>
      </c>
      <c r="IZ7" s="519"/>
      <c r="JA7" s="519"/>
      <c r="JB7" s="519"/>
      <c r="JC7" s="519"/>
      <c r="JD7" s="519"/>
      <c r="JE7" s="542"/>
      <c r="JF7" s="431" t="s">
        <v>52</v>
      </c>
      <c r="JG7" s="518" t="s">
        <v>61</v>
      </c>
      <c r="JH7" s="519"/>
      <c r="JI7" s="520"/>
      <c r="JJ7" s="541" t="s">
        <v>62</v>
      </c>
      <c r="JK7" s="519"/>
      <c r="JL7" s="519"/>
      <c r="JM7" s="519"/>
      <c r="JN7" s="519"/>
      <c r="JO7" s="519"/>
      <c r="JP7" s="542"/>
      <c r="JQ7" s="565" t="s">
        <v>52</v>
      </c>
      <c r="JR7" s="518" t="s">
        <v>61</v>
      </c>
      <c r="JS7" s="519"/>
      <c r="JT7" s="520"/>
      <c r="JU7" s="541" t="s">
        <v>62</v>
      </c>
      <c r="JV7" s="519"/>
      <c r="JW7" s="519"/>
      <c r="JX7" s="519"/>
      <c r="JY7" s="519"/>
      <c r="JZ7" s="519"/>
      <c r="KA7" s="542"/>
      <c r="KB7" s="565" t="s">
        <v>52</v>
      </c>
      <c r="KC7" s="518" t="s">
        <v>61</v>
      </c>
      <c r="KD7" s="519"/>
      <c r="KE7" s="520"/>
      <c r="KF7" s="541" t="s">
        <v>62</v>
      </c>
      <c r="KG7" s="519"/>
      <c r="KH7" s="519"/>
      <c r="KI7" s="519"/>
      <c r="KJ7" s="519"/>
      <c r="KK7" s="519"/>
      <c r="KL7" s="542"/>
      <c r="KM7" s="565" t="s">
        <v>52</v>
      </c>
      <c r="KN7" s="518" t="s">
        <v>61</v>
      </c>
      <c r="KO7" s="519"/>
      <c r="KP7" s="520"/>
      <c r="KQ7" s="541" t="s">
        <v>62</v>
      </c>
      <c r="KR7" s="519"/>
      <c r="KS7" s="519"/>
      <c r="KT7" s="519"/>
      <c r="KU7" s="519"/>
      <c r="KV7" s="519"/>
      <c r="KW7" s="542"/>
      <c r="KX7" s="565" t="s">
        <v>52</v>
      </c>
      <c r="KY7" s="518" t="s">
        <v>61</v>
      </c>
      <c r="KZ7" s="519"/>
      <c r="LA7" s="520"/>
      <c r="LB7" s="541" t="s">
        <v>62</v>
      </c>
      <c r="LC7" s="519"/>
      <c r="LD7" s="519"/>
      <c r="LE7" s="519"/>
      <c r="LF7" s="519"/>
      <c r="LG7" s="519"/>
      <c r="LH7" s="542"/>
      <c r="LI7" s="565" t="s">
        <v>52</v>
      </c>
      <c r="LJ7" s="518" t="s">
        <v>61</v>
      </c>
      <c r="LK7" s="519"/>
      <c r="LL7" s="520"/>
      <c r="LM7" s="541" t="s">
        <v>62</v>
      </c>
      <c r="LN7" s="519"/>
      <c r="LO7" s="519"/>
      <c r="LP7" s="519"/>
      <c r="LQ7" s="519"/>
      <c r="LR7" s="519"/>
      <c r="LS7" s="542"/>
      <c r="LT7" s="565" t="s">
        <v>52</v>
      </c>
      <c r="LU7" s="518" t="s">
        <v>61</v>
      </c>
      <c r="LV7" s="519"/>
      <c r="LW7" s="520"/>
      <c r="LX7" s="541" t="s">
        <v>62</v>
      </c>
      <c r="LY7" s="519"/>
      <c r="LZ7" s="519"/>
      <c r="MA7" s="519"/>
      <c r="MB7" s="519"/>
      <c r="MC7" s="519"/>
      <c r="MD7" s="542"/>
      <c r="ME7" s="565" t="s">
        <v>52</v>
      </c>
      <c r="MF7" s="510" t="s">
        <v>61</v>
      </c>
      <c r="MG7" s="511"/>
      <c r="MH7" s="512"/>
      <c r="MI7" s="559" t="s">
        <v>62</v>
      </c>
      <c r="MJ7" s="511"/>
      <c r="MK7" s="511"/>
      <c r="ML7" s="511"/>
      <c r="MM7" s="511"/>
      <c r="MN7" s="511"/>
      <c r="MO7" s="560"/>
      <c r="MP7" s="543" t="s">
        <v>52</v>
      </c>
      <c r="MQ7" s="518" t="s">
        <v>61</v>
      </c>
      <c r="MR7" s="519"/>
      <c r="MS7" s="520"/>
      <c r="MT7" s="541" t="s">
        <v>62</v>
      </c>
      <c r="MU7" s="519"/>
      <c r="MV7" s="519"/>
      <c r="MW7" s="519"/>
      <c r="MX7" s="519"/>
      <c r="MY7" s="519"/>
      <c r="MZ7" s="542"/>
      <c r="NA7" s="565" t="s">
        <v>52</v>
      </c>
      <c r="NB7" s="518" t="s">
        <v>61</v>
      </c>
      <c r="NC7" s="519"/>
      <c r="ND7" s="520"/>
      <c r="NE7" s="541" t="s">
        <v>62</v>
      </c>
      <c r="NF7" s="519"/>
      <c r="NG7" s="519"/>
      <c r="NH7" s="519"/>
      <c r="NI7" s="519"/>
      <c r="NJ7" s="519"/>
      <c r="NK7" s="542"/>
      <c r="NL7" s="565" t="s">
        <v>52</v>
      </c>
      <c r="NM7" s="518" t="s">
        <v>61</v>
      </c>
      <c r="NN7" s="519"/>
      <c r="NO7" s="520"/>
      <c r="NP7" s="541" t="s">
        <v>62</v>
      </c>
      <c r="NQ7" s="519"/>
      <c r="NR7" s="519"/>
      <c r="NS7" s="519"/>
      <c r="NT7" s="519"/>
      <c r="NU7" s="519"/>
      <c r="NV7" s="542"/>
      <c r="NW7" s="565" t="s">
        <v>52</v>
      </c>
      <c r="NX7" s="518" t="s">
        <v>61</v>
      </c>
      <c r="NY7" s="519"/>
      <c r="NZ7" s="520"/>
      <c r="OA7" s="541" t="s">
        <v>62</v>
      </c>
      <c r="OB7" s="519"/>
      <c r="OC7" s="519"/>
      <c r="OD7" s="519"/>
      <c r="OE7" s="519"/>
      <c r="OF7" s="519"/>
      <c r="OG7" s="542"/>
      <c r="OH7" s="565" t="s">
        <v>52</v>
      </c>
      <c r="OI7" s="510" t="s">
        <v>61</v>
      </c>
      <c r="OJ7" s="511"/>
      <c r="OK7" s="512"/>
      <c r="OL7" s="559" t="s">
        <v>62</v>
      </c>
      <c r="OM7" s="511"/>
      <c r="ON7" s="511"/>
      <c r="OO7" s="511"/>
      <c r="OP7" s="511"/>
      <c r="OQ7" s="511"/>
      <c r="OR7" s="560"/>
      <c r="OS7" s="543" t="s">
        <v>52</v>
      </c>
    </row>
    <row r="8" spans="2:409" ht="30" customHeight="1" thickBot="1" x14ac:dyDescent="0.25">
      <c r="B8" s="547"/>
      <c r="C8" s="249" t="s">
        <v>43</v>
      </c>
      <c r="D8" s="74" t="s">
        <v>44</v>
      </c>
      <c r="E8" s="250" t="s">
        <v>45</v>
      </c>
      <c r="F8" s="76" t="s">
        <v>83</v>
      </c>
      <c r="G8" s="74" t="s">
        <v>47</v>
      </c>
      <c r="H8" s="74" t="s">
        <v>48</v>
      </c>
      <c r="I8" s="74" t="s">
        <v>49</v>
      </c>
      <c r="J8" s="74" t="s">
        <v>50</v>
      </c>
      <c r="K8" s="74" t="s">
        <v>51</v>
      </c>
      <c r="L8" s="75" t="s">
        <v>45</v>
      </c>
      <c r="M8" s="557"/>
      <c r="N8" s="73" t="s">
        <v>43</v>
      </c>
      <c r="O8" s="74" t="s">
        <v>44</v>
      </c>
      <c r="P8" s="75" t="s">
        <v>45</v>
      </c>
      <c r="Q8" s="76" t="s">
        <v>83</v>
      </c>
      <c r="R8" s="74" t="s">
        <v>47</v>
      </c>
      <c r="S8" s="74" t="s">
        <v>48</v>
      </c>
      <c r="T8" s="74" t="s">
        <v>49</v>
      </c>
      <c r="U8" s="74" t="s">
        <v>50</v>
      </c>
      <c r="V8" s="74" t="s">
        <v>51</v>
      </c>
      <c r="W8" s="75" t="s">
        <v>45</v>
      </c>
      <c r="X8" s="544"/>
      <c r="Y8" s="73" t="s">
        <v>43</v>
      </c>
      <c r="Z8" s="74" t="s">
        <v>44</v>
      </c>
      <c r="AA8" s="75" t="s">
        <v>45</v>
      </c>
      <c r="AB8" s="76" t="s">
        <v>83</v>
      </c>
      <c r="AC8" s="74" t="s">
        <v>47</v>
      </c>
      <c r="AD8" s="74" t="s">
        <v>48</v>
      </c>
      <c r="AE8" s="74" t="s">
        <v>49</v>
      </c>
      <c r="AF8" s="74" t="s">
        <v>50</v>
      </c>
      <c r="AG8" s="74" t="s">
        <v>51</v>
      </c>
      <c r="AH8" s="75" t="s">
        <v>45</v>
      </c>
      <c r="AI8" s="530"/>
      <c r="AJ8" s="73" t="s">
        <v>43</v>
      </c>
      <c r="AK8" s="74" t="s">
        <v>44</v>
      </c>
      <c r="AL8" s="250" t="s">
        <v>45</v>
      </c>
      <c r="AM8" s="76" t="s">
        <v>83</v>
      </c>
      <c r="AN8" s="74" t="s">
        <v>47</v>
      </c>
      <c r="AO8" s="74" t="s">
        <v>48</v>
      </c>
      <c r="AP8" s="74" t="s">
        <v>49</v>
      </c>
      <c r="AQ8" s="74" t="s">
        <v>50</v>
      </c>
      <c r="AR8" s="74" t="s">
        <v>51</v>
      </c>
      <c r="AS8" s="75" t="s">
        <v>45</v>
      </c>
      <c r="AT8" s="530"/>
      <c r="AU8" s="73" t="s">
        <v>43</v>
      </c>
      <c r="AV8" s="74" t="s">
        <v>44</v>
      </c>
      <c r="AW8" s="250" t="s">
        <v>45</v>
      </c>
      <c r="AX8" s="76" t="s">
        <v>83</v>
      </c>
      <c r="AY8" s="74" t="s">
        <v>47</v>
      </c>
      <c r="AZ8" s="74" t="s">
        <v>48</v>
      </c>
      <c r="BA8" s="74" t="s">
        <v>49</v>
      </c>
      <c r="BB8" s="74" t="s">
        <v>50</v>
      </c>
      <c r="BC8" s="74" t="s">
        <v>51</v>
      </c>
      <c r="BD8" s="75" t="s">
        <v>45</v>
      </c>
      <c r="BE8" s="530"/>
      <c r="BF8" s="251" t="s">
        <v>43</v>
      </c>
      <c r="BG8" s="74" t="s">
        <v>44</v>
      </c>
      <c r="BH8" s="250" t="s">
        <v>45</v>
      </c>
      <c r="BI8" s="76" t="s">
        <v>83</v>
      </c>
      <c r="BJ8" s="74" t="s">
        <v>47</v>
      </c>
      <c r="BK8" s="74" t="s">
        <v>48</v>
      </c>
      <c r="BL8" s="74" t="s">
        <v>49</v>
      </c>
      <c r="BM8" s="74" t="s">
        <v>50</v>
      </c>
      <c r="BN8" s="74" t="s">
        <v>51</v>
      </c>
      <c r="BO8" s="75" t="s">
        <v>45</v>
      </c>
      <c r="BP8" s="530"/>
      <c r="BQ8" s="73" t="s">
        <v>43</v>
      </c>
      <c r="BR8" s="74" t="s">
        <v>44</v>
      </c>
      <c r="BS8" s="250" t="s">
        <v>45</v>
      </c>
      <c r="BT8" s="76" t="s">
        <v>83</v>
      </c>
      <c r="BU8" s="74" t="s">
        <v>47</v>
      </c>
      <c r="BV8" s="74" t="s">
        <v>48</v>
      </c>
      <c r="BW8" s="74" t="s">
        <v>49</v>
      </c>
      <c r="BX8" s="74" t="s">
        <v>50</v>
      </c>
      <c r="BY8" s="74" t="s">
        <v>51</v>
      </c>
      <c r="BZ8" s="75" t="s">
        <v>45</v>
      </c>
      <c r="CA8" s="530"/>
      <c r="CB8" s="73" t="s">
        <v>43</v>
      </c>
      <c r="CC8" s="74" t="s">
        <v>44</v>
      </c>
      <c r="CD8" s="250" t="s">
        <v>45</v>
      </c>
      <c r="CE8" s="76" t="s">
        <v>83</v>
      </c>
      <c r="CF8" s="74" t="s">
        <v>47</v>
      </c>
      <c r="CG8" s="74" t="s">
        <v>48</v>
      </c>
      <c r="CH8" s="74" t="s">
        <v>49</v>
      </c>
      <c r="CI8" s="74" t="s">
        <v>50</v>
      </c>
      <c r="CJ8" s="74" t="s">
        <v>51</v>
      </c>
      <c r="CK8" s="75" t="s">
        <v>45</v>
      </c>
      <c r="CL8" s="544"/>
      <c r="CM8" s="73" t="s">
        <v>43</v>
      </c>
      <c r="CN8" s="74" t="s">
        <v>44</v>
      </c>
      <c r="CO8" s="75" t="s">
        <v>45</v>
      </c>
      <c r="CP8" s="76" t="s">
        <v>83</v>
      </c>
      <c r="CQ8" s="74" t="s">
        <v>47</v>
      </c>
      <c r="CR8" s="74" t="s">
        <v>48</v>
      </c>
      <c r="CS8" s="74" t="s">
        <v>49</v>
      </c>
      <c r="CT8" s="74" t="s">
        <v>50</v>
      </c>
      <c r="CU8" s="74" t="s">
        <v>51</v>
      </c>
      <c r="CV8" s="75" t="s">
        <v>45</v>
      </c>
      <c r="CW8" s="544"/>
      <c r="CX8" s="73" t="s">
        <v>43</v>
      </c>
      <c r="CY8" s="74" t="s">
        <v>44</v>
      </c>
      <c r="CZ8" s="75" t="s">
        <v>45</v>
      </c>
      <c r="DA8" s="76" t="s">
        <v>83</v>
      </c>
      <c r="DB8" s="74" t="s">
        <v>47</v>
      </c>
      <c r="DC8" s="74" t="s">
        <v>48</v>
      </c>
      <c r="DD8" s="74" t="s">
        <v>49</v>
      </c>
      <c r="DE8" s="74" t="s">
        <v>50</v>
      </c>
      <c r="DF8" s="74" t="s">
        <v>51</v>
      </c>
      <c r="DG8" s="75" t="s">
        <v>45</v>
      </c>
      <c r="DH8" s="544"/>
      <c r="DI8" s="73" t="s">
        <v>43</v>
      </c>
      <c r="DJ8" s="74" t="s">
        <v>44</v>
      </c>
      <c r="DK8" s="75" t="s">
        <v>45</v>
      </c>
      <c r="DL8" s="76" t="s">
        <v>83</v>
      </c>
      <c r="DM8" s="74" t="s">
        <v>47</v>
      </c>
      <c r="DN8" s="74" t="s">
        <v>48</v>
      </c>
      <c r="DO8" s="74" t="s">
        <v>49</v>
      </c>
      <c r="DP8" s="74" t="s">
        <v>50</v>
      </c>
      <c r="DQ8" s="74" t="s">
        <v>51</v>
      </c>
      <c r="DR8" s="75" t="s">
        <v>45</v>
      </c>
      <c r="DS8" s="544"/>
      <c r="DT8" s="73" t="s">
        <v>43</v>
      </c>
      <c r="DU8" s="74" t="s">
        <v>44</v>
      </c>
      <c r="DV8" s="250" t="s">
        <v>45</v>
      </c>
      <c r="DW8" s="76" t="s">
        <v>83</v>
      </c>
      <c r="DX8" s="74" t="s">
        <v>47</v>
      </c>
      <c r="DY8" s="74" t="s">
        <v>48</v>
      </c>
      <c r="DZ8" s="74" t="s">
        <v>49</v>
      </c>
      <c r="EA8" s="74" t="s">
        <v>50</v>
      </c>
      <c r="EB8" s="74" t="s">
        <v>51</v>
      </c>
      <c r="EC8" s="75" t="s">
        <v>45</v>
      </c>
      <c r="ED8" s="530"/>
      <c r="EE8" s="73" t="s">
        <v>43</v>
      </c>
      <c r="EF8" s="74" t="s">
        <v>44</v>
      </c>
      <c r="EG8" s="250" t="s">
        <v>45</v>
      </c>
      <c r="EH8" s="76" t="s">
        <v>83</v>
      </c>
      <c r="EI8" s="74" t="s">
        <v>47</v>
      </c>
      <c r="EJ8" s="74" t="s">
        <v>48</v>
      </c>
      <c r="EK8" s="74" t="s">
        <v>49</v>
      </c>
      <c r="EL8" s="74" t="s">
        <v>50</v>
      </c>
      <c r="EM8" s="74" t="s">
        <v>51</v>
      </c>
      <c r="EN8" s="75" t="s">
        <v>45</v>
      </c>
      <c r="EO8" s="530"/>
      <c r="EP8" s="73" t="s">
        <v>43</v>
      </c>
      <c r="EQ8" s="74" t="s">
        <v>44</v>
      </c>
      <c r="ER8" s="250" t="s">
        <v>45</v>
      </c>
      <c r="ES8" s="76" t="s">
        <v>83</v>
      </c>
      <c r="ET8" s="74" t="s">
        <v>47</v>
      </c>
      <c r="EU8" s="74" t="s">
        <v>48</v>
      </c>
      <c r="EV8" s="74" t="s">
        <v>49</v>
      </c>
      <c r="EW8" s="74" t="s">
        <v>50</v>
      </c>
      <c r="EX8" s="74" t="s">
        <v>51</v>
      </c>
      <c r="EY8" s="75" t="s">
        <v>45</v>
      </c>
      <c r="EZ8" s="530"/>
      <c r="FA8" s="73" t="s">
        <v>43</v>
      </c>
      <c r="FB8" s="74" t="s">
        <v>44</v>
      </c>
      <c r="FC8" s="250" t="s">
        <v>45</v>
      </c>
      <c r="FD8" s="76" t="s">
        <v>83</v>
      </c>
      <c r="FE8" s="74" t="s">
        <v>47</v>
      </c>
      <c r="FF8" s="74" t="s">
        <v>48</v>
      </c>
      <c r="FG8" s="74" t="s">
        <v>49</v>
      </c>
      <c r="FH8" s="74" t="s">
        <v>50</v>
      </c>
      <c r="FI8" s="74" t="s">
        <v>51</v>
      </c>
      <c r="FJ8" s="75" t="s">
        <v>45</v>
      </c>
      <c r="FK8" s="530"/>
      <c r="FL8" s="73" t="s">
        <v>43</v>
      </c>
      <c r="FM8" s="74" t="s">
        <v>44</v>
      </c>
      <c r="FN8" s="250" t="s">
        <v>45</v>
      </c>
      <c r="FO8" s="76" t="s">
        <v>83</v>
      </c>
      <c r="FP8" s="74" t="s">
        <v>47</v>
      </c>
      <c r="FQ8" s="74" t="s">
        <v>48</v>
      </c>
      <c r="FR8" s="74" t="s">
        <v>49</v>
      </c>
      <c r="FS8" s="74" t="s">
        <v>50</v>
      </c>
      <c r="FT8" s="74" t="s">
        <v>51</v>
      </c>
      <c r="FU8" s="75" t="s">
        <v>45</v>
      </c>
      <c r="FV8" s="564"/>
      <c r="FW8" s="73" t="s">
        <v>43</v>
      </c>
      <c r="FX8" s="74" t="s">
        <v>44</v>
      </c>
      <c r="FY8" s="250" t="s">
        <v>45</v>
      </c>
      <c r="FZ8" s="76" t="s">
        <v>83</v>
      </c>
      <c r="GA8" s="74" t="s">
        <v>47</v>
      </c>
      <c r="GB8" s="74" t="s">
        <v>48</v>
      </c>
      <c r="GC8" s="74" t="s">
        <v>49</v>
      </c>
      <c r="GD8" s="74" t="s">
        <v>50</v>
      </c>
      <c r="GE8" s="74" t="s">
        <v>51</v>
      </c>
      <c r="GF8" s="75" t="s">
        <v>45</v>
      </c>
      <c r="GG8" s="530"/>
      <c r="GH8" s="73" t="s">
        <v>43</v>
      </c>
      <c r="GI8" s="74" t="s">
        <v>44</v>
      </c>
      <c r="GJ8" s="250" t="s">
        <v>45</v>
      </c>
      <c r="GK8" s="76" t="s">
        <v>83</v>
      </c>
      <c r="GL8" s="74" t="s">
        <v>47</v>
      </c>
      <c r="GM8" s="74" t="s">
        <v>48</v>
      </c>
      <c r="GN8" s="74" t="s">
        <v>49</v>
      </c>
      <c r="GO8" s="74" t="s">
        <v>50</v>
      </c>
      <c r="GP8" s="74" t="s">
        <v>51</v>
      </c>
      <c r="GQ8" s="75" t="s">
        <v>45</v>
      </c>
      <c r="GR8" s="563"/>
      <c r="GS8" s="73" t="s">
        <v>43</v>
      </c>
      <c r="GT8" s="74" t="s">
        <v>44</v>
      </c>
      <c r="GU8" s="250" t="s">
        <v>45</v>
      </c>
      <c r="GV8" s="76" t="s">
        <v>83</v>
      </c>
      <c r="GW8" s="74" t="s">
        <v>47</v>
      </c>
      <c r="GX8" s="74" t="s">
        <v>48</v>
      </c>
      <c r="GY8" s="74" t="s">
        <v>49</v>
      </c>
      <c r="GZ8" s="74" t="s">
        <v>50</v>
      </c>
      <c r="HA8" s="74" t="s">
        <v>51</v>
      </c>
      <c r="HB8" s="75" t="s">
        <v>45</v>
      </c>
      <c r="HC8" s="563"/>
      <c r="HD8" s="73" t="s">
        <v>43</v>
      </c>
      <c r="HE8" s="74" t="s">
        <v>44</v>
      </c>
      <c r="HF8" s="250" t="s">
        <v>45</v>
      </c>
      <c r="HG8" s="76" t="s">
        <v>83</v>
      </c>
      <c r="HH8" s="74" t="s">
        <v>47</v>
      </c>
      <c r="HI8" s="74" t="s">
        <v>48</v>
      </c>
      <c r="HJ8" s="74" t="s">
        <v>49</v>
      </c>
      <c r="HK8" s="74" t="s">
        <v>50</v>
      </c>
      <c r="HL8" s="74" t="s">
        <v>51</v>
      </c>
      <c r="HM8" s="75" t="s">
        <v>45</v>
      </c>
      <c r="HN8" s="530"/>
      <c r="HO8" s="73" t="s">
        <v>43</v>
      </c>
      <c r="HP8" s="74" t="s">
        <v>44</v>
      </c>
      <c r="HQ8" s="250" t="s">
        <v>45</v>
      </c>
      <c r="HR8" s="76" t="s">
        <v>83</v>
      </c>
      <c r="HS8" s="74" t="s">
        <v>47</v>
      </c>
      <c r="HT8" s="74" t="s">
        <v>48</v>
      </c>
      <c r="HU8" s="74" t="s">
        <v>49</v>
      </c>
      <c r="HV8" s="74" t="s">
        <v>50</v>
      </c>
      <c r="HW8" s="74" t="s">
        <v>51</v>
      </c>
      <c r="HX8" s="75" t="s">
        <v>45</v>
      </c>
      <c r="HY8" s="530"/>
      <c r="HZ8" s="73" t="s">
        <v>43</v>
      </c>
      <c r="IA8" s="74" t="s">
        <v>44</v>
      </c>
      <c r="IB8" s="250" t="s">
        <v>45</v>
      </c>
      <c r="IC8" s="76" t="s">
        <v>83</v>
      </c>
      <c r="ID8" s="74" t="s">
        <v>47</v>
      </c>
      <c r="IE8" s="74" t="s">
        <v>48</v>
      </c>
      <c r="IF8" s="74" t="s">
        <v>49</v>
      </c>
      <c r="IG8" s="74" t="s">
        <v>50</v>
      </c>
      <c r="IH8" s="74" t="s">
        <v>51</v>
      </c>
      <c r="II8" s="75" t="s">
        <v>45</v>
      </c>
      <c r="IJ8" s="564"/>
      <c r="IK8" s="73" t="s">
        <v>43</v>
      </c>
      <c r="IL8" s="74" t="s">
        <v>44</v>
      </c>
      <c r="IM8" s="250" t="s">
        <v>45</v>
      </c>
      <c r="IN8" s="76" t="s">
        <v>83</v>
      </c>
      <c r="IO8" s="252" t="s">
        <v>47</v>
      </c>
      <c r="IP8" s="252" t="s">
        <v>48</v>
      </c>
      <c r="IQ8" s="252" t="s">
        <v>49</v>
      </c>
      <c r="IR8" s="252" t="s">
        <v>50</v>
      </c>
      <c r="IS8" s="252" t="s">
        <v>51</v>
      </c>
      <c r="IT8" s="253" t="s">
        <v>45</v>
      </c>
      <c r="IU8" s="567"/>
      <c r="IV8" s="251" t="s">
        <v>43</v>
      </c>
      <c r="IW8" s="252" t="s">
        <v>44</v>
      </c>
      <c r="IX8" s="253" t="s">
        <v>45</v>
      </c>
      <c r="IY8" s="76" t="s">
        <v>83</v>
      </c>
      <c r="IZ8" s="252" t="s">
        <v>47</v>
      </c>
      <c r="JA8" s="252" t="s">
        <v>48</v>
      </c>
      <c r="JB8" s="252" t="s">
        <v>49</v>
      </c>
      <c r="JC8" s="252" t="s">
        <v>50</v>
      </c>
      <c r="JD8" s="252" t="s">
        <v>51</v>
      </c>
      <c r="JE8" s="253" t="s">
        <v>45</v>
      </c>
      <c r="JF8" s="567"/>
      <c r="JG8" s="251" t="s">
        <v>43</v>
      </c>
      <c r="JH8" s="252" t="s">
        <v>44</v>
      </c>
      <c r="JI8" s="254" t="s">
        <v>45</v>
      </c>
      <c r="JJ8" s="231" t="s">
        <v>83</v>
      </c>
      <c r="JK8" s="252" t="s">
        <v>47</v>
      </c>
      <c r="JL8" s="252" t="s">
        <v>48</v>
      </c>
      <c r="JM8" s="252" t="s">
        <v>49</v>
      </c>
      <c r="JN8" s="252" t="s">
        <v>50</v>
      </c>
      <c r="JO8" s="252" t="s">
        <v>51</v>
      </c>
      <c r="JP8" s="253" t="s">
        <v>45</v>
      </c>
      <c r="JQ8" s="566"/>
      <c r="JR8" s="251" t="s">
        <v>43</v>
      </c>
      <c r="JS8" s="252" t="s">
        <v>44</v>
      </c>
      <c r="JT8" s="254" t="s">
        <v>45</v>
      </c>
      <c r="JU8" s="231" t="s">
        <v>83</v>
      </c>
      <c r="JV8" s="252" t="s">
        <v>47</v>
      </c>
      <c r="JW8" s="252" t="s">
        <v>48</v>
      </c>
      <c r="JX8" s="252" t="s">
        <v>49</v>
      </c>
      <c r="JY8" s="252" t="s">
        <v>50</v>
      </c>
      <c r="JZ8" s="252" t="s">
        <v>51</v>
      </c>
      <c r="KA8" s="253" t="s">
        <v>45</v>
      </c>
      <c r="KB8" s="566"/>
      <c r="KC8" s="251" t="s">
        <v>43</v>
      </c>
      <c r="KD8" s="252" t="s">
        <v>44</v>
      </c>
      <c r="KE8" s="254" t="s">
        <v>45</v>
      </c>
      <c r="KF8" s="231" t="s">
        <v>83</v>
      </c>
      <c r="KG8" s="252" t="s">
        <v>47</v>
      </c>
      <c r="KH8" s="252" t="s">
        <v>48</v>
      </c>
      <c r="KI8" s="252" t="s">
        <v>49</v>
      </c>
      <c r="KJ8" s="252" t="s">
        <v>50</v>
      </c>
      <c r="KK8" s="252" t="s">
        <v>51</v>
      </c>
      <c r="KL8" s="253" t="s">
        <v>45</v>
      </c>
      <c r="KM8" s="566"/>
      <c r="KN8" s="251" t="s">
        <v>43</v>
      </c>
      <c r="KO8" s="252" t="s">
        <v>44</v>
      </c>
      <c r="KP8" s="254" t="s">
        <v>45</v>
      </c>
      <c r="KQ8" s="76" t="s">
        <v>83</v>
      </c>
      <c r="KR8" s="252" t="s">
        <v>47</v>
      </c>
      <c r="KS8" s="252" t="s">
        <v>48</v>
      </c>
      <c r="KT8" s="252" t="s">
        <v>49</v>
      </c>
      <c r="KU8" s="252" t="s">
        <v>50</v>
      </c>
      <c r="KV8" s="252" t="s">
        <v>51</v>
      </c>
      <c r="KW8" s="253" t="s">
        <v>45</v>
      </c>
      <c r="KX8" s="566"/>
      <c r="KY8" s="251" t="s">
        <v>43</v>
      </c>
      <c r="KZ8" s="252" t="s">
        <v>44</v>
      </c>
      <c r="LA8" s="254" t="s">
        <v>45</v>
      </c>
      <c r="LB8" s="76" t="s">
        <v>83</v>
      </c>
      <c r="LC8" s="252" t="s">
        <v>47</v>
      </c>
      <c r="LD8" s="252" t="s">
        <v>48</v>
      </c>
      <c r="LE8" s="252" t="s">
        <v>49</v>
      </c>
      <c r="LF8" s="252" t="s">
        <v>50</v>
      </c>
      <c r="LG8" s="252" t="s">
        <v>51</v>
      </c>
      <c r="LH8" s="253" t="s">
        <v>45</v>
      </c>
      <c r="LI8" s="566"/>
      <c r="LJ8" s="251" t="s">
        <v>43</v>
      </c>
      <c r="LK8" s="252" t="s">
        <v>44</v>
      </c>
      <c r="LL8" s="254" t="s">
        <v>45</v>
      </c>
      <c r="LM8" s="76" t="s">
        <v>83</v>
      </c>
      <c r="LN8" s="252" t="s">
        <v>47</v>
      </c>
      <c r="LO8" s="252" t="s">
        <v>48</v>
      </c>
      <c r="LP8" s="252" t="s">
        <v>49</v>
      </c>
      <c r="LQ8" s="252" t="s">
        <v>50</v>
      </c>
      <c r="LR8" s="252" t="s">
        <v>51</v>
      </c>
      <c r="LS8" s="253" t="s">
        <v>45</v>
      </c>
      <c r="LT8" s="566"/>
      <c r="LU8" s="251" t="s">
        <v>43</v>
      </c>
      <c r="LV8" s="252" t="s">
        <v>44</v>
      </c>
      <c r="LW8" s="254" t="s">
        <v>45</v>
      </c>
      <c r="LX8" s="76" t="s">
        <v>83</v>
      </c>
      <c r="LY8" s="252" t="s">
        <v>47</v>
      </c>
      <c r="LZ8" s="252" t="s">
        <v>48</v>
      </c>
      <c r="MA8" s="252" t="s">
        <v>49</v>
      </c>
      <c r="MB8" s="252" t="s">
        <v>50</v>
      </c>
      <c r="MC8" s="252" t="s">
        <v>51</v>
      </c>
      <c r="MD8" s="253" t="s">
        <v>45</v>
      </c>
      <c r="ME8" s="566"/>
      <c r="MF8" s="251" t="s">
        <v>43</v>
      </c>
      <c r="MG8" s="252" t="s">
        <v>44</v>
      </c>
      <c r="MH8" s="254" t="s">
        <v>45</v>
      </c>
      <c r="MI8" s="76" t="s">
        <v>83</v>
      </c>
      <c r="MJ8" s="252" t="s">
        <v>47</v>
      </c>
      <c r="MK8" s="252" t="s">
        <v>48</v>
      </c>
      <c r="ML8" s="252" t="s">
        <v>49</v>
      </c>
      <c r="MM8" s="252" t="s">
        <v>50</v>
      </c>
      <c r="MN8" s="252" t="s">
        <v>51</v>
      </c>
      <c r="MO8" s="253" t="s">
        <v>45</v>
      </c>
      <c r="MP8" s="566"/>
      <c r="MQ8" s="251" t="s">
        <v>43</v>
      </c>
      <c r="MR8" s="252" t="s">
        <v>44</v>
      </c>
      <c r="MS8" s="254" t="s">
        <v>45</v>
      </c>
      <c r="MT8" s="76" t="s">
        <v>83</v>
      </c>
      <c r="MU8" s="252" t="s">
        <v>47</v>
      </c>
      <c r="MV8" s="252" t="s">
        <v>48</v>
      </c>
      <c r="MW8" s="252" t="s">
        <v>49</v>
      </c>
      <c r="MX8" s="252" t="s">
        <v>50</v>
      </c>
      <c r="MY8" s="252" t="s">
        <v>51</v>
      </c>
      <c r="MZ8" s="253" t="s">
        <v>45</v>
      </c>
      <c r="NA8" s="566"/>
      <c r="NB8" s="251" t="s">
        <v>43</v>
      </c>
      <c r="NC8" s="252" t="s">
        <v>44</v>
      </c>
      <c r="ND8" s="254" t="s">
        <v>45</v>
      </c>
      <c r="NE8" s="76" t="s">
        <v>83</v>
      </c>
      <c r="NF8" s="252" t="s">
        <v>47</v>
      </c>
      <c r="NG8" s="252" t="s">
        <v>48</v>
      </c>
      <c r="NH8" s="252" t="s">
        <v>49</v>
      </c>
      <c r="NI8" s="252" t="s">
        <v>50</v>
      </c>
      <c r="NJ8" s="252" t="s">
        <v>51</v>
      </c>
      <c r="NK8" s="253" t="s">
        <v>45</v>
      </c>
      <c r="NL8" s="566"/>
      <c r="NM8" s="251" t="s">
        <v>43</v>
      </c>
      <c r="NN8" s="252" t="s">
        <v>44</v>
      </c>
      <c r="NO8" s="254" t="s">
        <v>45</v>
      </c>
      <c r="NP8" s="76" t="s">
        <v>83</v>
      </c>
      <c r="NQ8" s="252" t="s">
        <v>47</v>
      </c>
      <c r="NR8" s="252" t="s">
        <v>48</v>
      </c>
      <c r="NS8" s="252" t="s">
        <v>49</v>
      </c>
      <c r="NT8" s="252" t="s">
        <v>50</v>
      </c>
      <c r="NU8" s="252" t="s">
        <v>51</v>
      </c>
      <c r="NV8" s="253" t="s">
        <v>45</v>
      </c>
      <c r="NW8" s="566"/>
      <c r="NX8" s="251" t="s">
        <v>43</v>
      </c>
      <c r="NY8" s="252" t="s">
        <v>44</v>
      </c>
      <c r="NZ8" s="254" t="s">
        <v>45</v>
      </c>
      <c r="OA8" s="76" t="s">
        <v>83</v>
      </c>
      <c r="OB8" s="252" t="s">
        <v>47</v>
      </c>
      <c r="OC8" s="252" t="s">
        <v>48</v>
      </c>
      <c r="OD8" s="252" t="s">
        <v>49</v>
      </c>
      <c r="OE8" s="252" t="s">
        <v>50</v>
      </c>
      <c r="OF8" s="252" t="s">
        <v>51</v>
      </c>
      <c r="OG8" s="253" t="s">
        <v>45</v>
      </c>
      <c r="OH8" s="566"/>
      <c r="OI8" s="251" t="s">
        <v>43</v>
      </c>
      <c r="OJ8" s="252" t="s">
        <v>44</v>
      </c>
      <c r="OK8" s="254" t="s">
        <v>45</v>
      </c>
      <c r="OL8" s="231" t="s">
        <v>83</v>
      </c>
      <c r="OM8" s="252" t="s">
        <v>47</v>
      </c>
      <c r="ON8" s="252" t="s">
        <v>48</v>
      </c>
      <c r="OO8" s="252" t="s">
        <v>49</v>
      </c>
      <c r="OP8" s="252" t="s">
        <v>50</v>
      </c>
      <c r="OQ8" s="252" t="s">
        <v>51</v>
      </c>
      <c r="OR8" s="253" t="s">
        <v>45</v>
      </c>
      <c r="OS8" s="566"/>
    </row>
    <row r="9" spans="2:409" s="407" customFormat="1" ht="21" customHeight="1" x14ac:dyDescent="0.2">
      <c r="B9" s="84" t="s">
        <v>4</v>
      </c>
      <c r="C9" s="255">
        <v>30684491</v>
      </c>
      <c r="D9" s="256">
        <v>53591253</v>
      </c>
      <c r="E9" s="257">
        <v>84275744</v>
      </c>
      <c r="F9" s="258">
        <v>0</v>
      </c>
      <c r="G9" s="256">
        <v>291302800</v>
      </c>
      <c r="H9" s="256">
        <v>405984594</v>
      </c>
      <c r="I9" s="256">
        <v>331766223</v>
      </c>
      <c r="J9" s="256">
        <v>327209767</v>
      </c>
      <c r="K9" s="256">
        <v>252759721</v>
      </c>
      <c r="L9" s="259">
        <v>1609023105</v>
      </c>
      <c r="M9" s="260">
        <v>1693298849</v>
      </c>
      <c r="N9" s="255">
        <v>9484723</v>
      </c>
      <c r="O9" s="256">
        <v>20946710</v>
      </c>
      <c r="P9" s="261">
        <v>30431433</v>
      </c>
      <c r="Q9" s="255">
        <v>0</v>
      </c>
      <c r="R9" s="256">
        <v>91975107</v>
      </c>
      <c r="S9" s="256">
        <v>145026090</v>
      </c>
      <c r="T9" s="256">
        <v>109621040</v>
      </c>
      <c r="U9" s="256">
        <v>120523406</v>
      </c>
      <c r="V9" s="256">
        <v>117184559</v>
      </c>
      <c r="W9" s="261">
        <v>584330202</v>
      </c>
      <c r="X9" s="260">
        <v>614761635</v>
      </c>
      <c r="Y9" s="255">
        <v>0</v>
      </c>
      <c r="Z9" s="256">
        <v>0</v>
      </c>
      <c r="AA9" s="261">
        <v>0</v>
      </c>
      <c r="AB9" s="262">
        <v>0</v>
      </c>
      <c r="AC9" s="263">
        <v>33767505</v>
      </c>
      <c r="AD9" s="263">
        <v>58152980</v>
      </c>
      <c r="AE9" s="263">
        <v>51913573</v>
      </c>
      <c r="AF9" s="263">
        <v>60062994</v>
      </c>
      <c r="AG9" s="263">
        <v>64171691</v>
      </c>
      <c r="AH9" s="261">
        <v>268068743</v>
      </c>
      <c r="AI9" s="260">
        <v>268068743</v>
      </c>
      <c r="AJ9" s="264">
        <v>0</v>
      </c>
      <c r="AK9" s="263">
        <v>38148</v>
      </c>
      <c r="AL9" s="261">
        <v>38148</v>
      </c>
      <c r="AM9" s="262">
        <v>0</v>
      </c>
      <c r="AN9" s="263">
        <v>395607</v>
      </c>
      <c r="AO9" s="259">
        <v>996948</v>
      </c>
      <c r="AP9" s="263">
        <v>2559048</v>
      </c>
      <c r="AQ9" s="263">
        <v>6831608</v>
      </c>
      <c r="AR9" s="263">
        <v>13187650</v>
      </c>
      <c r="AS9" s="261">
        <v>23970861</v>
      </c>
      <c r="AT9" s="260">
        <v>24009009</v>
      </c>
      <c r="AU9" s="264">
        <v>5261594</v>
      </c>
      <c r="AV9" s="263">
        <v>14378432</v>
      </c>
      <c r="AW9" s="261">
        <v>19640026</v>
      </c>
      <c r="AX9" s="262">
        <v>0</v>
      </c>
      <c r="AY9" s="263">
        <v>36767608</v>
      </c>
      <c r="AZ9" s="263">
        <v>59311124</v>
      </c>
      <c r="BA9" s="263">
        <v>33663383</v>
      </c>
      <c r="BB9" s="263">
        <v>32141027</v>
      </c>
      <c r="BC9" s="263">
        <v>22485521</v>
      </c>
      <c r="BD9" s="261">
        <v>184368663</v>
      </c>
      <c r="BE9" s="265">
        <v>204008689</v>
      </c>
      <c r="BF9" s="264">
        <v>487796</v>
      </c>
      <c r="BG9" s="259">
        <v>2324252</v>
      </c>
      <c r="BH9" s="266">
        <v>2812048</v>
      </c>
      <c r="BI9" s="262">
        <v>0</v>
      </c>
      <c r="BJ9" s="263">
        <v>3531668</v>
      </c>
      <c r="BK9" s="263">
        <v>4908780</v>
      </c>
      <c r="BL9" s="263">
        <v>2724117</v>
      </c>
      <c r="BM9" s="263">
        <v>2830779</v>
      </c>
      <c r="BN9" s="263">
        <v>1858133</v>
      </c>
      <c r="BO9" s="261">
        <v>15853477</v>
      </c>
      <c r="BP9" s="260">
        <v>18665525</v>
      </c>
      <c r="BQ9" s="264">
        <v>3735333</v>
      </c>
      <c r="BR9" s="263">
        <v>4205878</v>
      </c>
      <c r="BS9" s="261">
        <v>7941211</v>
      </c>
      <c r="BT9" s="262">
        <v>0</v>
      </c>
      <c r="BU9" s="263">
        <v>17512719</v>
      </c>
      <c r="BV9" s="263">
        <v>21656258</v>
      </c>
      <c r="BW9" s="263">
        <v>18760919</v>
      </c>
      <c r="BX9" s="263">
        <v>18656998</v>
      </c>
      <c r="BY9" s="263">
        <v>15481564</v>
      </c>
      <c r="BZ9" s="261">
        <v>92068458</v>
      </c>
      <c r="CA9" s="260">
        <v>100009669</v>
      </c>
      <c r="CB9" s="264">
        <v>2469408</v>
      </c>
      <c r="CC9" s="263">
        <v>6686778</v>
      </c>
      <c r="CD9" s="261">
        <v>9156186</v>
      </c>
      <c r="CE9" s="262">
        <v>0</v>
      </c>
      <c r="CF9" s="263">
        <v>73654041</v>
      </c>
      <c r="CG9" s="263">
        <v>91346492</v>
      </c>
      <c r="CH9" s="267">
        <v>66113306</v>
      </c>
      <c r="CI9" s="263">
        <v>40990871</v>
      </c>
      <c r="CJ9" s="263">
        <v>16612564</v>
      </c>
      <c r="CK9" s="261">
        <v>288717274</v>
      </c>
      <c r="CL9" s="260">
        <v>297873460</v>
      </c>
      <c r="CM9" s="255">
        <v>0</v>
      </c>
      <c r="CN9" s="256">
        <v>0</v>
      </c>
      <c r="CO9" s="261">
        <v>0</v>
      </c>
      <c r="CP9" s="262">
        <v>0</v>
      </c>
      <c r="CQ9" s="263">
        <v>59002261</v>
      </c>
      <c r="CR9" s="263">
        <v>67782546</v>
      </c>
      <c r="CS9" s="263">
        <v>44529419</v>
      </c>
      <c r="CT9" s="263">
        <v>26831711</v>
      </c>
      <c r="CU9" s="263">
        <v>12310838</v>
      </c>
      <c r="CV9" s="268">
        <v>210456775</v>
      </c>
      <c r="CW9" s="260">
        <v>210456775</v>
      </c>
      <c r="CX9" s="264">
        <v>2469408</v>
      </c>
      <c r="CY9" s="263">
        <v>6686778</v>
      </c>
      <c r="CZ9" s="261">
        <v>9156186</v>
      </c>
      <c r="DA9" s="262">
        <v>0</v>
      </c>
      <c r="DB9" s="263">
        <v>14651780</v>
      </c>
      <c r="DC9" s="263">
        <v>23563946</v>
      </c>
      <c r="DD9" s="263">
        <v>21583887</v>
      </c>
      <c r="DE9" s="263">
        <v>14159160</v>
      </c>
      <c r="DF9" s="263">
        <v>4301726</v>
      </c>
      <c r="DG9" s="261">
        <v>78260499</v>
      </c>
      <c r="DH9" s="260">
        <v>87416685</v>
      </c>
      <c r="DI9" s="264">
        <v>239597</v>
      </c>
      <c r="DJ9" s="263">
        <v>904244</v>
      </c>
      <c r="DK9" s="266">
        <v>1143841</v>
      </c>
      <c r="DL9" s="262">
        <v>0</v>
      </c>
      <c r="DM9" s="263">
        <v>8312504</v>
      </c>
      <c r="DN9" s="263">
        <v>16853606</v>
      </c>
      <c r="DO9" s="263">
        <v>26566126</v>
      </c>
      <c r="DP9" s="263">
        <v>22023470</v>
      </c>
      <c r="DQ9" s="263">
        <v>12130199</v>
      </c>
      <c r="DR9" s="269">
        <v>85885905</v>
      </c>
      <c r="DS9" s="260">
        <v>87029746</v>
      </c>
      <c r="DT9" s="264">
        <v>197261</v>
      </c>
      <c r="DU9" s="263">
        <v>677934</v>
      </c>
      <c r="DV9" s="261">
        <v>875195</v>
      </c>
      <c r="DW9" s="262">
        <v>0</v>
      </c>
      <c r="DX9" s="263">
        <v>7317879</v>
      </c>
      <c r="DY9" s="263">
        <v>13719125</v>
      </c>
      <c r="DZ9" s="263">
        <v>22420629</v>
      </c>
      <c r="EA9" s="263">
        <v>16749795</v>
      </c>
      <c r="EB9" s="263">
        <v>9414427</v>
      </c>
      <c r="EC9" s="261">
        <v>69621855</v>
      </c>
      <c r="ED9" s="260">
        <v>70497050</v>
      </c>
      <c r="EE9" s="264">
        <v>42336</v>
      </c>
      <c r="EF9" s="259">
        <v>226310</v>
      </c>
      <c r="EG9" s="261">
        <v>268646</v>
      </c>
      <c r="EH9" s="265">
        <v>0</v>
      </c>
      <c r="EI9" s="263">
        <v>948230</v>
      </c>
      <c r="EJ9" s="263">
        <v>3134481</v>
      </c>
      <c r="EK9" s="263">
        <v>4145497</v>
      </c>
      <c r="EL9" s="263">
        <v>5273675</v>
      </c>
      <c r="EM9" s="267">
        <v>2715772</v>
      </c>
      <c r="EN9" s="259">
        <v>16217655</v>
      </c>
      <c r="EO9" s="260">
        <v>16486301</v>
      </c>
      <c r="EP9" s="264">
        <v>0</v>
      </c>
      <c r="EQ9" s="263">
        <v>0</v>
      </c>
      <c r="ER9" s="259">
        <v>0</v>
      </c>
      <c r="ES9" s="262">
        <v>0</v>
      </c>
      <c r="ET9" s="263">
        <v>0</v>
      </c>
      <c r="EU9" s="263">
        <v>0</v>
      </c>
      <c r="EV9" s="263">
        <v>0</v>
      </c>
      <c r="EW9" s="263">
        <v>0</v>
      </c>
      <c r="EX9" s="263">
        <v>0</v>
      </c>
      <c r="EY9" s="268">
        <v>0</v>
      </c>
      <c r="EZ9" s="260">
        <v>0</v>
      </c>
      <c r="FA9" s="264">
        <v>0</v>
      </c>
      <c r="FB9" s="263">
        <v>0</v>
      </c>
      <c r="FC9" s="259">
        <v>0</v>
      </c>
      <c r="FD9" s="402">
        <v>0</v>
      </c>
      <c r="FE9" s="263">
        <v>46395</v>
      </c>
      <c r="FF9" s="263">
        <v>0</v>
      </c>
      <c r="FG9" s="263">
        <v>0</v>
      </c>
      <c r="FH9" s="263">
        <v>0</v>
      </c>
      <c r="FI9" s="263">
        <v>0</v>
      </c>
      <c r="FJ9" s="268">
        <v>46395</v>
      </c>
      <c r="FK9" s="260">
        <v>46395</v>
      </c>
      <c r="FL9" s="264">
        <v>5717070</v>
      </c>
      <c r="FM9" s="263">
        <v>9914326</v>
      </c>
      <c r="FN9" s="261">
        <v>15631396</v>
      </c>
      <c r="FO9" s="262">
        <v>0</v>
      </c>
      <c r="FP9" s="263">
        <v>14393117</v>
      </c>
      <c r="FQ9" s="263">
        <v>35533499</v>
      </c>
      <c r="FR9" s="263">
        <v>24265978</v>
      </c>
      <c r="FS9" s="263">
        <v>21966650</v>
      </c>
      <c r="FT9" s="263">
        <v>14338856</v>
      </c>
      <c r="FU9" s="261">
        <v>110498100</v>
      </c>
      <c r="FV9" s="260">
        <v>126129496</v>
      </c>
      <c r="FW9" s="264">
        <v>2655057</v>
      </c>
      <c r="FX9" s="263">
        <v>7440973</v>
      </c>
      <c r="FY9" s="259">
        <v>10096030</v>
      </c>
      <c r="FZ9" s="265">
        <v>0</v>
      </c>
      <c r="GA9" s="263">
        <v>10031385</v>
      </c>
      <c r="GB9" s="270">
        <v>30645821</v>
      </c>
      <c r="GC9" s="263">
        <v>21649181</v>
      </c>
      <c r="GD9" s="270">
        <v>19082886</v>
      </c>
      <c r="GE9" s="263">
        <v>13829585</v>
      </c>
      <c r="GF9" s="268">
        <v>95238858</v>
      </c>
      <c r="GG9" s="271">
        <v>105334888</v>
      </c>
      <c r="GH9" s="272">
        <v>207356</v>
      </c>
      <c r="GI9" s="263">
        <v>644526</v>
      </c>
      <c r="GJ9" s="270">
        <v>851882</v>
      </c>
      <c r="GK9" s="258">
        <v>0</v>
      </c>
      <c r="GL9" s="263">
        <v>978873</v>
      </c>
      <c r="GM9" s="259">
        <v>1178851</v>
      </c>
      <c r="GN9" s="263">
        <v>924504</v>
      </c>
      <c r="GO9" s="259">
        <v>805486</v>
      </c>
      <c r="GP9" s="263">
        <v>363672</v>
      </c>
      <c r="GQ9" s="269">
        <v>4251386</v>
      </c>
      <c r="GR9" s="260">
        <v>5103268</v>
      </c>
      <c r="GS9" s="259">
        <v>2854657</v>
      </c>
      <c r="GT9" s="263">
        <v>1828827</v>
      </c>
      <c r="GU9" s="261">
        <v>4683484</v>
      </c>
      <c r="GV9" s="259">
        <v>0</v>
      </c>
      <c r="GW9" s="263">
        <v>3382859</v>
      </c>
      <c r="GX9" s="259">
        <v>3708827</v>
      </c>
      <c r="GY9" s="263">
        <v>1692293</v>
      </c>
      <c r="GZ9" s="259">
        <v>2078278</v>
      </c>
      <c r="HA9" s="263">
        <v>145599</v>
      </c>
      <c r="HB9" s="259">
        <v>11007856</v>
      </c>
      <c r="HC9" s="260">
        <v>15691340</v>
      </c>
      <c r="HD9" s="259">
        <v>12773693</v>
      </c>
      <c r="HE9" s="263">
        <v>15139195</v>
      </c>
      <c r="HF9" s="259">
        <v>27912888</v>
      </c>
      <c r="HG9" s="265">
        <v>0</v>
      </c>
      <c r="HH9" s="263">
        <v>102968031</v>
      </c>
      <c r="HI9" s="270">
        <v>117224907</v>
      </c>
      <c r="HJ9" s="263">
        <v>105199773</v>
      </c>
      <c r="HK9" s="270">
        <v>121705370</v>
      </c>
      <c r="HL9" s="263">
        <v>92493543</v>
      </c>
      <c r="HM9" s="268">
        <v>539591624</v>
      </c>
      <c r="HN9" s="259">
        <v>567504512</v>
      </c>
      <c r="HO9" s="272">
        <v>0</v>
      </c>
      <c r="HP9" s="263">
        <v>0</v>
      </c>
      <c r="HQ9" s="268">
        <v>0</v>
      </c>
      <c r="HR9" s="270">
        <v>0</v>
      </c>
      <c r="HS9" s="263">
        <v>0</v>
      </c>
      <c r="HT9" s="270">
        <v>0</v>
      </c>
      <c r="HU9" s="263">
        <v>0</v>
      </c>
      <c r="HV9" s="270">
        <v>0</v>
      </c>
      <c r="HW9" s="263">
        <v>0</v>
      </c>
      <c r="HX9" s="270">
        <v>0</v>
      </c>
      <c r="HY9" s="260">
        <v>0</v>
      </c>
      <c r="HZ9" s="273">
        <v>386306</v>
      </c>
      <c r="IA9" s="274">
        <v>1643243</v>
      </c>
      <c r="IB9" s="275">
        <v>2029549</v>
      </c>
      <c r="IC9" s="276">
        <v>0</v>
      </c>
      <c r="ID9" s="274">
        <v>63646289</v>
      </c>
      <c r="IE9" s="277">
        <v>84292091</v>
      </c>
      <c r="IF9" s="278">
        <v>86166202</v>
      </c>
      <c r="IG9" s="274">
        <v>61483378</v>
      </c>
      <c r="IH9" s="278">
        <v>50737522</v>
      </c>
      <c r="II9" s="279">
        <v>346325482</v>
      </c>
      <c r="IJ9" s="280">
        <v>348355031</v>
      </c>
      <c r="IK9" s="281">
        <v>0</v>
      </c>
      <c r="IL9" s="282">
        <v>0</v>
      </c>
      <c r="IM9" s="283">
        <v>0</v>
      </c>
      <c r="IN9" s="402">
        <v>0</v>
      </c>
      <c r="IO9" s="284">
        <v>926411</v>
      </c>
      <c r="IP9" s="284">
        <v>3503308</v>
      </c>
      <c r="IQ9" s="284">
        <v>3423127</v>
      </c>
      <c r="IR9" s="284">
        <v>5880554</v>
      </c>
      <c r="IS9" s="284">
        <v>5815729</v>
      </c>
      <c r="IT9" s="285">
        <v>19549129</v>
      </c>
      <c r="IU9" s="286">
        <v>19549129</v>
      </c>
      <c r="IV9" s="287">
        <v>0</v>
      </c>
      <c r="IW9" s="284">
        <v>0</v>
      </c>
      <c r="IX9" s="288">
        <v>0</v>
      </c>
      <c r="IY9" s="402">
        <v>0</v>
      </c>
      <c r="IZ9" s="284">
        <v>218349</v>
      </c>
      <c r="JA9" s="284">
        <v>586893</v>
      </c>
      <c r="JB9" s="284">
        <v>573581</v>
      </c>
      <c r="JC9" s="284">
        <v>501060</v>
      </c>
      <c r="JD9" s="284">
        <v>1296660</v>
      </c>
      <c r="JE9" s="288">
        <v>3176543</v>
      </c>
      <c r="JF9" s="289">
        <v>3176543</v>
      </c>
      <c r="JG9" s="287">
        <v>0</v>
      </c>
      <c r="JH9" s="284">
        <v>0</v>
      </c>
      <c r="JI9" s="285">
        <v>0</v>
      </c>
      <c r="JJ9" s="290">
        <v>0</v>
      </c>
      <c r="JK9" s="284">
        <v>29774223</v>
      </c>
      <c r="JL9" s="284">
        <v>33537703</v>
      </c>
      <c r="JM9" s="284">
        <v>23105949</v>
      </c>
      <c r="JN9" s="284">
        <v>12058463</v>
      </c>
      <c r="JO9" s="284">
        <v>4331023</v>
      </c>
      <c r="JP9" s="288">
        <v>102807361</v>
      </c>
      <c r="JQ9" s="286">
        <v>102807361</v>
      </c>
      <c r="JR9" s="287">
        <v>25817</v>
      </c>
      <c r="JS9" s="284">
        <v>0</v>
      </c>
      <c r="JT9" s="285">
        <v>25817</v>
      </c>
      <c r="JU9" s="290">
        <v>0</v>
      </c>
      <c r="JV9" s="284">
        <v>3590354</v>
      </c>
      <c r="JW9" s="284">
        <v>5463192</v>
      </c>
      <c r="JX9" s="284">
        <v>6966808</v>
      </c>
      <c r="JY9" s="284">
        <v>2699234</v>
      </c>
      <c r="JZ9" s="284">
        <v>5084146</v>
      </c>
      <c r="KA9" s="288">
        <v>23803734</v>
      </c>
      <c r="KB9" s="286">
        <v>23829551</v>
      </c>
      <c r="KC9" s="291">
        <v>360489</v>
      </c>
      <c r="KD9" s="292">
        <v>1440831</v>
      </c>
      <c r="KE9" s="288">
        <v>1801320</v>
      </c>
      <c r="KF9" s="290">
        <v>0</v>
      </c>
      <c r="KG9" s="284">
        <v>7402363</v>
      </c>
      <c r="KH9" s="284">
        <v>8815022</v>
      </c>
      <c r="KI9" s="284">
        <v>12119364</v>
      </c>
      <c r="KJ9" s="284">
        <v>8932117</v>
      </c>
      <c r="KK9" s="284">
        <v>4026186</v>
      </c>
      <c r="KL9" s="288">
        <v>41295052</v>
      </c>
      <c r="KM9" s="293">
        <v>43096372</v>
      </c>
      <c r="KN9" s="281">
        <v>0</v>
      </c>
      <c r="KO9" s="282">
        <v>202412</v>
      </c>
      <c r="KP9" s="283">
        <v>202412</v>
      </c>
      <c r="KQ9" s="406">
        <v>0</v>
      </c>
      <c r="KR9" s="284">
        <v>19517790</v>
      </c>
      <c r="KS9" s="284">
        <v>28685606</v>
      </c>
      <c r="KT9" s="284">
        <v>33093927</v>
      </c>
      <c r="KU9" s="284">
        <v>19085124</v>
      </c>
      <c r="KV9" s="284">
        <v>18480814</v>
      </c>
      <c r="KW9" s="288">
        <v>118863261</v>
      </c>
      <c r="KX9" s="286">
        <v>119065673</v>
      </c>
      <c r="KY9" s="287">
        <v>0</v>
      </c>
      <c r="KZ9" s="284">
        <v>0</v>
      </c>
      <c r="LA9" s="288">
        <v>0</v>
      </c>
      <c r="LB9" s="406">
        <v>0</v>
      </c>
      <c r="LC9" s="284">
        <v>141273</v>
      </c>
      <c r="LD9" s="284">
        <v>392807</v>
      </c>
      <c r="LE9" s="284">
        <v>1696646</v>
      </c>
      <c r="LF9" s="284">
        <v>1133466</v>
      </c>
      <c r="LG9" s="284">
        <v>1060768</v>
      </c>
      <c r="LH9" s="288">
        <v>4424960</v>
      </c>
      <c r="LI9" s="289">
        <v>4424960</v>
      </c>
      <c r="LJ9" s="287">
        <v>0</v>
      </c>
      <c r="LK9" s="284">
        <v>0</v>
      </c>
      <c r="LL9" s="288">
        <v>0</v>
      </c>
      <c r="LM9" s="406">
        <v>0</v>
      </c>
      <c r="LN9" s="284">
        <v>0</v>
      </c>
      <c r="LO9" s="284">
        <v>228571</v>
      </c>
      <c r="LP9" s="284">
        <v>2139256</v>
      </c>
      <c r="LQ9" s="284">
        <v>5480059</v>
      </c>
      <c r="LR9" s="284">
        <v>879025</v>
      </c>
      <c r="LS9" s="288">
        <v>8726911</v>
      </c>
      <c r="LT9" s="286">
        <v>8726911</v>
      </c>
      <c r="LU9" s="287">
        <v>0</v>
      </c>
      <c r="LV9" s="284">
        <v>0</v>
      </c>
      <c r="LW9" s="288">
        <v>0</v>
      </c>
      <c r="LX9" s="406">
        <v>0</v>
      </c>
      <c r="LY9" s="284">
        <v>2075526</v>
      </c>
      <c r="LZ9" s="284">
        <v>3078989</v>
      </c>
      <c r="MA9" s="284">
        <v>3047544</v>
      </c>
      <c r="MB9" s="284">
        <v>5713301</v>
      </c>
      <c r="MC9" s="284">
        <v>9763171</v>
      </c>
      <c r="MD9" s="288">
        <v>23678531</v>
      </c>
      <c r="ME9" s="289">
        <v>23678531</v>
      </c>
      <c r="MF9" s="287">
        <v>0</v>
      </c>
      <c r="MG9" s="284">
        <v>0</v>
      </c>
      <c r="MH9" s="288">
        <v>0</v>
      </c>
      <c r="MI9" s="406">
        <v>0</v>
      </c>
      <c r="MJ9" s="284">
        <v>17423726</v>
      </c>
      <c r="MK9" s="284">
        <v>43768778</v>
      </c>
      <c r="ML9" s="284">
        <v>122741163</v>
      </c>
      <c r="MM9" s="284">
        <v>180239741</v>
      </c>
      <c r="MN9" s="284">
        <v>114732849</v>
      </c>
      <c r="MO9" s="288">
        <v>478906257</v>
      </c>
      <c r="MP9" s="293">
        <v>478906257</v>
      </c>
      <c r="MQ9" s="287">
        <v>0</v>
      </c>
      <c r="MR9" s="284">
        <v>0</v>
      </c>
      <c r="MS9" s="288">
        <v>0</v>
      </c>
      <c r="MT9" s="406">
        <v>0</v>
      </c>
      <c r="MU9" s="284">
        <v>2936002</v>
      </c>
      <c r="MV9" s="284">
        <v>9448870</v>
      </c>
      <c r="MW9" s="284">
        <v>72275434</v>
      </c>
      <c r="MX9" s="284">
        <v>103848261</v>
      </c>
      <c r="MY9" s="284">
        <v>69134983</v>
      </c>
      <c r="MZ9" s="288">
        <v>257643550</v>
      </c>
      <c r="NA9" s="293">
        <v>257643550</v>
      </c>
      <c r="NB9" s="287">
        <v>0</v>
      </c>
      <c r="NC9" s="284">
        <v>0</v>
      </c>
      <c r="ND9" s="288">
        <v>0</v>
      </c>
      <c r="NE9" s="406">
        <v>0</v>
      </c>
      <c r="NF9" s="284">
        <v>14487724</v>
      </c>
      <c r="NG9" s="284">
        <v>34111473</v>
      </c>
      <c r="NH9" s="284">
        <v>49884422</v>
      </c>
      <c r="NI9" s="284">
        <v>71918759</v>
      </c>
      <c r="NJ9" s="284">
        <v>38063545</v>
      </c>
      <c r="NK9" s="288">
        <v>208465923</v>
      </c>
      <c r="NL9" s="286">
        <v>208465923</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0</v>
      </c>
      <c r="OC9" s="284">
        <v>208435</v>
      </c>
      <c r="OD9" s="284">
        <v>581307</v>
      </c>
      <c r="OE9" s="284">
        <v>4472721</v>
      </c>
      <c r="OF9" s="284">
        <v>7534321</v>
      </c>
      <c r="OG9" s="288">
        <v>12796784</v>
      </c>
      <c r="OH9" s="289">
        <v>12796784</v>
      </c>
      <c r="OI9" s="287">
        <v>31070797</v>
      </c>
      <c r="OJ9" s="284">
        <v>55234496</v>
      </c>
      <c r="OK9" s="285">
        <v>86305293</v>
      </c>
      <c r="OL9" s="290">
        <v>0</v>
      </c>
      <c r="OM9" s="284">
        <v>372372815</v>
      </c>
      <c r="ON9" s="284">
        <v>534045463</v>
      </c>
      <c r="OO9" s="284">
        <v>540673588</v>
      </c>
      <c r="OP9" s="284">
        <v>568932886</v>
      </c>
      <c r="OQ9" s="284">
        <v>418230092</v>
      </c>
      <c r="OR9" s="288">
        <v>2434254844</v>
      </c>
      <c r="OS9" s="293">
        <v>2520560137</v>
      </c>
    </row>
    <row r="10" spans="2:409" s="407" customFormat="1" ht="21" customHeight="1" x14ac:dyDescent="0.2">
      <c r="B10" s="95" t="s">
        <v>5</v>
      </c>
      <c r="C10" s="295">
        <v>13413017</v>
      </c>
      <c r="D10" s="296">
        <v>28781133</v>
      </c>
      <c r="E10" s="297">
        <v>42194150</v>
      </c>
      <c r="F10" s="298">
        <v>0</v>
      </c>
      <c r="G10" s="296">
        <v>111193610</v>
      </c>
      <c r="H10" s="296">
        <v>196306503</v>
      </c>
      <c r="I10" s="296">
        <v>147789071</v>
      </c>
      <c r="J10" s="296">
        <v>148657123</v>
      </c>
      <c r="K10" s="296">
        <v>111859757</v>
      </c>
      <c r="L10" s="298">
        <v>715806064</v>
      </c>
      <c r="M10" s="299">
        <v>758000214</v>
      </c>
      <c r="N10" s="295">
        <v>4348182</v>
      </c>
      <c r="O10" s="296">
        <v>12131977</v>
      </c>
      <c r="P10" s="297">
        <v>16480159</v>
      </c>
      <c r="Q10" s="295">
        <v>0</v>
      </c>
      <c r="R10" s="296">
        <v>35350548</v>
      </c>
      <c r="S10" s="296">
        <v>72197541</v>
      </c>
      <c r="T10" s="296">
        <v>47139654</v>
      </c>
      <c r="U10" s="296">
        <v>53948497</v>
      </c>
      <c r="V10" s="296">
        <v>54264747</v>
      </c>
      <c r="W10" s="297">
        <v>262900987</v>
      </c>
      <c r="X10" s="299">
        <v>279381146</v>
      </c>
      <c r="Y10" s="295">
        <v>0</v>
      </c>
      <c r="Z10" s="296">
        <v>0</v>
      </c>
      <c r="AA10" s="297">
        <v>0</v>
      </c>
      <c r="AB10" s="295">
        <v>0</v>
      </c>
      <c r="AC10" s="296">
        <v>13405048</v>
      </c>
      <c r="AD10" s="296">
        <v>26299789</v>
      </c>
      <c r="AE10" s="296">
        <v>20384720</v>
      </c>
      <c r="AF10" s="296">
        <v>26088015</v>
      </c>
      <c r="AG10" s="296">
        <v>28055239</v>
      </c>
      <c r="AH10" s="297">
        <v>114232811</v>
      </c>
      <c r="AI10" s="299">
        <v>114232811</v>
      </c>
      <c r="AJ10" s="295">
        <v>0</v>
      </c>
      <c r="AK10" s="296">
        <v>38148</v>
      </c>
      <c r="AL10" s="297">
        <v>38148</v>
      </c>
      <c r="AM10" s="295">
        <v>0</v>
      </c>
      <c r="AN10" s="296">
        <v>69836</v>
      </c>
      <c r="AO10" s="296">
        <v>361215</v>
      </c>
      <c r="AP10" s="296">
        <v>853128</v>
      </c>
      <c r="AQ10" s="296">
        <v>2532604</v>
      </c>
      <c r="AR10" s="296">
        <v>7786595</v>
      </c>
      <c r="AS10" s="297">
        <v>11603378</v>
      </c>
      <c r="AT10" s="299">
        <v>11641526</v>
      </c>
      <c r="AU10" s="295">
        <v>2430234</v>
      </c>
      <c r="AV10" s="296">
        <v>8249012</v>
      </c>
      <c r="AW10" s="297">
        <v>10679246</v>
      </c>
      <c r="AX10" s="295">
        <v>0</v>
      </c>
      <c r="AY10" s="296">
        <v>13762969</v>
      </c>
      <c r="AZ10" s="296">
        <v>33002193</v>
      </c>
      <c r="BA10" s="296">
        <v>16898716</v>
      </c>
      <c r="BB10" s="296">
        <v>15516891</v>
      </c>
      <c r="BC10" s="296">
        <v>11166771</v>
      </c>
      <c r="BD10" s="297">
        <v>90347540</v>
      </c>
      <c r="BE10" s="299">
        <v>101026786</v>
      </c>
      <c r="BF10" s="295">
        <v>230514</v>
      </c>
      <c r="BG10" s="296">
        <v>1572976</v>
      </c>
      <c r="BH10" s="300">
        <v>1803490</v>
      </c>
      <c r="BI10" s="301">
        <v>0</v>
      </c>
      <c r="BJ10" s="296">
        <v>1127647</v>
      </c>
      <c r="BK10" s="296">
        <v>2245250</v>
      </c>
      <c r="BL10" s="296">
        <v>983174</v>
      </c>
      <c r="BM10" s="296">
        <v>1357966</v>
      </c>
      <c r="BN10" s="296">
        <v>878666</v>
      </c>
      <c r="BO10" s="297">
        <v>6592703</v>
      </c>
      <c r="BP10" s="299">
        <v>8396193</v>
      </c>
      <c r="BQ10" s="295">
        <v>1687434</v>
      </c>
      <c r="BR10" s="296">
        <v>2271841</v>
      </c>
      <c r="BS10" s="297">
        <v>3959275</v>
      </c>
      <c r="BT10" s="295">
        <v>0</v>
      </c>
      <c r="BU10" s="296">
        <v>6985048</v>
      </c>
      <c r="BV10" s="296">
        <v>10289094</v>
      </c>
      <c r="BW10" s="296">
        <v>8019916</v>
      </c>
      <c r="BX10" s="296">
        <v>8453021</v>
      </c>
      <c r="BY10" s="296">
        <v>6377476</v>
      </c>
      <c r="BZ10" s="297">
        <v>40124555</v>
      </c>
      <c r="CA10" s="299">
        <v>44083830</v>
      </c>
      <c r="CB10" s="295">
        <v>1117878</v>
      </c>
      <c r="CC10" s="296">
        <v>3192684</v>
      </c>
      <c r="CD10" s="297">
        <v>4310562</v>
      </c>
      <c r="CE10" s="295">
        <v>0</v>
      </c>
      <c r="CF10" s="296">
        <v>24889174</v>
      </c>
      <c r="CG10" s="296">
        <v>41328345</v>
      </c>
      <c r="CH10" s="296">
        <v>26539474</v>
      </c>
      <c r="CI10" s="296">
        <v>16154347</v>
      </c>
      <c r="CJ10" s="296">
        <v>6498494</v>
      </c>
      <c r="CK10" s="297">
        <v>115409834</v>
      </c>
      <c r="CL10" s="299">
        <v>119720396</v>
      </c>
      <c r="CM10" s="295">
        <v>0</v>
      </c>
      <c r="CN10" s="296">
        <v>0</v>
      </c>
      <c r="CO10" s="297">
        <v>0</v>
      </c>
      <c r="CP10" s="301">
        <v>0</v>
      </c>
      <c r="CQ10" s="296">
        <v>20411297</v>
      </c>
      <c r="CR10" s="296">
        <v>29877967</v>
      </c>
      <c r="CS10" s="296">
        <v>16248529</v>
      </c>
      <c r="CT10" s="296">
        <v>9633850</v>
      </c>
      <c r="CU10" s="296">
        <v>4006867</v>
      </c>
      <c r="CV10" s="297">
        <v>80178510</v>
      </c>
      <c r="CW10" s="299">
        <v>80178510</v>
      </c>
      <c r="CX10" s="295">
        <v>1117878</v>
      </c>
      <c r="CY10" s="296">
        <v>3192684</v>
      </c>
      <c r="CZ10" s="297">
        <v>4310562</v>
      </c>
      <c r="DA10" s="295">
        <v>0</v>
      </c>
      <c r="DB10" s="296">
        <v>4477877</v>
      </c>
      <c r="DC10" s="296">
        <v>11450378</v>
      </c>
      <c r="DD10" s="296">
        <v>10290945</v>
      </c>
      <c r="DE10" s="296">
        <v>6520497</v>
      </c>
      <c r="DF10" s="296">
        <v>2491627</v>
      </c>
      <c r="DG10" s="297">
        <v>35231324</v>
      </c>
      <c r="DH10" s="299">
        <v>39541886</v>
      </c>
      <c r="DI10" s="295">
        <v>42336</v>
      </c>
      <c r="DJ10" s="296">
        <v>598383</v>
      </c>
      <c r="DK10" s="300">
        <v>640719</v>
      </c>
      <c r="DL10" s="301">
        <v>0</v>
      </c>
      <c r="DM10" s="296">
        <v>2796097</v>
      </c>
      <c r="DN10" s="296">
        <v>7135143</v>
      </c>
      <c r="DO10" s="296">
        <v>14024407</v>
      </c>
      <c r="DP10" s="296">
        <v>9868716</v>
      </c>
      <c r="DQ10" s="296">
        <v>5732743</v>
      </c>
      <c r="DR10" s="297">
        <v>39557106</v>
      </c>
      <c r="DS10" s="299">
        <v>40197825</v>
      </c>
      <c r="DT10" s="295">
        <v>0</v>
      </c>
      <c r="DU10" s="296">
        <v>372073</v>
      </c>
      <c r="DV10" s="297">
        <v>372073</v>
      </c>
      <c r="DW10" s="295">
        <v>0</v>
      </c>
      <c r="DX10" s="296">
        <v>2471667</v>
      </c>
      <c r="DY10" s="296">
        <v>5394918</v>
      </c>
      <c r="DZ10" s="296">
        <v>11364244</v>
      </c>
      <c r="EA10" s="296">
        <v>6883269</v>
      </c>
      <c r="EB10" s="296">
        <v>4151115</v>
      </c>
      <c r="EC10" s="297">
        <v>30265213</v>
      </c>
      <c r="ED10" s="299">
        <v>30637286</v>
      </c>
      <c r="EE10" s="295">
        <v>42336</v>
      </c>
      <c r="EF10" s="300">
        <v>226310</v>
      </c>
      <c r="EG10" s="297">
        <v>268646</v>
      </c>
      <c r="EH10" s="295">
        <v>0</v>
      </c>
      <c r="EI10" s="296">
        <v>324430</v>
      </c>
      <c r="EJ10" s="296">
        <v>1740225</v>
      </c>
      <c r="EK10" s="296">
        <v>2660163</v>
      </c>
      <c r="EL10" s="296">
        <v>2985447</v>
      </c>
      <c r="EM10" s="296">
        <v>1581628</v>
      </c>
      <c r="EN10" s="300">
        <v>9291893</v>
      </c>
      <c r="EO10" s="299">
        <v>9560539</v>
      </c>
      <c r="EP10" s="295">
        <v>0</v>
      </c>
      <c r="EQ10" s="296">
        <v>0</v>
      </c>
      <c r="ER10" s="300">
        <v>0</v>
      </c>
      <c r="ES10" s="301">
        <v>0</v>
      </c>
      <c r="ET10" s="296">
        <v>0</v>
      </c>
      <c r="EU10" s="296">
        <v>0</v>
      </c>
      <c r="EV10" s="296">
        <v>0</v>
      </c>
      <c r="EW10" s="296">
        <v>0</v>
      </c>
      <c r="EX10" s="296">
        <v>0</v>
      </c>
      <c r="EY10" s="297">
        <v>0</v>
      </c>
      <c r="EZ10" s="299">
        <v>0</v>
      </c>
      <c r="FA10" s="295">
        <v>0</v>
      </c>
      <c r="FB10" s="296">
        <v>0</v>
      </c>
      <c r="FC10" s="300">
        <v>0</v>
      </c>
      <c r="FD10" s="403">
        <v>0</v>
      </c>
      <c r="FE10" s="296">
        <v>0</v>
      </c>
      <c r="FF10" s="296">
        <v>0</v>
      </c>
      <c r="FG10" s="296">
        <v>0</v>
      </c>
      <c r="FH10" s="296">
        <v>0</v>
      </c>
      <c r="FI10" s="296">
        <v>0</v>
      </c>
      <c r="FJ10" s="297">
        <v>0</v>
      </c>
      <c r="FK10" s="299">
        <v>0</v>
      </c>
      <c r="FL10" s="295">
        <v>2262070</v>
      </c>
      <c r="FM10" s="296">
        <v>5002495</v>
      </c>
      <c r="FN10" s="297">
        <v>7264565</v>
      </c>
      <c r="FO10" s="295">
        <v>0</v>
      </c>
      <c r="FP10" s="296">
        <v>4630008</v>
      </c>
      <c r="FQ10" s="296">
        <v>16343375</v>
      </c>
      <c r="FR10" s="296">
        <v>10227613</v>
      </c>
      <c r="FS10" s="296">
        <v>9522156</v>
      </c>
      <c r="FT10" s="296">
        <v>6206393</v>
      </c>
      <c r="FU10" s="297">
        <v>46929545</v>
      </c>
      <c r="FV10" s="299">
        <v>54194110</v>
      </c>
      <c r="FW10" s="302">
        <v>868706</v>
      </c>
      <c r="FX10" s="296">
        <v>3489066</v>
      </c>
      <c r="FY10" s="300">
        <v>4357772</v>
      </c>
      <c r="FZ10" s="301">
        <v>0</v>
      </c>
      <c r="GA10" s="296">
        <v>2919245</v>
      </c>
      <c r="GB10" s="296">
        <v>13816498</v>
      </c>
      <c r="GC10" s="296">
        <v>9524249</v>
      </c>
      <c r="GD10" s="296">
        <v>8112234</v>
      </c>
      <c r="GE10" s="296">
        <v>6021757</v>
      </c>
      <c r="GF10" s="297">
        <v>40393983</v>
      </c>
      <c r="GG10" s="303">
        <v>44751755</v>
      </c>
      <c r="GH10" s="302">
        <v>82607</v>
      </c>
      <c r="GI10" s="296">
        <v>449912</v>
      </c>
      <c r="GJ10" s="300">
        <v>532519</v>
      </c>
      <c r="GK10" s="301">
        <v>0</v>
      </c>
      <c r="GL10" s="296">
        <v>380728</v>
      </c>
      <c r="GM10" s="296">
        <v>452350</v>
      </c>
      <c r="GN10" s="296">
        <v>230584</v>
      </c>
      <c r="GO10" s="296">
        <v>429712</v>
      </c>
      <c r="GP10" s="296">
        <v>184636</v>
      </c>
      <c r="GQ10" s="297">
        <v>1678010</v>
      </c>
      <c r="GR10" s="299">
        <v>2210529</v>
      </c>
      <c r="GS10" s="295">
        <v>1310757</v>
      </c>
      <c r="GT10" s="296">
        <v>1063517</v>
      </c>
      <c r="GU10" s="297">
        <v>2374274</v>
      </c>
      <c r="GV10" s="295">
        <v>0</v>
      </c>
      <c r="GW10" s="296">
        <v>1330035</v>
      </c>
      <c r="GX10" s="296">
        <v>2074527</v>
      </c>
      <c r="GY10" s="296">
        <v>472780</v>
      </c>
      <c r="GZ10" s="296">
        <v>980210</v>
      </c>
      <c r="HA10" s="296">
        <v>0</v>
      </c>
      <c r="HB10" s="300">
        <v>4857552</v>
      </c>
      <c r="HC10" s="299">
        <v>7231826</v>
      </c>
      <c r="HD10" s="295">
        <v>5642551</v>
      </c>
      <c r="HE10" s="296">
        <v>7855594</v>
      </c>
      <c r="HF10" s="300">
        <v>13498145</v>
      </c>
      <c r="HG10" s="301">
        <v>0</v>
      </c>
      <c r="HH10" s="296">
        <v>43527783</v>
      </c>
      <c r="HI10" s="296">
        <v>59302099</v>
      </c>
      <c r="HJ10" s="296">
        <v>49857923</v>
      </c>
      <c r="HK10" s="296">
        <v>59163407</v>
      </c>
      <c r="HL10" s="296">
        <v>39157380</v>
      </c>
      <c r="HM10" s="297">
        <v>251008592</v>
      </c>
      <c r="HN10" s="298">
        <v>264506737</v>
      </c>
      <c r="HO10" s="302">
        <v>0</v>
      </c>
      <c r="HP10" s="296">
        <v>0</v>
      </c>
      <c r="HQ10" s="297">
        <v>0</v>
      </c>
      <c r="HR10" s="295">
        <v>0</v>
      </c>
      <c r="HS10" s="296">
        <v>0</v>
      </c>
      <c r="HT10" s="296">
        <v>0</v>
      </c>
      <c r="HU10" s="296">
        <v>0</v>
      </c>
      <c r="HV10" s="296">
        <v>0</v>
      </c>
      <c r="HW10" s="296">
        <v>0</v>
      </c>
      <c r="HX10" s="300">
        <v>0</v>
      </c>
      <c r="HY10" s="299">
        <v>0</v>
      </c>
      <c r="HZ10" s="304">
        <v>160681</v>
      </c>
      <c r="IA10" s="305">
        <v>699941</v>
      </c>
      <c r="IB10" s="306">
        <v>860622</v>
      </c>
      <c r="IC10" s="307">
        <v>0</v>
      </c>
      <c r="ID10" s="308">
        <v>27075032</v>
      </c>
      <c r="IE10" s="309">
        <v>38686449</v>
      </c>
      <c r="IF10" s="310">
        <v>37395009</v>
      </c>
      <c r="IG10" s="308">
        <v>25206078</v>
      </c>
      <c r="IH10" s="310">
        <v>20971358</v>
      </c>
      <c r="II10" s="311">
        <v>149333926</v>
      </c>
      <c r="IJ10" s="312">
        <v>150194548</v>
      </c>
      <c r="IK10" s="313">
        <v>0</v>
      </c>
      <c r="IL10" s="314">
        <v>0</v>
      </c>
      <c r="IM10" s="315">
        <v>0</v>
      </c>
      <c r="IN10" s="403">
        <v>0</v>
      </c>
      <c r="IO10" s="316">
        <v>388946</v>
      </c>
      <c r="IP10" s="316">
        <v>1415593</v>
      </c>
      <c r="IQ10" s="316">
        <v>2058220</v>
      </c>
      <c r="IR10" s="316">
        <v>2683141</v>
      </c>
      <c r="IS10" s="316">
        <v>2022123</v>
      </c>
      <c r="IT10" s="317">
        <v>8568023</v>
      </c>
      <c r="IU10" s="318">
        <v>8568023</v>
      </c>
      <c r="IV10" s="319">
        <v>0</v>
      </c>
      <c r="IW10" s="316">
        <v>0</v>
      </c>
      <c r="IX10" s="320">
        <v>0</v>
      </c>
      <c r="IY10" s="403">
        <v>0</v>
      </c>
      <c r="IZ10" s="316">
        <v>119671</v>
      </c>
      <c r="JA10" s="316">
        <v>491681</v>
      </c>
      <c r="JB10" s="316">
        <v>331168</v>
      </c>
      <c r="JC10" s="316">
        <v>400176</v>
      </c>
      <c r="JD10" s="316">
        <v>956755</v>
      </c>
      <c r="JE10" s="320">
        <v>2299451</v>
      </c>
      <c r="JF10" s="321">
        <v>2299451</v>
      </c>
      <c r="JG10" s="319">
        <v>0</v>
      </c>
      <c r="JH10" s="316">
        <v>0</v>
      </c>
      <c r="JI10" s="317">
        <v>0</v>
      </c>
      <c r="JJ10" s="322">
        <v>0</v>
      </c>
      <c r="JK10" s="316">
        <v>11823977</v>
      </c>
      <c r="JL10" s="316">
        <v>17136537</v>
      </c>
      <c r="JM10" s="316">
        <v>11943506</v>
      </c>
      <c r="JN10" s="316">
        <v>5769114</v>
      </c>
      <c r="JO10" s="316">
        <v>1457272</v>
      </c>
      <c r="JP10" s="320">
        <v>48130406</v>
      </c>
      <c r="JQ10" s="318">
        <v>48130406</v>
      </c>
      <c r="JR10" s="319">
        <v>0</v>
      </c>
      <c r="JS10" s="316">
        <v>0</v>
      </c>
      <c r="JT10" s="317">
        <v>0</v>
      </c>
      <c r="JU10" s="322">
        <v>0</v>
      </c>
      <c r="JV10" s="316">
        <v>1748365</v>
      </c>
      <c r="JW10" s="316">
        <v>3172059</v>
      </c>
      <c r="JX10" s="316">
        <v>3364809</v>
      </c>
      <c r="JY10" s="316">
        <v>1160185</v>
      </c>
      <c r="JZ10" s="316">
        <v>3751244</v>
      </c>
      <c r="KA10" s="320">
        <v>13196662</v>
      </c>
      <c r="KB10" s="318">
        <v>13196662</v>
      </c>
      <c r="KC10" s="323">
        <v>160681</v>
      </c>
      <c r="KD10" s="324">
        <v>699941</v>
      </c>
      <c r="KE10" s="320">
        <v>860622</v>
      </c>
      <c r="KF10" s="322">
        <v>0</v>
      </c>
      <c r="KG10" s="316">
        <v>3419570</v>
      </c>
      <c r="KH10" s="316">
        <v>3745148</v>
      </c>
      <c r="KI10" s="316">
        <v>5856881</v>
      </c>
      <c r="KJ10" s="316">
        <v>4880638</v>
      </c>
      <c r="KK10" s="316">
        <v>2359888</v>
      </c>
      <c r="KL10" s="320">
        <v>20262125</v>
      </c>
      <c r="KM10" s="325">
        <v>21122747</v>
      </c>
      <c r="KN10" s="313">
        <v>0</v>
      </c>
      <c r="KO10" s="314">
        <v>0</v>
      </c>
      <c r="KP10" s="315">
        <v>0</v>
      </c>
      <c r="KQ10" s="403">
        <v>0</v>
      </c>
      <c r="KR10" s="316">
        <v>9406305</v>
      </c>
      <c r="KS10" s="316">
        <v>11747137</v>
      </c>
      <c r="KT10" s="316">
        <v>13555602</v>
      </c>
      <c r="KU10" s="316">
        <v>7785329</v>
      </c>
      <c r="KV10" s="316">
        <v>7797514</v>
      </c>
      <c r="KW10" s="320">
        <v>50291887</v>
      </c>
      <c r="KX10" s="318">
        <v>50291887</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0</v>
      </c>
      <c r="LO10" s="316">
        <v>0</v>
      </c>
      <c r="LP10" s="316">
        <v>0</v>
      </c>
      <c r="LQ10" s="316">
        <v>283103</v>
      </c>
      <c r="LR10" s="316">
        <v>0</v>
      </c>
      <c r="LS10" s="320">
        <v>283103</v>
      </c>
      <c r="LT10" s="318">
        <v>283103</v>
      </c>
      <c r="LU10" s="319">
        <v>0</v>
      </c>
      <c r="LV10" s="316">
        <v>0</v>
      </c>
      <c r="LW10" s="320">
        <v>0</v>
      </c>
      <c r="LX10" s="403">
        <v>0</v>
      </c>
      <c r="LY10" s="316">
        <v>168198</v>
      </c>
      <c r="LZ10" s="316">
        <v>978294</v>
      </c>
      <c r="MA10" s="316">
        <v>284823</v>
      </c>
      <c r="MB10" s="316">
        <v>2244392</v>
      </c>
      <c r="MC10" s="316">
        <v>2626562</v>
      </c>
      <c r="MD10" s="320">
        <v>6302269</v>
      </c>
      <c r="ME10" s="321">
        <v>6302269</v>
      </c>
      <c r="MF10" s="319">
        <v>0</v>
      </c>
      <c r="MG10" s="316">
        <v>0</v>
      </c>
      <c r="MH10" s="320">
        <v>0</v>
      </c>
      <c r="MI10" s="403">
        <v>0</v>
      </c>
      <c r="MJ10" s="316">
        <v>9798921</v>
      </c>
      <c r="MK10" s="316">
        <v>25959113</v>
      </c>
      <c r="ML10" s="316">
        <v>60907593</v>
      </c>
      <c r="MM10" s="316">
        <v>87452843</v>
      </c>
      <c r="MN10" s="316">
        <v>53207780</v>
      </c>
      <c r="MO10" s="320">
        <v>237326250</v>
      </c>
      <c r="MP10" s="325">
        <v>237326250</v>
      </c>
      <c r="MQ10" s="319">
        <v>0</v>
      </c>
      <c r="MR10" s="316">
        <v>0</v>
      </c>
      <c r="MS10" s="320">
        <v>0</v>
      </c>
      <c r="MT10" s="403">
        <v>0</v>
      </c>
      <c r="MU10" s="316">
        <v>2523591</v>
      </c>
      <c r="MV10" s="316">
        <v>7153707</v>
      </c>
      <c r="MW10" s="316">
        <v>35435008</v>
      </c>
      <c r="MX10" s="316">
        <v>47856947</v>
      </c>
      <c r="MY10" s="316">
        <v>29270973</v>
      </c>
      <c r="MZ10" s="320">
        <v>122240226</v>
      </c>
      <c r="NA10" s="325">
        <v>122240226</v>
      </c>
      <c r="NB10" s="319">
        <v>0</v>
      </c>
      <c r="NC10" s="316">
        <v>0</v>
      </c>
      <c r="ND10" s="320">
        <v>0</v>
      </c>
      <c r="NE10" s="403">
        <v>0</v>
      </c>
      <c r="NF10" s="316">
        <v>7275330</v>
      </c>
      <c r="NG10" s="316">
        <v>18805406</v>
      </c>
      <c r="NH10" s="316">
        <v>25472585</v>
      </c>
      <c r="NI10" s="316">
        <v>37595281</v>
      </c>
      <c r="NJ10" s="316">
        <v>21937656</v>
      </c>
      <c r="NK10" s="320">
        <v>111086258</v>
      </c>
      <c r="NL10" s="318">
        <v>111086258</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0</v>
      </c>
      <c r="OE10" s="316">
        <v>2000615</v>
      </c>
      <c r="OF10" s="316">
        <v>1999151</v>
      </c>
      <c r="OG10" s="320">
        <v>3999766</v>
      </c>
      <c r="OH10" s="321">
        <v>3999766</v>
      </c>
      <c r="OI10" s="319">
        <v>13573698</v>
      </c>
      <c r="OJ10" s="316">
        <v>29481074</v>
      </c>
      <c r="OK10" s="317">
        <v>43054772</v>
      </c>
      <c r="OL10" s="322">
        <v>0</v>
      </c>
      <c r="OM10" s="316">
        <v>148067563</v>
      </c>
      <c r="ON10" s="316">
        <v>260952065</v>
      </c>
      <c r="OO10" s="316">
        <v>246091673</v>
      </c>
      <c r="OP10" s="316">
        <v>261316044</v>
      </c>
      <c r="OQ10" s="316">
        <v>186038895</v>
      </c>
      <c r="OR10" s="320">
        <v>1102466240</v>
      </c>
      <c r="OS10" s="325">
        <v>1145521012</v>
      </c>
    </row>
    <row r="11" spans="2:409" s="70" customFormat="1" ht="21" customHeight="1" x14ac:dyDescent="0.2">
      <c r="B11" s="106" t="s">
        <v>6</v>
      </c>
      <c r="C11" s="326">
        <v>4759652</v>
      </c>
      <c r="D11" s="327">
        <v>6507344</v>
      </c>
      <c r="E11" s="328">
        <v>11266996</v>
      </c>
      <c r="F11" s="329">
        <v>0</v>
      </c>
      <c r="G11" s="327">
        <v>58648078</v>
      </c>
      <c r="H11" s="327">
        <v>64822877</v>
      </c>
      <c r="I11" s="327">
        <v>50262152</v>
      </c>
      <c r="J11" s="327">
        <v>58283388</v>
      </c>
      <c r="K11" s="327">
        <v>41211423</v>
      </c>
      <c r="L11" s="329">
        <v>273227918</v>
      </c>
      <c r="M11" s="330">
        <v>284494914</v>
      </c>
      <c r="N11" s="326">
        <v>1509214</v>
      </c>
      <c r="O11" s="327">
        <v>2986916</v>
      </c>
      <c r="P11" s="328">
        <v>4496130</v>
      </c>
      <c r="Q11" s="326">
        <v>0</v>
      </c>
      <c r="R11" s="327">
        <v>20124759</v>
      </c>
      <c r="S11" s="327">
        <v>22424558</v>
      </c>
      <c r="T11" s="327">
        <v>18046807</v>
      </c>
      <c r="U11" s="327">
        <v>21832811</v>
      </c>
      <c r="V11" s="327">
        <v>18587007</v>
      </c>
      <c r="W11" s="328">
        <v>101015942</v>
      </c>
      <c r="X11" s="330">
        <v>105512072</v>
      </c>
      <c r="Y11" s="326">
        <v>0</v>
      </c>
      <c r="Z11" s="327">
        <v>0</v>
      </c>
      <c r="AA11" s="328">
        <v>0</v>
      </c>
      <c r="AB11" s="326">
        <v>0</v>
      </c>
      <c r="AC11" s="327">
        <v>6444566</v>
      </c>
      <c r="AD11" s="327">
        <v>9103703</v>
      </c>
      <c r="AE11" s="327">
        <v>7669222</v>
      </c>
      <c r="AF11" s="327">
        <v>10928885</v>
      </c>
      <c r="AG11" s="327">
        <v>10270478</v>
      </c>
      <c r="AH11" s="328">
        <v>44416854</v>
      </c>
      <c r="AI11" s="330">
        <v>44416854</v>
      </c>
      <c r="AJ11" s="326">
        <v>0</v>
      </c>
      <c r="AK11" s="327">
        <v>0</v>
      </c>
      <c r="AL11" s="328">
        <v>0</v>
      </c>
      <c r="AM11" s="326">
        <v>0</v>
      </c>
      <c r="AN11" s="327">
        <v>184258</v>
      </c>
      <c r="AO11" s="327">
        <v>86244</v>
      </c>
      <c r="AP11" s="327">
        <v>678569</v>
      </c>
      <c r="AQ11" s="327">
        <v>1366244</v>
      </c>
      <c r="AR11" s="327">
        <v>1349398</v>
      </c>
      <c r="AS11" s="328">
        <v>3664713</v>
      </c>
      <c r="AT11" s="330">
        <v>3664713</v>
      </c>
      <c r="AU11" s="326">
        <v>878157</v>
      </c>
      <c r="AV11" s="327">
        <v>2126794</v>
      </c>
      <c r="AW11" s="328">
        <v>3004951</v>
      </c>
      <c r="AX11" s="326">
        <v>0</v>
      </c>
      <c r="AY11" s="327">
        <v>9079103</v>
      </c>
      <c r="AZ11" s="327">
        <v>8644126</v>
      </c>
      <c r="BA11" s="327">
        <v>6051913</v>
      </c>
      <c r="BB11" s="327">
        <v>5419511</v>
      </c>
      <c r="BC11" s="327">
        <v>3725221</v>
      </c>
      <c r="BD11" s="328">
        <v>32919874</v>
      </c>
      <c r="BE11" s="330">
        <v>35924825</v>
      </c>
      <c r="BF11" s="326">
        <v>24493</v>
      </c>
      <c r="BG11" s="327">
        <v>228246</v>
      </c>
      <c r="BH11" s="331">
        <v>252739</v>
      </c>
      <c r="BI11" s="332">
        <v>0</v>
      </c>
      <c r="BJ11" s="327">
        <v>812070</v>
      </c>
      <c r="BK11" s="327">
        <v>602935</v>
      </c>
      <c r="BL11" s="327">
        <v>420229</v>
      </c>
      <c r="BM11" s="327">
        <v>582002</v>
      </c>
      <c r="BN11" s="327">
        <v>254338</v>
      </c>
      <c r="BO11" s="328">
        <v>2671574</v>
      </c>
      <c r="BP11" s="330">
        <v>2924313</v>
      </c>
      <c r="BQ11" s="326">
        <v>606564</v>
      </c>
      <c r="BR11" s="327">
        <v>631876</v>
      </c>
      <c r="BS11" s="328">
        <v>1238440</v>
      </c>
      <c r="BT11" s="326">
        <v>0</v>
      </c>
      <c r="BU11" s="327">
        <v>3604762</v>
      </c>
      <c r="BV11" s="327">
        <v>3987550</v>
      </c>
      <c r="BW11" s="327">
        <v>3226874</v>
      </c>
      <c r="BX11" s="327">
        <v>3536169</v>
      </c>
      <c r="BY11" s="327">
        <v>2987572</v>
      </c>
      <c r="BZ11" s="328">
        <v>17342927</v>
      </c>
      <c r="CA11" s="330">
        <v>18581367</v>
      </c>
      <c r="CB11" s="326">
        <v>209887</v>
      </c>
      <c r="CC11" s="327">
        <v>619621</v>
      </c>
      <c r="CD11" s="328">
        <v>829508</v>
      </c>
      <c r="CE11" s="326">
        <v>0</v>
      </c>
      <c r="CF11" s="327">
        <v>13871622</v>
      </c>
      <c r="CG11" s="327">
        <v>14157962</v>
      </c>
      <c r="CH11" s="327">
        <v>8851308</v>
      </c>
      <c r="CI11" s="327">
        <v>6783512</v>
      </c>
      <c r="CJ11" s="327">
        <v>2086964</v>
      </c>
      <c r="CK11" s="328">
        <v>45751368</v>
      </c>
      <c r="CL11" s="330">
        <v>46580876</v>
      </c>
      <c r="CM11" s="326">
        <v>0</v>
      </c>
      <c r="CN11" s="327">
        <v>0</v>
      </c>
      <c r="CO11" s="328">
        <v>0</v>
      </c>
      <c r="CP11" s="332">
        <v>0</v>
      </c>
      <c r="CQ11" s="327">
        <v>11131446</v>
      </c>
      <c r="CR11" s="327">
        <v>10918309</v>
      </c>
      <c r="CS11" s="327">
        <v>6452846</v>
      </c>
      <c r="CT11" s="327">
        <v>4952041</v>
      </c>
      <c r="CU11" s="327">
        <v>1707546</v>
      </c>
      <c r="CV11" s="328">
        <v>35162188</v>
      </c>
      <c r="CW11" s="330">
        <v>35162188</v>
      </c>
      <c r="CX11" s="326">
        <v>209887</v>
      </c>
      <c r="CY11" s="327">
        <v>619621</v>
      </c>
      <c r="CZ11" s="328">
        <v>829508</v>
      </c>
      <c r="DA11" s="326">
        <v>0</v>
      </c>
      <c r="DB11" s="327">
        <v>2740176</v>
      </c>
      <c r="DC11" s="327">
        <v>3239653</v>
      </c>
      <c r="DD11" s="327">
        <v>2398462</v>
      </c>
      <c r="DE11" s="327">
        <v>1831471</v>
      </c>
      <c r="DF11" s="327">
        <v>379418</v>
      </c>
      <c r="DG11" s="328">
        <v>10589180</v>
      </c>
      <c r="DH11" s="330">
        <v>11418688</v>
      </c>
      <c r="DI11" s="326">
        <v>0</v>
      </c>
      <c r="DJ11" s="327">
        <v>34743</v>
      </c>
      <c r="DK11" s="331">
        <v>34743</v>
      </c>
      <c r="DL11" s="332">
        <v>0</v>
      </c>
      <c r="DM11" s="327">
        <v>1289679</v>
      </c>
      <c r="DN11" s="327">
        <v>2254545</v>
      </c>
      <c r="DO11" s="327">
        <v>2405886</v>
      </c>
      <c r="DP11" s="327">
        <v>2898014</v>
      </c>
      <c r="DQ11" s="327">
        <v>1378685</v>
      </c>
      <c r="DR11" s="328">
        <v>10226809</v>
      </c>
      <c r="DS11" s="330">
        <v>10261552</v>
      </c>
      <c r="DT11" s="326">
        <v>0</v>
      </c>
      <c r="DU11" s="327">
        <v>34743</v>
      </c>
      <c r="DV11" s="328">
        <v>34743</v>
      </c>
      <c r="DW11" s="326">
        <v>0</v>
      </c>
      <c r="DX11" s="327">
        <v>1253331</v>
      </c>
      <c r="DY11" s="327">
        <v>1855699</v>
      </c>
      <c r="DZ11" s="327">
        <v>1987078</v>
      </c>
      <c r="EA11" s="327">
        <v>2210084</v>
      </c>
      <c r="EB11" s="327">
        <v>889607</v>
      </c>
      <c r="EC11" s="328">
        <v>8195799</v>
      </c>
      <c r="ED11" s="330">
        <v>8230542</v>
      </c>
      <c r="EE11" s="326">
        <v>0</v>
      </c>
      <c r="EF11" s="331">
        <v>0</v>
      </c>
      <c r="EG11" s="328">
        <v>0</v>
      </c>
      <c r="EH11" s="326">
        <v>0</v>
      </c>
      <c r="EI11" s="327">
        <v>36348</v>
      </c>
      <c r="EJ11" s="327">
        <v>398846</v>
      </c>
      <c r="EK11" s="327">
        <v>418808</v>
      </c>
      <c r="EL11" s="327">
        <v>687930</v>
      </c>
      <c r="EM11" s="327">
        <v>489078</v>
      </c>
      <c r="EN11" s="331">
        <v>2031010</v>
      </c>
      <c r="EO11" s="330">
        <v>2031010</v>
      </c>
      <c r="EP11" s="326">
        <v>0</v>
      </c>
      <c r="EQ11" s="327">
        <v>0</v>
      </c>
      <c r="ER11" s="331">
        <v>0</v>
      </c>
      <c r="ES11" s="332">
        <v>0</v>
      </c>
      <c r="ET11" s="327">
        <v>0</v>
      </c>
      <c r="EU11" s="327">
        <v>0</v>
      </c>
      <c r="EV11" s="327">
        <v>0</v>
      </c>
      <c r="EW11" s="327">
        <v>0</v>
      </c>
      <c r="EX11" s="327">
        <v>0</v>
      </c>
      <c r="EY11" s="328">
        <v>0</v>
      </c>
      <c r="EZ11" s="330">
        <v>0</v>
      </c>
      <c r="FA11" s="326">
        <v>0</v>
      </c>
      <c r="FB11" s="327">
        <v>0</v>
      </c>
      <c r="FC11" s="331">
        <v>0</v>
      </c>
      <c r="FD11" s="404">
        <v>0</v>
      </c>
      <c r="FE11" s="327">
        <v>0</v>
      </c>
      <c r="FF11" s="327">
        <v>0</v>
      </c>
      <c r="FG11" s="327">
        <v>0</v>
      </c>
      <c r="FH11" s="327">
        <v>0</v>
      </c>
      <c r="FI11" s="327">
        <v>0</v>
      </c>
      <c r="FJ11" s="328">
        <v>0</v>
      </c>
      <c r="FK11" s="330">
        <v>0</v>
      </c>
      <c r="FL11" s="326">
        <v>950481</v>
      </c>
      <c r="FM11" s="327">
        <v>1023379</v>
      </c>
      <c r="FN11" s="328">
        <v>1973860</v>
      </c>
      <c r="FO11" s="326">
        <v>0</v>
      </c>
      <c r="FP11" s="327">
        <v>2863948</v>
      </c>
      <c r="FQ11" s="327">
        <v>5807668</v>
      </c>
      <c r="FR11" s="327">
        <v>3770245</v>
      </c>
      <c r="FS11" s="327">
        <v>3870827</v>
      </c>
      <c r="FT11" s="327">
        <v>2487643</v>
      </c>
      <c r="FU11" s="328">
        <v>18800331</v>
      </c>
      <c r="FV11" s="330">
        <v>20774191</v>
      </c>
      <c r="FW11" s="333">
        <v>509551</v>
      </c>
      <c r="FX11" s="327">
        <v>934836</v>
      </c>
      <c r="FY11" s="331">
        <v>1444387</v>
      </c>
      <c r="FZ11" s="332">
        <v>0</v>
      </c>
      <c r="GA11" s="327">
        <v>2274433</v>
      </c>
      <c r="GB11" s="327">
        <v>4816876</v>
      </c>
      <c r="GC11" s="327">
        <v>3535889</v>
      </c>
      <c r="GD11" s="327">
        <v>3376620</v>
      </c>
      <c r="GE11" s="327">
        <v>2330377</v>
      </c>
      <c r="GF11" s="328">
        <v>16334195</v>
      </c>
      <c r="GG11" s="334">
        <v>17778582</v>
      </c>
      <c r="GH11" s="333">
        <v>0</v>
      </c>
      <c r="GI11" s="327">
        <v>39543</v>
      </c>
      <c r="GJ11" s="331">
        <v>39543</v>
      </c>
      <c r="GK11" s="332">
        <v>0</v>
      </c>
      <c r="GL11" s="327">
        <v>111170</v>
      </c>
      <c r="GM11" s="327">
        <v>271929</v>
      </c>
      <c r="GN11" s="327">
        <v>119269</v>
      </c>
      <c r="GO11" s="327">
        <v>112882</v>
      </c>
      <c r="GP11" s="327">
        <v>90766</v>
      </c>
      <c r="GQ11" s="328">
        <v>706016</v>
      </c>
      <c r="GR11" s="330">
        <v>745559</v>
      </c>
      <c r="GS11" s="326">
        <v>440930</v>
      </c>
      <c r="GT11" s="327">
        <v>49000</v>
      </c>
      <c r="GU11" s="328">
        <v>489930</v>
      </c>
      <c r="GV11" s="326">
        <v>0</v>
      </c>
      <c r="GW11" s="327">
        <v>478345</v>
      </c>
      <c r="GX11" s="327">
        <v>718863</v>
      </c>
      <c r="GY11" s="327">
        <v>115087</v>
      </c>
      <c r="GZ11" s="327">
        <v>381325</v>
      </c>
      <c r="HA11" s="327">
        <v>66500</v>
      </c>
      <c r="HB11" s="331">
        <v>1760120</v>
      </c>
      <c r="HC11" s="330">
        <v>2250050</v>
      </c>
      <c r="HD11" s="326">
        <v>2090070</v>
      </c>
      <c r="HE11" s="327">
        <v>1842685</v>
      </c>
      <c r="HF11" s="331">
        <v>3932755</v>
      </c>
      <c r="HG11" s="332">
        <v>0</v>
      </c>
      <c r="HH11" s="327">
        <v>20498070</v>
      </c>
      <c r="HI11" s="327">
        <v>20178144</v>
      </c>
      <c r="HJ11" s="327">
        <v>17187906</v>
      </c>
      <c r="HK11" s="327">
        <v>22898224</v>
      </c>
      <c r="HL11" s="327">
        <v>16671124</v>
      </c>
      <c r="HM11" s="328">
        <v>97433468</v>
      </c>
      <c r="HN11" s="329">
        <v>101366223</v>
      </c>
      <c r="HO11" s="333">
        <v>0</v>
      </c>
      <c r="HP11" s="327">
        <v>0</v>
      </c>
      <c r="HQ11" s="328">
        <v>0</v>
      </c>
      <c r="HR11" s="326">
        <v>0</v>
      </c>
      <c r="HS11" s="327">
        <v>0</v>
      </c>
      <c r="HT11" s="327">
        <v>0</v>
      </c>
      <c r="HU11" s="327">
        <v>0</v>
      </c>
      <c r="HV11" s="327">
        <v>0</v>
      </c>
      <c r="HW11" s="327">
        <v>0</v>
      </c>
      <c r="HX11" s="331">
        <v>0</v>
      </c>
      <c r="HY11" s="330">
        <v>0</v>
      </c>
      <c r="HZ11" s="335">
        <v>40936</v>
      </c>
      <c r="IA11" s="336">
        <v>276624</v>
      </c>
      <c r="IB11" s="337">
        <v>317560</v>
      </c>
      <c r="IC11" s="338">
        <v>0</v>
      </c>
      <c r="ID11" s="336">
        <v>10422309</v>
      </c>
      <c r="IE11" s="339">
        <v>16642475</v>
      </c>
      <c r="IF11" s="337">
        <v>15997380</v>
      </c>
      <c r="IG11" s="336">
        <v>13350737</v>
      </c>
      <c r="IH11" s="337">
        <v>12169837</v>
      </c>
      <c r="II11" s="340">
        <v>68582738</v>
      </c>
      <c r="IJ11" s="341">
        <v>68900298</v>
      </c>
      <c r="IK11" s="342">
        <v>0</v>
      </c>
      <c r="IL11" s="343">
        <v>0</v>
      </c>
      <c r="IM11" s="344">
        <v>0</v>
      </c>
      <c r="IN11" s="404">
        <v>0</v>
      </c>
      <c r="IO11" s="345">
        <v>306911</v>
      </c>
      <c r="IP11" s="345">
        <v>789905</v>
      </c>
      <c r="IQ11" s="345">
        <v>482839</v>
      </c>
      <c r="IR11" s="345">
        <v>2155041</v>
      </c>
      <c r="IS11" s="345">
        <v>1954353</v>
      </c>
      <c r="IT11" s="346">
        <v>5689049</v>
      </c>
      <c r="IU11" s="347">
        <v>5689049</v>
      </c>
      <c r="IV11" s="348">
        <v>0</v>
      </c>
      <c r="IW11" s="345">
        <v>0</v>
      </c>
      <c r="IX11" s="349">
        <v>0</v>
      </c>
      <c r="IY11" s="404">
        <v>0</v>
      </c>
      <c r="IZ11" s="345">
        <v>98678</v>
      </c>
      <c r="JA11" s="345">
        <v>76955</v>
      </c>
      <c r="JB11" s="345">
        <v>242413</v>
      </c>
      <c r="JC11" s="345">
        <v>77158</v>
      </c>
      <c r="JD11" s="345">
        <v>339905</v>
      </c>
      <c r="JE11" s="349">
        <v>835109</v>
      </c>
      <c r="JF11" s="350">
        <v>835109</v>
      </c>
      <c r="JG11" s="348">
        <v>0</v>
      </c>
      <c r="JH11" s="345">
        <v>0</v>
      </c>
      <c r="JI11" s="346">
        <v>0</v>
      </c>
      <c r="JJ11" s="351">
        <v>0</v>
      </c>
      <c r="JK11" s="345">
        <v>4344296</v>
      </c>
      <c r="JL11" s="345">
        <v>4572132</v>
      </c>
      <c r="JM11" s="345">
        <v>3115339</v>
      </c>
      <c r="JN11" s="345">
        <v>2116729</v>
      </c>
      <c r="JO11" s="345">
        <v>705046</v>
      </c>
      <c r="JP11" s="349">
        <v>14853542</v>
      </c>
      <c r="JQ11" s="347">
        <v>14853542</v>
      </c>
      <c r="JR11" s="348">
        <v>0</v>
      </c>
      <c r="JS11" s="345">
        <v>0</v>
      </c>
      <c r="JT11" s="346">
        <v>0</v>
      </c>
      <c r="JU11" s="351">
        <v>0</v>
      </c>
      <c r="JV11" s="345">
        <v>647360</v>
      </c>
      <c r="JW11" s="345">
        <v>1564924</v>
      </c>
      <c r="JX11" s="345">
        <v>1907377</v>
      </c>
      <c r="JY11" s="345">
        <v>560899</v>
      </c>
      <c r="JZ11" s="345">
        <v>1079234</v>
      </c>
      <c r="KA11" s="349">
        <v>5759794</v>
      </c>
      <c r="KB11" s="347">
        <v>5759794</v>
      </c>
      <c r="KC11" s="352">
        <v>40936</v>
      </c>
      <c r="KD11" s="353">
        <v>276624</v>
      </c>
      <c r="KE11" s="349">
        <v>317560</v>
      </c>
      <c r="KF11" s="351">
        <v>0</v>
      </c>
      <c r="KG11" s="345">
        <v>795728</v>
      </c>
      <c r="KH11" s="345">
        <v>1150072</v>
      </c>
      <c r="KI11" s="345">
        <v>1758983</v>
      </c>
      <c r="KJ11" s="345">
        <v>925881</v>
      </c>
      <c r="KK11" s="345">
        <v>377303</v>
      </c>
      <c r="KL11" s="349">
        <v>5007967</v>
      </c>
      <c r="KM11" s="354">
        <v>5325527</v>
      </c>
      <c r="KN11" s="342">
        <v>0</v>
      </c>
      <c r="KO11" s="343">
        <v>0</v>
      </c>
      <c r="KP11" s="344">
        <v>0</v>
      </c>
      <c r="KQ11" s="404">
        <v>0</v>
      </c>
      <c r="KR11" s="345">
        <v>3689724</v>
      </c>
      <c r="KS11" s="345">
        <v>7145922</v>
      </c>
      <c r="KT11" s="345">
        <v>5721113</v>
      </c>
      <c r="KU11" s="345">
        <v>4028312</v>
      </c>
      <c r="KV11" s="345">
        <v>3593193</v>
      </c>
      <c r="KW11" s="349">
        <v>24178264</v>
      </c>
      <c r="KX11" s="347">
        <v>24178264</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228571</v>
      </c>
      <c r="LP11" s="345">
        <v>1213580</v>
      </c>
      <c r="LQ11" s="345">
        <v>2334108</v>
      </c>
      <c r="LR11" s="345">
        <v>335667</v>
      </c>
      <c r="LS11" s="349">
        <v>4111926</v>
      </c>
      <c r="LT11" s="347">
        <v>4111926</v>
      </c>
      <c r="LU11" s="348">
        <v>0</v>
      </c>
      <c r="LV11" s="345">
        <v>0</v>
      </c>
      <c r="LW11" s="349">
        <v>0</v>
      </c>
      <c r="LX11" s="404">
        <v>0</v>
      </c>
      <c r="LY11" s="345">
        <v>539612</v>
      </c>
      <c r="LZ11" s="345">
        <v>1113994</v>
      </c>
      <c r="MA11" s="345">
        <v>1555736</v>
      </c>
      <c r="MB11" s="345">
        <v>1152609</v>
      </c>
      <c r="MC11" s="345">
        <v>3785136</v>
      </c>
      <c r="MD11" s="349">
        <v>8147087</v>
      </c>
      <c r="ME11" s="350">
        <v>8147087</v>
      </c>
      <c r="MF11" s="348">
        <v>0</v>
      </c>
      <c r="MG11" s="345">
        <v>0</v>
      </c>
      <c r="MH11" s="349">
        <v>0</v>
      </c>
      <c r="MI11" s="404">
        <v>0</v>
      </c>
      <c r="MJ11" s="345">
        <v>3046862</v>
      </c>
      <c r="MK11" s="345">
        <v>5144763</v>
      </c>
      <c r="ML11" s="345">
        <v>15377213</v>
      </c>
      <c r="MM11" s="345">
        <v>23463839</v>
      </c>
      <c r="MN11" s="345">
        <v>15979276</v>
      </c>
      <c r="MO11" s="349">
        <v>63011953</v>
      </c>
      <c r="MP11" s="354">
        <v>63011953</v>
      </c>
      <c r="MQ11" s="348">
        <v>0</v>
      </c>
      <c r="MR11" s="345">
        <v>0</v>
      </c>
      <c r="MS11" s="349">
        <v>0</v>
      </c>
      <c r="MT11" s="404">
        <v>0</v>
      </c>
      <c r="MU11" s="345">
        <v>412411</v>
      </c>
      <c r="MV11" s="345">
        <v>1214736</v>
      </c>
      <c r="MW11" s="345">
        <v>8551333</v>
      </c>
      <c r="MX11" s="345">
        <v>12675263</v>
      </c>
      <c r="MY11" s="345">
        <v>10056237</v>
      </c>
      <c r="MZ11" s="349">
        <v>32909980</v>
      </c>
      <c r="NA11" s="354">
        <v>32909980</v>
      </c>
      <c r="NB11" s="348">
        <v>0</v>
      </c>
      <c r="NC11" s="345">
        <v>0</v>
      </c>
      <c r="ND11" s="349">
        <v>0</v>
      </c>
      <c r="NE11" s="404">
        <v>0</v>
      </c>
      <c r="NF11" s="345">
        <v>2634451</v>
      </c>
      <c r="NG11" s="345">
        <v>3930027</v>
      </c>
      <c r="NH11" s="345">
        <v>6825880</v>
      </c>
      <c r="NI11" s="345">
        <v>10149276</v>
      </c>
      <c r="NJ11" s="345">
        <v>5568209</v>
      </c>
      <c r="NK11" s="349">
        <v>29107843</v>
      </c>
      <c r="NL11" s="347">
        <v>29107843</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0</v>
      </c>
      <c r="OD11" s="345">
        <v>0</v>
      </c>
      <c r="OE11" s="345">
        <v>639300</v>
      </c>
      <c r="OF11" s="345">
        <v>354830</v>
      </c>
      <c r="OG11" s="349">
        <v>994130</v>
      </c>
      <c r="OH11" s="350">
        <v>994130</v>
      </c>
      <c r="OI11" s="348">
        <v>4800588</v>
      </c>
      <c r="OJ11" s="345">
        <v>6783968</v>
      </c>
      <c r="OK11" s="346">
        <v>11584556</v>
      </c>
      <c r="OL11" s="351">
        <v>0</v>
      </c>
      <c r="OM11" s="345">
        <v>72117249</v>
      </c>
      <c r="ON11" s="345">
        <v>86610115</v>
      </c>
      <c r="OO11" s="345">
        <v>81636745</v>
      </c>
      <c r="OP11" s="345">
        <v>95097964</v>
      </c>
      <c r="OQ11" s="345">
        <v>69360536</v>
      </c>
      <c r="OR11" s="349">
        <v>404822609</v>
      </c>
      <c r="OS11" s="354">
        <v>416407165</v>
      </c>
    </row>
    <row r="12" spans="2:409" s="70" customFormat="1" ht="21" customHeight="1" x14ac:dyDescent="0.2">
      <c r="B12" s="106" t="s">
        <v>14</v>
      </c>
      <c r="C12" s="326">
        <v>1390626</v>
      </c>
      <c r="D12" s="327">
        <v>2843207</v>
      </c>
      <c r="E12" s="328">
        <v>4233833</v>
      </c>
      <c r="F12" s="329">
        <v>0</v>
      </c>
      <c r="G12" s="327">
        <v>13473421</v>
      </c>
      <c r="H12" s="327">
        <v>25183952</v>
      </c>
      <c r="I12" s="327">
        <v>21631506</v>
      </c>
      <c r="J12" s="327">
        <v>18918870</v>
      </c>
      <c r="K12" s="327">
        <v>15616093</v>
      </c>
      <c r="L12" s="331">
        <v>94823842</v>
      </c>
      <c r="M12" s="330">
        <v>99057675</v>
      </c>
      <c r="N12" s="326">
        <v>280908</v>
      </c>
      <c r="O12" s="327">
        <v>943788</v>
      </c>
      <c r="P12" s="328">
        <v>1224696</v>
      </c>
      <c r="Q12" s="326">
        <v>0</v>
      </c>
      <c r="R12" s="327">
        <v>3600812</v>
      </c>
      <c r="S12" s="327">
        <v>8578656</v>
      </c>
      <c r="T12" s="327">
        <v>6871631</v>
      </c>
      <c r="U12" s="327">
        <v>6702867</v>
      </c>
      <c r="V12" s="327">
        <v>7882535</v>
      </c>
      <c r="W12" s="328">
        <v>33636501</v>
      </c>
      <c r="X12" s="330">
        <v>34861197</v>
      </c>
      <c r="Y12" s="326">
        <v>0</v>
      </c>
      <c r="Z12" s="327">
        <v>0</v>
      </c>
      <c r="AA12" s="328">
        <v>0</v>
      </c>
      <c r="AB12" s="326">
        <v>0</v>
      </c>
      <c r="AC12" s="327">
        <v>1507857</v>
      </c>
      <c r="AD12" s="327">
        <v>4283600</v>
      </c>
      <c r="AE12" s="327">
        <v>3429994</v>
      </c>
      <c r="AF12" s="327">
        <v>3106725</v>
      </c>
      <c r="AG12" s="327">
        <v>4316421</v>
      </c>
      <c r="AH12" s="328">
        <v>16644597</v>
      </c>
      <c r="AI12" s="330">
        <v>16644597</v>
      </c>
      <c r="AJ12" s="326">
        <v>0</v>
      </c>
      <c r="AK12" s="327">
        <v>0</v>
      </c>
      <c r="AL12" s="328">
        <v>0</v>
      </c>
      <c r="AM12" s="326">
        <v>0</v>
      </c>
      <c r="AN12" s="327">
        <v>0</v>
      </c>
      <c r="AO12" s="327">
        <v>52546</v>
      </c>
      <c r="AP12" s="327">
        <v>372720</v>
      </c>
      <c r="AQ12" s="327">
        <v>616742</v>
      </c>
      <c r="AR12" s="327">
        <v>846268</v>
      </c>
      <c r="AS12" s="328">
        <v>1888276</v>
      </c>
      <c r="AT12" s="330">
        <v>1888276</v>
      </c>
      <c r="AU12" s="326">
        <v>106692</v>
      </c>
      <c r="AV12" s="327">
        <v>665460</v>
      </c>
      <c r="AW12" s="328">
        <v>772152</v>
      </c>
      <c r="AX12" s="326">
        <v>0</v>
      </c>
      <c r="AY12" s="327">
        <v>1202583</v>
      </c>
      <c r="AZ12" s="327">
        <v>2565952</v>
      </c>
      <c r="BA12" s="327">
        <v>1828072</v>
      </c>
      <c r="BB12" s="327">
        <v>1811162</v>
      </c>
      <c r="BC12" s="327">
        <v>1427565</v>
      </c>
      <c r="BD12" s="328">
        <v>8835334</v>
      </c>
      <c r="BE12" s="330">
        <v>9607486</v>
      </c>
      <c r="BF12" s="326">
        <v>0</v>
      </c>
      <c r="BG12" s="327">
        <v>59396</v>
      </c>
      <c r="BH12" s="331">
        <v>59396</v>
      </c>
      <c r="BI12" s="332">
        <v>0</v>
      </c>
      <c r="BJ12" s="327">
        <v>0</v>
      </c>
      <c r="BK12" s="327">
        <v>397750</v>
      </c>
      <c r="BL12" s="327">
        <v>18743</v>
      </c>
      <c r="BM12" s="327">
        <v>76168</v>
      </c>
      <c r="BN12" s="327">
        <v>129287</v>
      </c>
      <c r="BO12" s="328">
        <v>621948</v>
      </c>
      <c r="BP12" s="330">
        <v>681344</v>
      </c>
      <c r="BQ12" s="326">
        <v>174216</v>
      </c>
      <c r="BR12" s="327">
        <v>218932</v>
      </c>
      <c r="BS12" s="328">
        <v>393148</v>
      </c>
      <c r="BT12" s="326">
        <v>0</v>
      </c>
      <c r="BU12" s="327">
        <v>890372</v>
      </c>
      <c r="BV12" s="327">
        <v>1278808</v>
      </c>
      <c r="BW12" s="327">
        <v>1222102</v>
      </c>
      <c r="BX12" s="327">
        <v>1092070</v>
      </c>
      <c r="BY12" s="327">
        <v>1162994</v>
      </c>
      <c r="BZ12" s="328">
        <v>5646346</v>
      </c>
      <c r="CA12" s="330">
        <v>6039494</v>
      </c>
      <c r="CB12" s="326">
        <v>105531</v>
      </c>
      <c r="CC12" s="327">
        <v>299396</v>
      </c>
      <c r="CD12" s="328">
        <v>404927</v>
      </c>
      <c r="CE12" s="326">
        <v>0</v>
      </c>
      <c r="CF12" s="327">
        <v>4227461</v>
      </c>
      <c r="CG12" s="327">
        <v>6284593</v>
      </c>
      <c r="CH12" s="327">
        <v>6704597</v>
      </c>
      <c r="CI12" s="327">
        <v>3170464</v>
      </c>
      <c r="CJ12" s="327">
        <v>1680235</v>
      </c>
      <c r="CK12" s="328">
        <v>22067350</v>
      </c>
      <c r="CL12" s="330">
        <v>22472277</v>
      </c>
      <c r="CM12" s="326">
        <v>0</v>
      </c>
      <c r="CN12" s="327">
        <v>0</v>
      </c>
      <c r="CO12" s="328">
        <v>0</v>
      </c>
      <c r="CP12" s="332">
        <v>0</v>
      </c>
      <c r="CQ12" s="327">
        <v>4050275</v>
      </c>
      <c r="CR12" s="327">
        <v>5458098</v>
      </c>
      <c r="CS12" s="327">
        <v>5798301</v>
      </c>
      <c r="CT12" s="327">
        <v>2003453</v>
      </c>
      <c r="CU12" s="327">
        <v>1590901</v>
      </c>
      <c r="CV12" s="328">
        <v>18901028</v>
      </c>
      <c r="CW12" s="330">
        <v>18901028</v>
      </c>
      <c r="CX12" s="326">
        <v>105531</v>
      </c>
      <c r="CY12" s="327">
        <v>299396</v>
      </c>
      <c r="CZ12" s="328">
        <v>404927</v>
      </c>
      <c r="DA12" s="326">
        <v>0</v>
      </c>
      <c r="DB12" s="327">
        <v>177186</v>
      </c>
      <c r="DC12" s="327">
        <v>826495</v>
      </c>
      <c r="DD12" s="327">
        <v>906296</v>
      </c>
      <c r="DE12" s="327">
        <v>1167011</v>
      </c>
      <c r="DF12" s="327">
        <v>89334</v>
      </c>
      <c r="DG12" s="328">
        <v>3166322</v>
      </c>
      <c r="DH12" s="330">
        <v>3571249</v>
      </c>
      <c r="DI12" s="326">
        <v>0</v>
      </c>
      <c r="DJ12" s="327">
        <v>29362</v>
      </c>
      <c r="DK12" s="331">
        <v>29362</v>
      </c>
      <c r="DL12" s="332">
        <v>0</v>
      </c>
      <c r="DM12" s="327">
        <v>340470</v>
      </c>
      <c r="DN12" s="327">
        <v>885305</v>
      </c>
      <c r="DO12" s="327">
        <v>1121365</v>
      </c>
      <c r="DP12" s="327">
        <v>1806287</v>
      </c>
      <c r="DQ12" s="327">
        <v>710707</v>
      </c>
      <c r="DR12" s="328">
        <v>4864134</v>
      </c>
      <c r="DS12" s="330">
        <v>4893496</v>
      </c>
      <c r="DT12" s="326">
        <v>0</v>
      </c>
      <c r="DU12" s="327">
        <v>29362</v>
      </c>
      <c r="DV12" s="328">
        <v>29362</v>
      </c>
      <c r="DW12" s="326">
        <v>0</v>
      </c>
      <c r="DX12" s="327">
        <v>222282</v>
      </c>
      <c r="DY12" s="327">
        <v>885305</v>
      </c>
      <c r="DZ12" s="327">
        <v>1045166</v>
      </c>
      <c r="EA12" s="327">
        <v>1806287</v>
      </c>
      <c r="EB12" s="327">
        <v>710707</v>
      </c>
      <c r="EC12" s="328">
        <v>4669747</v>
      </c>
      <c r="ED12" s="330">
        <v>4699109</v>
      </c>
      <c r="EE12" s="326">
        <v>0</v>
      </c>
      <c r="EF12" s="331">
        <v>0</v>
      </c>
      <c r="EG12" s="328">
        <v>0</v>
      </c>
      <c r="EH12" s="326">
        <v>0</v>
      </c>
      <c r="EI12" s="327">
        <v>118188</v>
      </c>
      <c r="EJ12" s="327">
        <v>0</v>
      </c>
      <c r="EK12" s="327">
        <v>76199</v>
      </c>
      <c r="EL12" s="327">
        <v>0</v>
      </c>
      <c r="EM12" s="327">
        <v>0</v>
      </c>
      <c r="EN12" s="331">
        <v>194387</v>
      </c>
      <c r="EO12" s="330">
        <v>194387</v>
      </c>
      <c r="EP12" s="326">
        <v>0</v>
      </c>
      <c r="EQ12" s="327">
        <v>0</v>
      </c>
      <c r="ER12" s="331">
        <v>0</v>
      </c>
      <c r="ES12" s="332">
        <v>0</v>
      </c>
      <c r="ET12" s="327">
        <v>0</v>
      </c>
      <c r="EU12" s="327">
        <v>0</v>
      </c>
      <c r="EV12" s="327">
        <v>0</v>
      </c>
      <c r="EW12" s="327">
        <v>0</v>
      </c>
      <c r="EX12" s="327">
        <v>0</v>
      </c>
      <c r="EY12" s="328">
        <v>0</v>
      </c>
      <c r="EZ12" s="330">
        <v>0</v>
      </c>
      <c r="FA12" s="326">
        <v>0</v>
      </c>
      <c r="FB12" s="327">
        <v>0</v>
      </c>
      <c r="FC12" s="331">
        <v>0</v>
      </c>
      <c r="FD12" s="404">
        <v>0</v>
      </c>
      <c r="FE12" s="327">
        <v>0</v>
      </c>
      <c r="FF12" s="327">
        <v>0</v>
      </c>
      <c r="FG12" s="327">
        <v>0</v>
      </c>
      <c r="FH12" s="327">
        <v>0</v>
      </c>
      <c r="FI12" s="327">
        <v>0</v>
      </c>
      <c r="FJ12" s="328">
        <v>0</v>
      </c>
      <c r="FK12" s="330">
        <v>0</v>
      </c>
      <c r="FL12" s="326">
        <v>317058</v>
      </c>
      <c r="FM12" s="327">
        <v>800247</v>
      </c>
      <c r="FN12" s="328">
        <v>1117305</v>
      </c>
      <c r="FO12" s="326">
        <v>0</v>
      </c>
      <c r="FP12" s="327">
        <v>878899</v>
      </c>
      <c r="FQ12" s="327">
        <v>2527246</v>
      </c>
      <c r="FR12" s="327">
        <v>1843702</v>
      </c>
      <c r="FS12" s="327">
        <v>1585143</v>
      </c>
      <c r="FT12" s="327">
        <v>1091923</v>
      </c>
      <c r="FU12" s="328">
        <v>7926913</v>
      </c>
      <c r="FV12" s="330">
        <v>9044218</v>
      </c>
      <c r="FW12" s="333">
        <v>135289</v>
      </c>
      <c r="FX12" s="327">
        <v>660247</v>
      </c>
      <c r="FY12" s="331">
        <v>795536</v>
      </c>
      <c r="FZ12" s="332">
        <v>0</v>
      </c>
      <c r="GA12" s="327">
        <v>587601</v>
      </c>
      <c r="GB12" s="327">
        <v>2306554</v>
      </c>
      <c r="GC12" s="327">
        <v>1608292</v>
      </c>
      <c r="GD12" s="327">
        <v>1263143</v>
      </c>
      <c r="GE12" s="327">
        <v>1078553</v>
      </c>
      <c r="GF12" s="328">
        <v>6844143</v>
      </c>
      <c r="GG12" s="334">
        <v>7639679</v>
      </c>
      <c r="GH12" s="333">
        <v>51800</v>
      </c>
      <c r="GI12" s="327">
        <v>0</v>
      </c>
      <c r="GJ12" s="331">
        <v>51800</v>
      </c>
      <c r="GK12" s="332">
        <v>0</v>
      </c>
      <c r="GL12" s="327">
        <v>41990</v>
      </c>
      <c r="GM12" s="327">
        <v>78207</v>
      </c>
      <c r="GN12" s="327">
        <v>112910</v>
      </c>
      <c r="GO12" s="327">
        <v>63000</v>
      </c>
      <c r="GP12" s="327">
        <v>13370</v>
      </c>
      <c r="GQ12" s="328">
        <v>309477</v>
      </c>
      <c r="GR12" s="330">
        <v>361277</v>
      </c>
      <c r="GS12" s="326">
        <v>129969</v>
      </c>
      <c r="GT12" s="327">
        <v>140000</v>
      </c>
      <c r="GU12" s="328">
        <v>269969</v>
      </c>
      <c r="GV12" s="326">
        <v>0</v>
      </c>
      <c r="GW12" s="327">
        <v>249308</v>
      </c>
      <c r="GX12" s="327">
        <v>142485</v>
      </c>
      <c r="GY12" s="327">
        <v>122500</v>
      </c>
      <c r="GZ12" s="327">
        <v>259000</v>
      </c>
      <c r="HA12" s="327">
        <v>0</v>
      </c>
      <c r="HB12" s="331">
        <v>773293</v>
      </c>
      <c r="HC12" s="330">
        <v>1043262</v>
      </c>
      <c r="HD12" s="326">
        <v>687129</v>
      </c>
      <c r="HE12" s="327">
        <v>770414</v>
      </c>
      <c r="HF12" s="331">
        <v>1457543</v>
      </c>
      <c r="HG12" s="332">
        <v>0</v>
      </c>
      <c r="HH12" s="327">
        <v>4425779</v>
      </c>
      <c r="HI12" s="327">
        <v>6908152</v>
      </c>
      <c r="HJ12" s="327">
        <v>5090211</v>
      </c>
      <c r="HK12" s="327">
        <v>5654109</v>
      </c>
      <c r="HL12" s="327">
        <v>4250693</v>
      </c>
      <c r="HM12" s="328">
        <v>26328944</v>
      </c>
      <c r="HN12" s="329">
        <v>27786487</v>
      </c>
      <c r="HO12" s="333">
        <v>0</v>
      </c>
      <c r="HP12" s="327">
        <v>0</v>
      </c>
      <c r="HQ12" s="328">
        <v>0</v>
      </c>
      <c r="HR12" s="326">
        <v>0</v>
      </c>
      <c r="HS12" s="327">
        <v>0</v>
      </c>
      <c r="HT12" s="327">
        <v>0</v>
      </c>
      <c r="HU12" s="327">
        <v>0</v>
      </c>
      <c r="HV12" s="327">
        <v>0</v>
      </c>
      <c r="HW12" s="327">
        <v>0</v>
      </c>
      <c r="HX12" s="331">
        <v>0</v>
      </c>
      <c r="HY12" s="330">
        <v>0</v>
      </c>
      <c r="HZ12" s="335">
        <v>69783</v>
      </c>
      <c r="IA12" s="336">
        <v>0</v>
      </c>
      <c r="IB12" s="337">
        <v>69783</v>
      </c>
      <c r="IC12" s="355">
        <v>0</v>
      </c>
      <c r="ID12" s="356">
        <v>3699879</v>
      </c>
      <c r="IE12" s="357">
        <v>5448927</v>
      </c>
      <c r="IF12" s="358">
        <v>6567078</v>
      </c>
      <c r="IG12" s="356">
        <v>5318903</v>
      </c>
      <c r="IH12" s="358">
        <v>2852086</v>
      </c>
      <c r="II12" s="359">
        <v>23886873</v>
      </c>
      <c r="IJ12" s="341">
        <v>23956656</v>
      </c>
      <c r="IK12" s="342">
        <v>0</v>
      </c>
      <c r="IL12" s="343">
        <v>0</v>
      </c>
      <c r="IM12" s="344">
        <v>0</v>
      </c>
      <c r="IN12" s="404">
        <v>0</v>
      </c>
      <c r="IO12" s="345">
        <v>0</v>
      </c>
      <c r="IP12" s="345">
        <v>378367</v>
      </c>
      <c r="IQ12" s="345">
        <v>393463</v>
      </c>
      <c r="IR12" s="345">
        <v>0</v>
      </c>
      <c r="IS12" s="345">
        <v>409763</v>
      </c>
      <c r="IT12" s="346">
        <v>1181593</v>
      </c>
      <c r="IU12" s="347">
        <v>1181593</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1585755</v>
      </c>
      <c r="JL12" s="345">
        <v>2478142</v>
      </c>
      <c r="JM12" s="345">
        <v>1407792</v>
      </c>
      <c r="JN12" s="345">
        <v>719179</v>
      </c>
      <c r="JO12" s="345">
        <v>421979</v>
      </c>
      <c r="JP12" s="349">
        <v>6612847</v>
      </c>
      <c r="JQ12" s="347">
        <v>6612847</v>
      </c>
      <c r="JR12" s="348">
        <v>0</v>
      </c>
      <c r="JS12" s="345">
        <v>0</v>
      </c>
      <c r="JT12" s="346">
        <v>0</v>
      </c>
      <c r="JU12" s="351">
        <v>0</v>
      </c>
      <c r="JV12" s="345">
        <v>0</v>
      </c>
      <c r="JW12" s="345">
        <v>105131</v>
      </c>
      <c r="JX12" s="345">
        <v>0</v>
      </c>
      <c r="JY12" s="345">
        <v>570915</v>
      </c>
      <c r="JZ12" s="345">
        <v>0</v>
      </c>
      <c r="KA12" s="349">
        <v>676046</v>
      </c>
      <c r="KB12" s="347">
        <v>676046</v>
      </c>
      <c r="KC12" s="352">
        <v>69783</v>
      </c>
      <c r="KD12" s="353">
        <v>0</v>
      </c>
      <c r="KE12" s="349">
        <v>69783</v>
      </c>
      <c r="KF12" s="351">
        <v>0</v>
      </c>
      <c r="KG12" s="345">
        <v>416563</v>
      </c>
      <c r="KH12" s="345">
        <v>1055666</v>
      </c>
      <c r="KI12" s="345">
        <v>1523831</v>
      </c>
      <c r="KJ12" s="345">
        <v>876923</v>
      </c>
      <c r="KK12" s="345">
        <v>259527</v>
      </c>
      <c r="KL12" s="349">
        <v>4132510</v>
      </c>
      <c r="KM12" s="354">
        <v>4202293</v>
      </c>
      <c r="KN12" s="342">
        <v>0</v>
      </c>
      <c r="KO12" s="343">
        <v>0</v>
      </c>
      <c r="KP12" s="344">
        <v>0</v>
      </c>
      <c r="KQ12" s="404">
        <v>0</v>
      </c>
      <c r="KR12" s="345">
        <v>1487112</v>
      </c>
      <c r="KS12" s="345">
        <v>1282188</v>
      </c>
      <c r="KT12" s="345">
        <v>3241992</v>
      </c>
      <c r="KU12" s="345">
        <v>1161772</v>
      </c>
      <c r="KV12" s="345">
        <v>1387368</v>
      </c>
      <c r="KW12" s="349">
        <v>8560432</v>
      </c>
      <c r="KX12" s="347">
        <v>8560432</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0</v>
      </c>
      <c r="LQ12" s="345">
        <v>950669</v>
      </c>
      <c r="LR12" s="345">
        <v>0</v>
      </c>
      <c r="LS12" s="349">
        <v>950669</v>
      </c>
      <c r="LT12" s="347">
        <v>950669</v>
      </c>
      <c r="LU12" s="348">
        <v>0</v>
      </c>
      <c r="LV12" s="345">
        <v>0</v>
      </c>
      <c r="LW12" s="349">
        <v>0</v>
      </c>
      <c r="LX12" s="404">
        <v>0</v>
      </c>
      <c r="LY12" s="345">
        <v>210449</v>
      </c>
      <c r="LZ12" s="345">
        <v>149433</v>
      </c>
      <c r="MA12" s="345">
        <v>0</v>
      </c>
      <c r="MB12" s="345">
        <v>1039445</v>
      </c>
      <c r="MC12" s="345">
        <v>373449</v>
      </c>
      <c r="MD12" s="349">
        <v>1772776</v>
      </c>
      <c r="ME12" s="350">
        <v>1772776</v>
      </c>
      <c r="MF12" s="348">
        <v>0</v>
      </c>
      <c r="MG12" s="345">
        <v>0</v>
      </c>
      <c r="MH12" s="349">
        <v>0</v>
      </c>
      <c r="MI12" s="404">
        <v>0</v>
      </c>
      <c r="MJ12" s="345">
        <v>438546</v>
      </c>
      <c r="MK12" s="345">
        <v>1828446</v>
      </c>
      <c r="ML12" s="345">
        <v>8038155</v>
      </c>
      <c r="MM12" s="345">
        <v>15246335</v>
      </c>
      <c r="MN12" s="345">
        <v>6886635</v>
      </c>
      <c r="MO12" s="349">
        <v>32438117</v>
      </c>
      <c r="MP12" s="354">
        <v>32438117</v>
      </c>
      <c r="MQ12" s="348">
        <v>0</v>
      </c>
      <c r="MR12" s="345">
        <v>0</v>
      </c>
      <c r="MS12" s="349">
        <v>0</v>
      </c>
      <c r="MT12" s="404">
        <v>0</v>
      </c>
      <c r="MU12" s="345">
        <v>0</v>
      </c>
      <c r="MV12" s="345">
        <v>0</v>
      </c>
      <c r="MW12" s="345">
        <v>5960221</v>
      </c>
      <c r="MX12" s="345">
        <v>11054999</v>
      </c>
      <c r="MY12" s="345">
        <v>4909442</v>
      </c>
      <c r="MZ12" s="349">
        <v>21924662</v>
      </c>
      <c r="NA12" s="354">
        <v>21924662</v>
      </c>
      <c r="NB12" s="348">
        <v>0</v>
      </c>
      <c r="NC12" s="345">
        <v>0</v>
      </c>
      <c r="ND12" s="349">
        <v>0</v>
      </c>
      <c r="NE12" s="404">
        <v>0</v>
      </c>
      <c r="NF12" s="345">
        <v>438546</v>
      </c>
      <c r="NG12" s="345">
        <v>1828446</v>
      </c>
      <c r="NH12" s="345">
        <v>1790717</v>
      </c>
      <c r="NI12" s="345">
        <v>3579230</v>
      </c>
      <c r="NJ12" s="345">
        <v>597579</v>
      </c>
      <c r="NK12" s="349">
        <v>8234518</v>
      </c>
      <c r="NL12" s="347">
        <v>8234518</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287217</v>
      </c>
      <c r="OE12" s="345">
        <v>612106</v>
      </c>
      <c r="OF12" s="345">
        <v>1379614</v>
      </c>
      <c r="OG12" s="349">
        <v>2278937</v>
      </c>
      <c r="OH12" s="350">
        <v>2278937</v>
      </c>
      <c r="OI12" s="348">
        <v>1460409</v>
      </c>
      <c r="OJ12" s="345">
        <v>2843207</v>
      </c>
      <c r="OK12" s="346">
        <v>4303616</v>
      </c>
      <c r="OL12" s="351">
        <v>0</v>
      </c>
      <c r="OM12" s="345">
        <v>17611846</v>
      </c>
      <c r="ON12" s="345">
        <v>32461325</v>
      </c>
      <c r="OO12" s="345">
        <v>36236739</v>
      </c>
      <c r="OP12" s="345">
        <v>39484108</v>
      </c>
      <c r="OQ12" s="345">
        <v>25354814</v>
      </c>
      <c r="OR12" s="349">
        <v>151148832</v>
      </c>
      <c r="OS12" s="354">
        <v>155452448</v>
      </c>
    </row>
    <row r="13" spans="2:409" s="70" customFormat="1" ht="21" customHeight="1" x14ac:dyDescent="0.2">
      <c r="B13" s="106" t="s">
        <v>7</v>
      </c>
      <c r="C13" s="326">
        <v>1186512</v>
      </c>
      <c r="D13" s="327">
        <v>1038361</v>
      </c>
      <c r="E13" s="328">
        <v>2224873</v>
      </c>
      <c r="F13" s="329">
        <v>0</v>
      </c>
      <c r="G13" s="327">
        <v>13951463</v>
      </c>
      <c r="H13" s="327">
        <v>9944793</v>
      </c>
      <c r="I13" s="327">
        <v>10912927</v>
      </c>
      <c r="J13" s="327">
        <v>9797043</v>
      </c>
      <c r="K13" s="327">
        <v>5711196</v>
      </c>
      <c r="L13" s="329">
        <v>50317422</v>
      </c>
      <c r="M13" s="330">
        <v>52542295</v>
      </c>
      <c r="N13" s="326">
        <v>246158</v>
      </c>
      <c r="O13" s="327">
        <v>295767</v>
      </c>
      <c r="P13" s="328">
        <v>541925</v>
      </c>
      <c r="Q13" s="326">
        <v>0</v>
      </c>
      <c r="R13" s="327">
        <v>4269784</v>
      </c>
      <c r="S13" s="327">
        <v>2787628</v>
      </c>
      <c r="T13" s="327">
        <v>4167939</v>
      </c>
      <c r="U13" s="327">
        <v>4352448</v>
      </c>
      <c r="V13" s="327">
        <v>2845018</v>
      </c>
      <c r="W13" s="328">
        <v>18422817</v>
      </c>
      <c r="X13" s="330">
        <v>18964742</v>
      </c>
      <c r="Y13" s="326">
        <v>0</v>
      </c>
      <c r="Z13" s="327">
        <v>0</v>
      </c>
      <c r="AA13" s="328">
        <v>0</v>
      </c>
      <c r="AB13" s="326">
        <v>0</v>
      </c>
      <c r="AC13" s="327">
        <v>1786985</v>
      </c>
      <c r="AD13" s="327">
        <v>1192170</v>
      </c>
      <c r="AE13" s="327">
        <v>2184541</v>
      </c>
      <c r="AF13" s="327">
        <v>2188231</v>
      </c>
      <c r="AG13" s="327">
        <v>1196174</v>
      </c>
      <c r="AH13" s="328">
        <v>8548101</v>
      </c>
      <c r="AI13" s="330">
        <v>8548101</v>
      </c>
      <c r="AJ13" s="326">
        <v>0</v>
      </c>
      <c r="AK13" s="327">
        <v>0</v>
      </c>
      <c r="AL13" s="328">
        <v>0</v>
      </c>
      <c r="AM13" s="326">
        <v>0</v>
      </c>
      <c r="AN13" s="327">
        <v>52546</v>
      </c>
      <c r="AO13" s="327">
        <v>24340</v>
      </c>
      <c r="AP13" s="327">
        <v>21018</v>
      </c>
      <c r="AQ13" s="327">
        <v>429150</v>
      </c>
      <c r="AR13" s="327">
        <v>579148</v>
      </c>
      <c r="AS13" s="328">
        <v>1106202</v>
      </c>
      <c r="AT13" s="330">
        <v>1106202</v>
      </c>
      <c r="AU13" s="326">
        <v>0</v>
      </c>
      <c r="AV13" s="327">
        <v>134359</v>
      </c>
      <c r="AW13" s="328">
        <v>134359</v>
      </c>
      <c r="AX13" s="326">
        <v>0</v>
      </c>
      <c r="AY13" s="327">
        <v>1356090</v>
      </c>
      <c r="AZ13" s="327">
        <v>904642</v>
      </c>
      <c r="BA13" s="327">
        <v>1139650</v>
      </c>
      <c r="BB13" s="327">
        <v>953028</v>
      </c>
      <c r="BC13" s="327">
        <v>667966</v>
      </c>
      <c r="BD13" s="328">
        <v>5021376</v>
      </c>
      <c r="BE13" s="330">
        <v>5155735</v>
      </c>
      <c r="BF13" s="326">
        <v>18147</v>
      </c>
      <c r="BG13" s="327">
        <v>13610</v>
      </c>
      <c r="BH13" s="331">
        <v>31757</v>
      </c>
      <c r="BI13" s="332">
        <v>0</v>
      </c>
      <c r="BJ13" s="327">
        <v>126643</v>
      </c>
      <c r="BK13" s="327">
        <v>167929</v>
      </c>
      <c r="BL13" s="327">
        <v>95080</v>
      </c>
      <c r="BM13" s="327">
        <v>111390</v>
      </c>
      <c r="BN13" s="327">
        <v>0</v>
      </c>
      <c r="BO13" s="328">
        <v>501042</v>
      </c>
      <c r="BP13" s="330">
        <v>532799</v>
      </c>
      <c r="BQ13" s="326">
        <v>228011</v>
      </c>
      <c r="BR13" s="327">
        <v>147798</v>
      </c>
      <c r="BS13" s="328">
        <v>375809</v>
      </c>
      <c r="BT13" s="326">
        <v>0</v>
      </c>
      <c r="BU13" s="327">
        <v>947520</v>
      </c>
      <c r="BV13" s="327">
        <v>498547</v>
      </c>
      <c r="BW13" s="327">
        <v>727650</v>
      </c>
      <c r="BX13" s="327">
        <v>670649</v>
      </c>
      <c r="BY13" s="327">
        <v>401730</v>
      </c>
      <c r="BZ13" s="328">
        <v>3246096</v>
      </c>
      <c r="CA13" s="330">
        <v>3621905</v>
      </c>
      <c r="CB13" s="326">
        <v>0</v>
      </c>
      <c r="CC13" s="327">
        <v>70543</v>
      </c>
      <c r="CD13" s="328">
        <v>70543</v>
      </c>
      <c r="CE13" s="326">
        <v>0</v>
      </c>
      <c r="CF13" s="327">
        <v>4266195</v>
      </c>
      <c r="CG13" s="327">
        <v>2617224</v>
      </c>
      <c r="CH13" s="327">
        <v>1762567</v>
      </c>
      <c r="CI13" s="327">
        <v>1016618</v>
      </c>
      <c r="CJ13" s="327">
        <v>181601</v>
      </c>
      <c r="CK13" s="328">
        <v>9844205</v>
      </c>
      <c r="CL13" s="330">
        <v>9914748</v>
      </c>
      <c r="CM13" s="326">
        <v>0</v>
      </c>
      <c r="CN13" s="327">
        <v>0</v>
      </c>
      <c r="CO13" s="328">
        <v>0</v>
      </c>
      <c r="CP13" s="332">
        <v>0</v>
      </c>
      <c r="CQ13" s="327">
        <v>3537056</v>
      </c>
      <c r="CR13" s="327">
        <v>1939750</v>
      </c>
      <c r="CS13" s="327">
        <v>1183552</v>
      </c>
      <c r="CT13" s="327">
        <v>468600</v>
      </c>
      <c r="CU13" s="327">
        <v>181601</v>
      </c>
      <c r="CV13" s="328">
        <v>7310559</v>
      </c>
      <c r="CW13" s="330">
        <v>7310559</v>
      </c>
      <c r="CX13" s="326">
        <v>0</v>
      </c>
      <c r="CY13" s="327">
        <v>70543</v>
      </c>
      <c r="CZ13" s="328">
        <v>70543</v>
      </c>
      <c r="DA13" s="326">
        <v>0</v>
      </c>
      <c r="DB13" s="327">
        <v>729139</v>
      </c>
      <c r="DC13" s="327">
        <v>677474</v>
      </c>
      <c r="DD13" s="327">
        <v>579015</v>
      </c>
      <c r="DE13" s="327">
        <v>548018</v>
      </c>
      <c r="DF13" s="327">
        <v>0</v>
      </c>
      <c r="DG13" s="328">
        <v>2533646</v>
      </c>
      <c r="DH13" s="330">
        <v>2604189</v>
      </c>
      <c r="DI13" s="326">
        <v>0</v>
      </c>
      <c r="DJ13" s="327">
        <v>0</v>
      </c>
      <c r="DK13" s="331">
        <v>0</v>
      </c>
      <c r="DL13" s="332">
        <v>0</v>
      </c>
      <c r="DM13" s="327">
        <v>894030</v>
      </c>
      <c r="DN13" s="327">
        <v>348402</v>
      </c>
      <c r="DO13" s="327">
        <v>215022</v>
      </c>
      <c r="DP13" s="327">
        <v>519507</v>
      </c>
      <c r="DQ13" s="327">
        <v>293381</v>
      </c>
      <c r="DR13" s="328">
        <v>2270342</v>
      </c>
      <c r="DS13" s="330">
        <v>2270342</v>
      </c>
      <c r="DT13" s="326">
        <v>0</v>
      </c>
      <c r="DU13" s="327">
        <v>0</v>
      </c>
      <c r="DV13" s="328">
        <v>0</v>
      </c>
      <c r="DW13" s="326">
        <v>0</v>
      </c>
      <c r="DX13" s="327">
        <v>894030</v>
      </c>
      <c r="DY13" s="327">
        <v>248422</v>
      </c>
      <c r="DZ13" s="327">
        <v>546803</v>
      </c>
      <c r="EA13" s="327">
        <v>519507</v>
      </c>
      <c r="EB13" s="327">
        <v>293381</v>
      </c>
      <c r="EC13" s="328">
        <v>2502143</v>
      </c>
      <c r="ED13" s="330">
        <v>2502143</v>
      </c>
      <c r="EE13" s="326">
        <v>0</v>
      </c>
      <c r="EF13" s="331">
        <v>0</v>
      </c>
      <c r="EG13" s="328">
        <v>0</v>
      </c>
      <c r="EH13" s="326">
        <v>0</v>
      </c>
      <c r="EI13" s="327">
        <v>0</v>
      </c>
      <c r="EJ13" s="327">
        <v>99980</v>
      </c>
      <c r="EK13" s="327">
        <v>-331781</v>
      </c>
      <c r="EL13" s="327">
        <v>0</v>
      </c>
      <c r="EM13" s="327">
        <v>0</v>
      </c>
      <c r="EN13" s="331">
        <v>-231801</v>
      </c>
      <c r="EO13" s="330">
        <v>-231801</v>
      </c>
      <c r="EP13" s="326">
        <v>0</v>
      </c>
      <c r="EQ13" s="327">
        <v>0</v>
      </c>
      <c r="ER13" s="331">
        <v>0</v>
      </c>
      <c r="ES13" s="332">
        <v>0</v>
      </c>
      <c r="ET13" s="327">
        <v>0</v>
      </c>
      <c r="EU13" s="327">
        <v>0</v>
      </c>
      <c r="EV13" s="327">
        <v>0</v>
      </c>
      <c r="EW13" s="327">
        <v>0</v>
      </c>
      <c r="EX13" s="327">
        <v>0</v>
      </c>
      <c r="EY13" s="328">
        <v>0</v>
      </c>
      <c r="EZ13" s="330">
        <v>0</v>
      </c>
      <c r="FA13" s="326">
        <v>0</v>
      </c>
      <c r="FB13" s="327">
        <v>0</v>
      </c>
      <c r="FC13" s="331">
        <v>0</v>
      </c>
      <c r="FD13" s="404">
        <v>0</v>
      </c>
      <c r="FE13" s="327">
        <v>0</v>
      </c>
      <c r="FF13" s="327">
        <v>0</v>
      </c>
      <c r="FG13" s="327">
        <v>0</v>
      </c>
      <c r="FH13" s="327">
        <v>0</v>
      </c>
      <c r="FI13" s="327">
        <v>0</v>
      </c>
      <c r="FJ13" s="328">
        <v>0</v>
      </c>
      <c r="FK13" s="330">
        <v>0</v>
      </c>
      <c r="FL13" s="326">
        <v>98098</v>
      </c>
      <c r="FM13" s="327">
        <v>56294</v>
      </c>
      <c r="FN13" s="328">
        <v>154392</v>
      </c>
      <c r="FO13" s="326">
        <v>0</v>
      </c>
      <c r="FP13" s="327">
        <v>625062</v>
      </c>
      <c r="FQ13" s="327">
        <v>1113668</v>
      </c>
      <c r="FR13" s="327">
        <v>938371</v>
      </c>
      <c r="FS13" s="327">
        <v>628516</v>
      </c>
      <c r="FT13" s="327">
        <v>259756</v>
      </c>
      <c r="FU13" s="328">
        <v>3565373</v>
      </c>
      <c r="FV13" s="330">
        <v>3719765</v>
      </c>
      <c r="FW13" s="333">
        <v>98098</v>
      </c>
      <c r="FX13" s="327">
        <v>56294</v>
      </c>
      <c r="FY13" s="331">
        <v>154392</v>
      </c>
      <c r="FZ13" s="332">
        <v>0</v>
      </c>
      <c r="GA13" s="327">
        <v>487998</v>
      </c>
      <c r="GB13" s="327">
        <v>1039297</v>
      </c>
      <c r="GC13" s="327">
        <v>659575</v>
      </c>
      <c r="GD13" s="327">
        <v>590016</v>
      </c>
      <c r="GE13" s="327">
        <v>259756</v>
      </c>
      <c r="GF13" s="328">
        <v>3036642</v>
      </c>
      <c r="GG13" s="334">
        <v>3191034</v>
      </c>
      <c r="GH13" s="333">
        <v>0</v>
      </c>
      <c r="GI13" s="327">
        <v>0</v>
      </c>
      <c r="GJ13" s="331">
        <v>0</v>
      </c>
      <c r="GK13" s="332">
        <v>0</v>
      </c>
      <c r="GL13" s="327">
        <v>44536</v>
      </c>
      <c r="GM13" s="327">
        <v>74371</v>
      </c>
      <c r="GN13" s="327">
        <v>56441</v>
      </c>
      <c r="GO13" s="327">
        <v>0</v>
      </c>
      <c r="GP13" s="327">
        <v>0</v>
      </c>
      <c r="GQ13" s="328">
        <v>175348</v>
      </c>
      <c r="GR13" s="330">
        <v>175348</v>
      </c>
      <c r="GS13" s="326">
        <v>0</v>
      </c>
      <c r="GT13" s="327">
        <v>0</v>
      </c>
      <c r="GU13" s="328">
        <v>0</v>
      </c>
      <c r="GV13" s="326">
        <v>0</v>
      </c>
      <c r="GW13" s="327">
        <v>92528</v>
      </c>
      <c r="GX13" s="327">
        <v>0</v>
      </c>
      <c r="GY13" s="327">
        <v>222355</v>
      </c>
      <c r="GZ13" s="327">
        <v>38500</v>
      </c>
      <c r="HA13" s="327">
        <v>0</v>
      </c>
      <c r="HB13" s="331">
        <v>353383</v>
      </c>
      <c r="HC13" s="330">
        <v>353383</v>
      </c>
      <c r="HD13" s="326">
        <v>842256</v>
      </c>
      <c r="HE13" s="327">
        <v>615757</v>
      </c>
      <c r="HF13" s="331">
        <v>1458013</v>
      </c>
      <c r="HG13" s="332">
        <v>0</v>
      </c>
      <c r="HH13" s="327">
        <v>3896392</v>
      </c>
      <c r="HI13" s="327">
        <v>3077871</v>
      </c>
      <c r="HJ13" s="327">
        <v>3829028</v>
      </c>
      <c r="HK13" s="327">
        <v>3279954</v>
      </c>
      <c r="HL13" s="327">
        <v>2131440</v>
      </c>
      <c r="HM13" s="328">
        <v>16214685</v>
      </c>
      <c r="HN13" s="329">
        <v>17672698</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2620660</v>
      </c>
      <c r="IE13" s="339">
        <v>2508570</v>
      </c>
      <c r="IF13" s="337">
        <v>2032249</v>
      </c>
      <c r="IG13" s="336">
        <v>1267350</v>
      </c>
      <c r="IH13" s="337">
        <v>1017664</v>
      </c>
      <c r="II13" s="340">
        <v>9446493</v>
      </c>
      <c r="IJ13" s="341">
        <v>9446493</v>
      </c>
      <c r="IK13" s="342">
        <v>0</v>
      </c>
      <c r="IL13" s="343">
        <v>0</v>
      </c>
      <c r="IM13" s="344">
        <v>0</v>
      </c>
      <c r="IN13" s="404">
        <v>0</v>
      </c>
      <c r="IO13" s="345">
        <v>0</v>
      </c>
      <c r="IP13" s="345">
        <v>127288</v>
      </c>
      <c r="IQ13" s="345">
        <v>0</v>
      </c>
      <c r="IR13" s="345">
        <v>0</v>
      </c>
      <c r="IS13" s="345">
        <v>287068</v>
      </c>
      <c r="IT13" s="346">
        <v>414356</v>
      </c>
      <c r="IU13" s="347">
        <v>414356</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1552496</v>
      </c>
      <c r="JL13" s="345">
        <v>934934</v>
      </c>
      <c r="JM13" s="345">
        <v>445175</v>
      </c>
      <c r="JN13" s="345">
        <v>239988</v>
      </c>
      <c r="JO13" s="345">
        <v>85377</v>
      </c>
      <c r="JP13" s="349">
        <v>3257970</v>
      </c>
      <c r="JQ13" s="347">
        <v>3257970</v>
      </c>
      <c r="JR13" s="348">
        <v>0</v>
      </c>
      <c r="JS13" s="345">
        <v>0</v>
      </c>
      <c r="JT13" s="346">
        <v>0</v>
      </c>
      <c r="JU13" s="351">
        <v>0</v>
      </c>
      <c r="JV13" s="345">
        <v>213299</v>
      </c>
      <c r="JW13" s="345">
        <v>95161</v>
      </c>
      <c r="JX13" s="345">
        <v>460401</v>
      </c>
      <c r="JY13" s="345">
        <v>85438</v>
      </c>
      <c r="JZ13" s="345">
        <v>0</v>
      </c>
      <c r="KA13" s="349">
        <v>854299</v>
      </c>
      <c r="KB13" s="347">
        <v>854299</v>
      </c>
      <c r="KC13" s="352">
        <v>0</v>
      </c>
      <c r="KD13" s="353">
        <v>0</v>
      </c>
      <c r="KE13" s="349">
        <v>0</v>
      </c>
      <c r="KF13" s="351">
        <v>0</v>
      </c>
      <c r="KG13" s="345">
        <v>205710</v>
      </c>
      <c r="KH13" s="345">
        <v>0</v>
      </c>
      <c r="KI13" s="345">
        <v>189198</v>
      </c>
      <c r="KJ13" s="345">
        <v>0</v>
      </c>
      <c r="KK13" s="345">
        <v>0</v>
      </c>
      <c r="KL13" s="349">
        <v>394908</v>
      </c>
      <c r="KM13" s="354">
        <v>394908</v>
      </c>
      <c r="KN13" s="342">
        <v>0</v>
      </c>
      <c r="KO13" s="343">
        <v>0</v>
      </c>
      <c r="KP13" s="344">
        <v>0</v>
      </c>
      <c r="KQ13" s="404">
        <v>0</v>
      </c>
      <c r="KR13" s="345">
        <v>525496</v>
      </c>
      <c r="KS13" s="345">
        <v>1351187</v>
      </c>
      <c r="KT13" s="345">
        <v>937475</v>
      </c>
      <c r="KU13" s="345">
        <v>941924</v>
      </c>
      <c r="KV13" s="345">
        <v>730840</v>
      </c>
      <c r="KW13" s="349">
        <v>4486922</v>
      </c>
      <c r="KX13" s="347">
        <v>4486922</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123659</v>
      </c>
      <c r="LZ13" s="345">
        <v>0</v>
      </c>
      <c r="MA13" s="345">
        <v>0</v>
      </c>
      <c r="MB13" s="345">
        <v>0</v>
      </c>
      <c r="MC13" s="345">
        <v>-85621</v>
      </c>
      <c r="MD13" s="349">
        <v>38038</v>
      </c>
      <c r="ME13" s="350">
        <v>38038</v>
      </c>
      <c r="MF13" s="348">
        <v>0</v>
      </c>
      <c r="MG13" s="345">
        <v>0</v>
      </c>
      <c r="MH13" s="349">
        <v>0</v>
      </c>
      <c r="MI13" s="404">
        <v>0</v>
      </c>
      <c r="MJ13" s="345">
        <v>447209</v>
      </c>
      <c r="MK13" s="345">
        <v>442626</v>
      </c>
      <c r="ML13" s="345">
        <v>3347576</v>
      </c>
      <c r="MM13" s="345">
        <v>4898261</v>
      </c>
      <c r="MN13" s="345">
        <v>3212904</v>
      </c>
      <c r="MO13" s="349">
        <v>12348576</v>
      </c>
      <c r="MP13" s="354">
        <v>12348576</v>
      </c>
      <c r="MQ13" s="348">
        <v>0</v>
      </c>
      <c r="MR13" s="345">
        <v>0</v>
      </c>
      <c r="MS13" s="349">
        <v>0</v>
      </c>
      <c r="MT13" s="404">
        <v>0</v>
      </c>
      <c r="MU13" s="345">
        <v>0</v>
      </c>
      <c r="MV13" s="345">
        <v>0</v>
      </c>
      <c r="MW13" s="345">
        <v>2047161</v>
      </c>
      <c r="MX13" s="345">
        <v>3385560</v>
      </c>
      <c r="MY13" s="345">
        <v>2127574</v>
      </c>
      <c r="MZ13" s="349">
        <v>7560295</v>
      </c>
      <c r="NA13" s="354">
        <v>7560295</v>
      </c>
      <c r="NB13" s="348">
        <v>0</v>
      </c>
      <c r="NC13" s="345">
        <v>0</v>
      </c>
      <c r="ND13" s="349">
        <v>0</v>
      </c>
      <c r="NE13" s="404">
        <v>0</v>
      </c>
      <c r="NF13" s="345">
        <v>447209</v>
      </c>
      <c r="NG13" s="345">
        <v>442626</v>
      </c>
      <c r="NH13" s="345">
        <v>1300415</v>
      </c>
      <c r="NI13" s="345">
        <v>1512701</v>
      </c>
      <c r="NJ13" s="345">
        <v>1085330</v>
      </c>
      <c r="NK13" s="349">
        <v>4788281</v>
      </c>
      <c r="NL13" s="347">
        <v>4788281</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0</v>
      </c>
      <c r="OE13" s="345">
        <v>0</v>
      </c>
      <c r="OF13" s="345">
        <v>0</v>
      </c>
      <c r="OG13" s="349">
        <v>0</v>
      </c>
      <c r="OH13" s="350">
        <v>0</v>
      </c>
      <c r="OI13" s="348">
        <v>1186512</v>
      </c>
      <c r="OJ13" s="345">
        <v>1038361</v>
      </c>
      <c r="OK13" s="346">
        <v>2224873</v>
      </c>
      <c r="OL13" s="351">
        <v>0</v>
      </c>
      <c r="OM13" s="345">
        <v>17019332</v>
      </c>
      <c r="ON13" s="345">
        <v>12895989</v>
      </c>
      <c r="OO13" s="345">
        <v>16292752</v>
      </c>
      <c r="OP13" s="345">
        <v>15962654</v>
      </c>
      <c r="OQ13" s="345">
        <v>9941764</v>
      </c>
      <c r="OR13" s="349">
        <v>72112491</v>
      </c>
      <c r="OS13" s="354">
        <v>74337364</v>
      </c>
    </row>
    <row r="14" spans="2:409" s="70" customFormat="1" ht="21" customHeight="1" x14ac:dyDescent="0.2">
      <c r="B14" s="106" t="s">
        <v>8</v>
      </c>
      <c r="C14" s="326">
        <v>491406</v>
      </c>
      <c r="D14" s="327">
        <v>542216</v>
      </c>
      <c r="E14" s="328">
        <v>1033622</v>
      </c>
      <c r="F14" s="329">
        <v>0</v>
      </c>
      <c r="G14" s="327">
        <v>5678833</v>
      </c>
      <c r="H14" s="327">
        <v>8894487</v>
      </c>
      <c r="I14" s="327">
        <v>8065228</v>
      </c>
      <c r="J14" s="327">
        <v>6148779</v>
      </c>
      <c r="K14" s="327">
        <v>5582900</v>
      </c>
      <c r="L14" s="329">
        <v>34370227</v>
      </c>
      <c r="M14" s="330">
        <v>35403849</v>
      </c>
      <c r="N14" s="326">
        <v>128228</v>
      </c>
      <c r="O14" s="327">
        <v>174662</v>
      </c>
      <c r="P14" s="328">
        <v>302890</v>
      </c>
      <c r="Q14" s="326">
        <v>0</v>
      </c>
      <c r="R14" s="327">
        <v>1480999</v>
      </c>
      <c r="S14" s="327">
        <v>3004774</v>
      </c>
      <c r="T14" s="327">
        <v>2895713</v>
      </c>
      <c r="U14" s="327">
        <v>2708899</v>
      </c>
      <c r="V14" s="327">
        <v>2642028</v>
      </c>
      <c r="W14" s="328">
        <v>12732413</v>
      </c>
      <c r="X14" s="330">
        <v>13035303</v>
      </c>
      <c r="Y14" s="326">
        <v>0</v>
      </c>
      <c r="Z14" s="327">
        <v>0</v>
      </c>
      <c r="AA14" s="328">
        <v>0</v>
      </c>
      <c r="AB14" s="326">
        <v>0</v>
      </c>
      <c r="AC14" s="327">
        <v>182909</v>
      </c>
      <c r="AD14" s="327">
        <v>1022170</v>
      </c>
      <c r="AE14" s="327">
        <v>1877169</v>
      </c>
      <c r="AF14" s="327">
        <v>1532148</v>
      </c>
      <c r="AG14" s="327">
        <v>1825746</v>
      </c>
      <c r="AH14" s="328">
        <v>6440142</v>
      </c>
      <c r="AI14" s="330">
        <v>6440142</v>
      </c>
      <c r="AJ14" s="326">
        <v>0</v>
      </c>
      <c r="AK14" s="327">
        <v>0</v>
      </c>
      <c r="AL14" s="328">
        <v>0</v>
      </c>
      <c r="AM14" s="326">
        <v>0</v>
      </c>
      <c r="AN14" s="327">
        <v>0</v>
      </c>
      <c r="AO14" s="327">
        <v>93362</v>
      </c>
      <c r="AP14" s="327">
        <v>93362</v>
      </c>
      <c r="AQ14" s="327">
        <v>22387</v>
      </c>
      <c r="AR14" s="327">
        <v>51867</v>
      </c>
      <c r="AS14" s="328">
        <v>260978</v>
      </c>
      <c r="AT14" s="330">
        <v>260978</v>
      </c>
      <c r="AU14" s="326">
        <v>106584</v>
      </c>
      <c r="AV14" s="327">
        <v>143741</v>
      </c>
      <c r="AW14" s="328">
        <v>250325</v>
      </c>
      <c r="AX14" s="326">
        <v>0</v>
      </c>
      <c r="AY14" s="327">
        <v>716090</v>
      </c>
      <c r="AZ14" s="327">
        <v>1173259</v>
      </c>
      <c r="BA14" s="327">
        <v>530611</v>
      </c>
      <c r="BB14" s="327">
        <v>785000</v>
      </c>
      <c r="BC14" s="327">
        <v>514781</v>
      </c>
      <c r="BD14" s="328">
        <v>3719741</v>
      </c>
      <c r="BE14" s="330">
        <v>3970066</v>
      </c>
      <c r="BF14" s="326">
        <v>0</v>
      </c>
      <c r="BG14" s="327">
        <v>4489</v>
      </c>
      <c r="BH14" s="331">
        <v>4489</v>
      </c>
      <c r="BI14" s="332">
        <v>0</v>
      </c>
      <c r="BJ14" s="327">
        <v>200409</v>
      </c>
      <c r="BK14" s="327">
        <v>180028</v>
      </c>
      <c r="BL14" s="327">
        <v>81041</v>
      </c>
      <c r="BM14" s="327">
        <v>34533</v>
      </c>
      <c r="BN14" s="327">
        <v>0</v>
      </c>
      <c r="BO14" s="328">
        <v>496011</v>
      </c>
      <c r="BP14" s="330">
        <v>500500</v>
      </c>
      <c r="BQ14" s="326">
        <v>21644</v>
      </c>
      <c r="BR14" s="327">
        <v>26432</v>
      </c>
      <c r="BS14" s="328">
        <v>48076</v>
      </c>
      <c r="BT14" s="326">
        <v>0</v>
      </c>
      <c r="BU14" s="327">
        <v>381591</v>
      </c>
      <c r="BV14" s="327">
        <v>535955</v>
      </c>
      <c r="BW14" s="327">
        <v>313530</v>
      </c>
      <c r="BX14" s="327">
        <v>334831</v>
      </c>
      <c r="BY14" s="327">
        <v>249634</v>
      </c>
      <c r="BZ14" s="328">
        <v>1815541</v>
      </c>
      <c r="CA14" s="330">
        <v>1863617</v>
      </c>
      <c r="CB14" s="326">
        <v>55173</v>
      </c>
      <c r="CC14" s="327">
        <v>100454</v>
      </c>
      <c r="CD14" s="328">
        <v>155627</v>
      </c>
      <c r="CE14" s="326">
        <v>0</v>
      </c>
      <c r="CF14" s="327">
        <v>1604300</v>
      </c>
      <c r="CG14" s="327">
        <v>2069367</v>
      </c>
      <c r="CH14" s="327">
        <v>2141969</v>
      </c>
      <c r="CI14" s="327">
        <v>890145</v>
      </c>
      <c r="CJ14" s="327">
        <v>685109</v>
      </c>
      <c r="CK14" s="328">
        <v>7390890</v>
      </c>
      <c r="CL14" s="330">
        <v>7546517</v>
      </c>
      <c r="CM14" s="326">
        <v>0</v>
      </c>
      <c r="CN14" s="327">
        <v>0</v>
      </c>
      <c r="CO14" s="328">
        <v>0</v>
      </c>
      <c r="CP14" s="332">
        <v>0</v>
      </c>
      <c r="CQ14" s="327">
        <v>1194328</v>
      </c>
      <c r="CR14" s="327">
        <v>1743584</v>
      </c>
      <c r="CS14" s="327">
        <v>1268210</v>
      </c>
      <c r="CT14" s="327">
        <v>442671</v>
      </c>
      <c r="CU14" s="327">
        <v>526844</v>
      </c>
      <c r="CV14" s="328">
        <v>5175637</v>
      </c>
      <c r="CW14" s="330">
        <v>5175637</v>
      </c>
      <c r="CX14" s="326">
        <v>55173</v>
      </c>
      <c r="CY14" s="327">
        <v>100454</v>
      </c>
      <c r="CZ14" s="328">
        <v>155627</v>
      </c>
      <c r="DA14" s="326">
        <v>0</v>
      </c>
      <c r="DB14" s="327">
        <v>409972</v>
      </c>
      <c r="DC14" s="327">
        <v>325783</v>
      </c>
      <c r="DD14" s="327">
        <v>873759</v>
      </c>
      <c r="DE14" s="327">
        <v>447474</v>
      </c>
      <c r="DF14" s="327">
        <v>158265</v>
      </c>
      <c r="DG14" s="328">
        <v>2215253</v>
      </c>
      <c r="DH14" s="330">
        <v>2370880</v>
      </c>
      <c r="DI14" s="326">
        <v>32012</v>
      </c>
      <c r="DJ14" s="327">
        <v>0</v>
      </c>
      <c r="DK14" s="331">
        <v>32012</v>
      </c>
      <c r="DL14" s="332">
        <v>0</v>
      </c>
      <c r="DM14" s="327">
        <v>466428</v>
      </c>
      <c r="DN14" s="327">
        <v>550009</v>
      </c>
      <c r="DO14" s="327">
        <v>1171445</v>
      </c>
      <c r="DP14" s="327">
        <v>268270</v>
      </c>
      <c r="DQ14" s="327">
        <v>653419</v>
      </c>
      <c r="DR14" s="328">
        <v>3109571</v>
      </c>
      <c r="DS14" s="330">
        <v>3141583</v>
      </c>
      <c r="DT14" s="326">
        <v>32012</v>
      </c>
      <c r="DU14" s="327">
        <v>0</v>
      </c>
      <c r="DV14" s="328">
        <v>32012</v>
      </c>
      <c r="DW14" s="326">
        <v>0</v>
      </c>
      <c r="DX14" s="327">
        <v>360895</v>
      </c>
      <c r="DY14" s="327">
        <v>550009</v>
      </c>
      <c r="DZ14" s="327">
        <v>1138995</v>
      </c>
      <c r="EA14" s="327">
        <v>268270</v>
      </c>
      <c r="EB14" s="327">
        <v>581579</v>
      </c>
      <c r="EC14" s="328">
        <v>2899748</v>
      </c>
      <c r="ED14" s="330">
        <v>2931760</v>
      </c>
      <c r="EE14" s="326">
        <v>0</v>
      </c>
      <c r="EF14" s="331">
        <v>0</v>
      </c>
      <c r="EG14" s="328">
        <v>0</v>
      </c>
      <c r="EH14" s="326">
        <v>0</v>
      </c>
      <c r="EI14" s="327">
        <v>105533</v>
      </c>
      <c r="EJ14" s="327">
        <v>0</v>
      </c>
      <c r="EK14" s="327">
        <v>32450</v>
      </c>
      <c r="EL14" s="327">
        <v>0</v>
      </c>
      <c r="EM14" s="327">
        <v>71840</v>
      </c>
      <c r="EN14" s="331">
        <v>209823</v>
      </c>
      <c r="EO14" s="330">
        <v>209823</v>
      </c>
      <c r="EP14" s="326">
        <v>0</v>
      </c>
      <c r="EQ14" s="327">
        <v>0</v>
      </c>
      <c r="ER14" s="331">
        <v>0</v>
      </c>
      <c r="ES14" s="332">
        <v>0</v>
      </c>
      <c r="ET14" s="327">
        <v>0</v>
      </c>
      <c r="EU14" s="327">
        <v>0</v>
      </c>
      <c r="EV14" s="327">
        <v>0</v>
      </c>
      <c r="EW14" s="327">
        <v>0</v>
      </c>
      <c r="EX14" s="327">
        <v>0</v>
      </c>
      <c r="EY14" s="328">
        <v>0</v>
      </c>
      <c r="EZ14" s="330">
        <v>0</v>
      </c>
      <c r="FA14" s="326">
        <v>0</v>
      </c>
      <c r="FB14" s="327">
        <v>0</v>
      </c>
      <c r="FC14" s="331">
        <v>0</v>
      </c>
      <c r="FD14" s="404">
        <v>0</v>
      </c>
      <c r="FE14" s="327">
        <v>0</v>
      </c>
      <c r="FF14" s="327">
        <v>0</v>
      </c>
      <c r="FG14" s="327">
        <v>0</v>
      </c>
      <c r="FH14" s="327">
        <v>0</v>
      </c>
      <c r="FI14" s="327">
        <v>0</v>
      </c>
      <c r="FJ14" s="328">
        <v>0</v>
      </c>
      <c r="FK14" s="330">
        <v>0</v>
      </c>
      <c r="FL14" s="326">
        <v>125315</v>
      </c>
      <c r="FM14" s="327">
        <v>115164</v>
      </c>
      <c r="FN14" s="328">
        <v>240479</v>
      </c>
      <c r="FO14" s="326">
        <v>0</v>
      </c>
      <c r="FP14" s="327">
        <v>245546</v>
      </c>
      <c r="FQ14" s="327">
        <v>853930</v>
      </c>
      <c r="FR14" s="327">
        <v>780241</v>
      </c>
      <c r="FS14" s="327">
        <v>455665</v>
      </c>
      <c r="FT14" s="327">
        <v>336315</v>
      </c>
      <c r="FU14" s="328">
        <v>2671697</v>
      </c>
      <c r="FV14" s="330">
        <v>2912176</v>
      </c>
      <c r="FW14" s="333">
        <v>60060</v>
      </c>
      <c r="FX14" s="327">
        <v>93604</v>
      </c>
      <c r="FY14" s="331">
        <v>153664</v>
      </c>
      <c r="FZ14" s="332">
        <v>0</v>
      </c>
      <c r="GA14" s="327">
        <v>245546</v>
      </c>
      <c r="GB14" s="327">
        <v>698145</v>
      </c>
      <c r="GC14" s="327">
        <v>583219</v>
      </c>
      <c r="GD14" s="327">
        <v>433965</v>
      </c>
      <c r="GE14" s="327">
        <v>336315</v>
      </c>
      <c r="GF14" s="328">
        <v>2297190</v>
      </c>
      <c r="GG14" s="334">
        <v>2450854</v>
      </c>
      <c r="GH14" s="333">
        <v>0</v>
      </c>
      <c r="GI14" s="327">
        <v>21560</v>
      </c>
      <c r="GJ14" s="331">
        <v>21560</v>
      </c>
      <c r="GK14" s="332">
        <v>0</v>
      </c>
      <c r="GL14" s="327">
        <v>0</v>
      </c>
      <c r="GM14" s="327">
        <v>15785</v>
      </c>
      <c r="GN14" s="327">
        <v>20020</v>
      </c>
      <c r="GO14" s="327">
        <v>21700</v>
      </c>
      <c r="GP14" s="327">
        <v>0</v>
      </c>
      <c r="GQ14" s="328">
        <v>57505</v>
      </c>
      <c r="GR14" s="330">
        <v>79065</v>
      </c>
      <c r="GS14" s="326">
        <v>65255</v>
      </c>
      <c r="GT14" s="327">
        <v>0</v>
      </c>
      <c r="GU14" s="328">
        <v>65255</v>
      </c>
      <c r="GV14" s="326">
        <v>0</v>
      </c>
      <c r="GW14" s="327">
        <v>0</v>
      </c>
      <c r="GX14" s="327">
        <v>140000</v>
      </c>
      <c r="GY14" s="327">
        <v>177002</v>
      </c>
      <c r="GZ14" s="327">
        <v>0</v>
      </c>
      <c r="HA14" s="327">
        <v>0</v>
      </c>
      <c r="HB14" s="331">
        <v>317002</v>
      </c>
      <c r="HC14" s="330">
        <v>382257</v>
      </c>
      <c r="HD14" s="326">
        <v>150678</v>
      </c>
      <c r="HE14" s="327">
        <v>151936</v>
      </c>
      <c r="HF14" s="331">
        <v>302614</v>
      </c>
      <c r="HG14" s="332">
        <v>0</v>
      </c>
      <c r="HH14" s="327">
        <v>1881560</v>
      </c>
      <c r="HI14" s="327">
        <v>2416407</v>
      </c>
      <c r="HJ14" s="327">
        <v>1075860</v>
      </c>
      <c r="HK14" s="327">
        <v>1825800</v>
      </c>
      <c r="HL14" s="327">
        <v>1266029</v>
      </c>
      <c r="HM14" s="328">
        <v>8465656</v>
      </c>
      <c r="HN14" s="329">
        <v>8768270</v>
      </c>
      <c r="HO14" s="333">
        <v>0</v>
      </c>
      <c r="HP14" s="327">
        <v>0</v>
      </c>
      <c r="HQ14" s="328">
        <v>0</v>
      </c>
      <c r="HR14" s="326">
        <v>0</v>
      </c>
      <c r="HS14" s="327">
        <v>0</v>
      </c>
      <c r="HT14" s="327">
        <v>0</v>
      </c>
      <c r="HU14" s="327">
        <v>0</v>
      </c>
      <c r="HV14" s="327">
        <v>0</v>
      </c>
      <c r="HW14" s="327">
        <v>0</v>
      </c>
      <c r="HX14" s="331">
        <v>0</v>
      </c>
      <c r="HY14" s="330">
        <v>0</v>
      </c>
      <c r="HZ14" s="335">
        <v>0</v>
      </c>
      <c r="IA14" s="336">
        <v>0</v>
      </c>
      <c r="IB14" s="337">
        <v>0</v>
      </c>
      <c r="IC14" s="355">
        <v>0</v>
      </c>
      <c r="ID14" s="356">
        <v>2157232</v>
      </c>
      <c r="IE14" s="357">
        <v>1789875</v>
      </c>
      <c r="IF14" s="358">
        <v>1397097</v>
      </c>
      <c r="IG14" s="356">
        <v>2056893</v>
      </c>
      <c r="IH14" s="358">
        <v>655873</v>
      </c>
      <c r="II14" s="359">
        <v>8056970</v>
      </c>
      <c r="IJ14" s="341">
        <v>8056970</v>
      </c>
      <c r="IK14" s="342">
        <v>0</v>
      </c>
      <c r="IL14" s="343">
        <v>0</v>
      </c>
      <c r="IM14" s="344">
        <v>0</v>
      </c>
      <c r="IN14" s="404">
        <v>0</v>
      </c>
      <c r="IO14" s="345">
        <v>0</v>
      </c>
      <c r="IP14" s="345">
        <v>0</v>
      </c>
      <c r="IQ14" s="345">
        <v>0</v>
      </c>
      <c r="IR14" s="345">
        <v>0</v>
      </c>
      <c r="IS14" s="345">
        <v>0</v>
      </c>
      <c r="IT14" s="346">
        <v>0</v>
      </c>
      <c r="IU14" s="347">
        <v>0</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1407727</v>
      </c>
      <c r="JL14" s="345">
        <v>964850</v>
      </c>
      <c r="JM14" s="345">
        <v>439494</v>
      </c>
      <c r="JN14" s="345">
        <v>472075</v>
      </c>
      <c r="JO14" s="345">
        <v>57054</v>
      </c>
      <c r="JP14" s="349">
        <v>3341200</v>
      </c>
      <c r="JQ14" s="347">
        <v>3341200</v>
      </c>
      <c r="JR14" s="348">
        <v>0</v>
      </c>
      <c r="JS14" s="345">
        <v>0</v>
      </c>
      <c r="JT14" s="346">
        <v>0</v>
      </c>
      <c r="JU14" s="351">
        <v>0</v>
      </c>
      <c r="JV14" s="345">
        <v>0</v>
      </c>
      <c r="JW14" s="345">
        <v>0</v>
      </c>
      <c r="JX14" s="345">
        <v>0</v>
      </c>
      <c r="JY14" s="345">
        <v>0</v>
      </c>
      <c r="JZ14" s="345">
        <v>127191</v>
      </c>
      <c r="KA14" s="349">
        <v>127191</v>
      </c>
      <c r="KB14" s="347">
        <v>127191</v>
      </c>
      <c r="KC14" s="352">
        <v>0</v>
      </c>
      <c r="KD14" s="353">
        <v>0</v>
      </c>
      <c r="KE14" s="349">
        <v>0</v>
      </c>
      <c r="KF14" s="351">
        <v>0</v>
      </c>
      <c r="KG14" s="345">
        <v>113263</v>
      </c>
      <c r="KH14" s="345">
        <v>161819</v>
      </c>
      <c r="KI14" s="345">
        <v>0</v>
      </c>
      <c r="KJ14" s="345">
        <v>0</v>
      </c>
      <c r="KK14" s="345">
        <v>261849</v>
      </c>
      <c r="KL14" s="349">
        <v>536931</v>
      </c>
      <c r="KM14" s="354">
        <v>536931</v>
      </c>
      <c r="KN14" s="342">
        <v>0</v>
      </c>
      <c r="KO14" s="343">
        <v>0</v>
      </c>
      <c r="KP14" s="344">
        <v>0</v>
      </c>
      <c r="KQ14" s="404">
        <v>0</v>
      </c>
      <c r="KR14" s="345">
        <v>636242</v>
      </c>
      <c r="KS14" s="345">
        <v>663206</v>
      </c>
      <c r="KT14" s="345">
        <v>770230</v>
      </c>
      <c r="KU14" s="345">
        <v>704673</v>
      </c>
      <c r="KV14" s="345">
        <v>0</v>
      </c>
      <c r="KW14" s="349">
        <v>2774351</v>
      </c>
      <c r="KX14" s="347">
        <v>2774351</v>
      </c>
      <c r="KY14" s="348">
        <v>0</v>
      </c>
      <c r="KZ14" s="345">
        <v>0</v>
      </c>
      <c r="LA14" s="349">
        <v>0</v>
      </c>
      <c r="LB14" s="404">
        <v>0</v>
      </c>
      <c r="LC14" s="345">
        <v>0</v>
      </c>
      <c r="LD14" s="345">
        <v>0</v>
      </c>
      <c r="LE14" s="345">
        <v>187373</v>
      </c>
      <c r="LF14" s="345">
        <v>365105</v>
      </c>
      <c r="LG14" s="345">
        <v>209779</v>
      </c>
      <c r="LH14" s="349">
        <v>762257</v>
      </c>
      <c r="LI14" s="350">
        <v>762257</v>
      </c>
      <c r="LJ14" s="348">
        <v>0</v>
      </c>
      <c r="LK14" s="345">
        <v>0</v>
      </c>
      <c r="LL14" s="349">
        <v>0</v>
      </c>
      <c r="LM14" s="404">
        <v>0</v>
      </c>
      <c r="LN14" s="345">
        <v>0</v>
      </c>
      <c r="LO14" s="345">
        <v>0</v>
      </c>
      <c r="LP14" s="345">
        <v>0</v>
      </c>
      <c r="LQ14" s="345">
        <v>261093</v>
      </c>
      <c r="LR14" s="345">
        <v>0</v>
      </c>
      <c r="LS14" s="349">
        <v>261093</v>
      </c>
      <c r="LT14" s="347">
        <v>261093</v>
      </c>
      <c r="LU14" s="348">
        <v>0</v>
      </c>
      <c r="LV14" s="345">
        <v>0</v>
      </c>
      <c r="LW14" s="349">
        <v>0</v>
      </c>
      <c r="LX14" s="404">
        <v>0</v>
      </c>
      <c r="LY14" s="345">
        <v>0</v>
      </c>
      <c r="LZ14" s="345">
        <v>0</v>
      </c>
      <c r="MA14" s="345">
        <v>0</v>
      </c>
      <c r="MB14" s="345">
        <v>253947</v>
      </c>
      <c r="MC14" s="345">
        <v>0</v>
      </c>
      <c r="MD14" s="349">
        <v>253947</v>
      </c>
      <c r="ME14" s="350">
        <v>253947</v>
      </c>
      <c r="MF14" s="348">
        <v>0</v>
      </c>
      <c r="MG14" s="345">
        <v>0</v>
      </c>
      <c r="MH14" s="349">
        <v>0</v>
      </c>
      <c r="MI14" s="404">
        <v>0</v>
      </c>
      <c r="MJ14" s="345">
        <v>146226</v>
      </c>
      <c r="MK14" s="345">
        <v>800354</v>
      </c>
      <c r="ML14" s="345">
        <v>3290845</v>
      </c>
      <c r="MM14" s="345">
        <v>2518528</v>
      </c>
      <c r="MN14" s="345">
        <v>2455212</v>
      </c>
      <c r="MO14" s="349">
        <v>9211165</v>
      </c>
      <c r="MP14" s="354">
        <v>9211165</v>
      </c>
      <c r="MQ14" s="348">
        <v>0</v>
      </c>
      <c r="MR14" s="345">
        <v>0</v>
      </c>
      <c r="MS14" s="349">
        <v>0</v>
      </c>
      <c r="MT14" s="404">
        <v>0</v>
      </c>
      <c r="MU14" s="345">
        <v>0</v>
      </c>
      <c r="MV14" s="345">
        <v>0</v>
      </c>
      <c r="MW14" s="345">
        <v>1938009</v>
      </c>
      <c r="MX14" s="345">
        <v>1431329</v>
      </c>
      <c r="MY14" s="345">
        <v>2068974</v>
      </c>
      <c r="MZ14" s="349">
        <v>5438312</v>
      </c>
      <c r="NA14" s="354">
        <v>5438312</v>
      </c>
      <c r="NB14" s="348">
        <v>0</v>
      </c>
      <c r="NC14" s="345">
        <v>0</v>
      </c>
      <c r="ND14" s="349">
        <v>0</v>
      </c>
      <c r="NE14" s="404">
        <v>0</v>
      </c>
      <c r="NF14" s="345">
        <v>146226</v>
      </c>
      <c r="NG14" s="345">
        <v>800354</v>
      </c>
      <c r="NH14" s="345">
        <v>1352836</v>
      </c>
      <c r="NI14" s="345">
        <v>1087199</v>
      </c>
      <c r="NJ14" s="345">
        <v>386238</v>
      </c>
      <c r="NK14" s="349">
        <v>3772853</v>
      </c>
      <c r="NL14" s="347">
        <v>3772853</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0</v>
      </c>
      <c r="OF14" s="345">
        <v>0</v>
      </c>
      <c r="OG14" s="349">
        <v>0</v>
      </c>
      <c r="OH14" s="350">
        <v>0</v>
      </c>
      <c r="OI14" s="348">
        <v>491406</v>
      </c>
      <c r="OJ14" s="345">
        <v>542216</v>
      </c>
      <c r="OK14" s="346">
        <v>1033622</v>
      </c>
      <c r="OL14" s="351">
        <v>0</v>
      </c>
      <c r="OM14" s="345">
        <v>7982291</v>
      </c>
      <c r="ON14" s="345">
        <v>11484716</v>
      </c>
      <c r="OO14" s="345">
        <v>12753170</v>
      </c>
      <c r="OP14" s="345">
        <v>10724200</v>
      </c>
      <c r="OQ14" s="345">
        <v>8693985</v>
      </c>
      <c r="OR14" s="349">
        <v>51638362</v>
      </c>
      <c r="OS14" s="354">
        <v>52671984</v>
      </c>
    </row>
    <row r="15" spans="2:409" s="70" customFormat="1" ht="21" customHeight="1" x14ac:dyDescent="0.2">
      <c r="B15" s="106" t="s">
        <v>9</v>
      </c>
      <c r="C15" s="326">
        <v>1890008</v>
      </c>
      <c r="D15" s="327">
        <v>2036586</v>
      </c>
      <c r="E15" s="328">
        <v>3926594</v>
      </c>
      <c r="F15" s="332">
        <v>0</v>
      </c>
      <c r="G15" s="327">
        <v>15467497</v>
      </c>
      <c r="H15" s="327">
        <v>14434032</v>
      </c>
      <c r="I15" s="327">
        <v>15144099</v>
      </c>
      <c r="J15" s="327">
        <v>14289217</v>
      </c>
      <c r="K15" s="327">
        <v>9574950</v>
      </c>
      <c r="L15" s="329">
        <v>68909795</v>
      </c>
      <c r="M15" s="330">
        <v>72836389</v>
      </c>
      <c r="N15" s="326">
        <v>435471</v>
      </c>
      <c r="O15" s="327">
        <v>508052</v>
      </c>
      <c r="P15" s="328">
        <v>943523</v>
      </c>
      <c r="Q15" s="326">
        <v>0</v>
      </c>
      <c r="R15" s="327">
        <v>4756831</v>
      </c>
      <c r="S15" s="327">
        <v>5372622</v>
      </c>
      <c r="T15" s="327">
        <v>5230274</v>
      </c>
      <c r="U15" s="327">
        <v>5317057</v>
      </c>
      <c r="V15" s="327">
        <v>4958656</v>
      </c>
      <c r="W15" s="328">
        <v>25635440</v>
      </c>
      <c r="X15" s="330">
        <v>26578963</v>
      </c>
      <c r="Y15" s="326">
        <v>0</v>
      </c>
      <c r="Z15" s="327">
        <v>0</v>
      </c>
      <c r="AA15" s="328">
        <v>0</v>
      </c>
      <c r="AB15" s="326">
        <v>0</v>
      </c>
      <c r="AC15" s="327">
        <v>1938755</v>
      </c>
      <c r="AD15" s="327">
        <v>2163729</v>
      </c>
      <c r="AE15" s="327">
        <v>2844544</v>
      </c>
      <c r="AF15" s="327">
        <v>2704248</v>
      </c>
      <c r="AG15" s="327">
        <v>3087596</v>
      </c>
      <c r="AH15" s="328">
        <v>12738872</v>
      </c>
      <c r="AI15" s="330">
        <v>12738872</v>
      </c>
      <c r="AJ15" s="326">
        <v>0</v>
      </c>
      <c r="AK15" s="327">
        <v>0</v>
      </c>
      <c r="AL15" s="328">
        <v>0</v>
      </c>
      <c r="AM15" s="326">
        <v>0</v>
      </c>
      <c r="AN15" s="327">
        <v>53564</v>
      </c>
      <c r="AO15" s="327">
        <v>0</v>
      </c>
      <c r="AP15" s="327">
        <v>53564</v>
      </c>
      <c r="AQ15" s="327">
        <v>280772</v>
      </c>
      <c r="AR15" s="327">
        <v>361591</v>
      </c>
      <c r="AS15" s="328">
        <v>749491</v>
      </c>
      <c r="AT15" s="330">
        <v>749491</v>
      </c>
      <c r="AU15" s="326">
        <v>234508</v>
      </c>
      <c r="AV15" s="327">
        <v>384222</v>
      </c>
      <c r="AW15" s="328">
        <v>618730</v>
      </c>
      <c r="AX15" s="326">
        <v>0</v>
      </c>
      <c r="AY15" s="327">
        <v>1765179</v>
      </c>
      <c r="AZ15" s="327">
        <v>2088409</v>
      </c>
      <c r="BA15" s="327">
        <v>1363277</v>
      </c>
      <c r="BB15" s="327">
        <v>1259137</v>
      </c>
      <c r="BC15" s="327">
        <v>863143</v>
      </c>
      <c r="BD15" s="328">
        <v>7339145</v>
      </c>
      <c r="BE15" s="330">
        <v>7957875</v>
      </c>
      <c r="BF15" s="326">
        <v>0</v>
      </c>
      <c r="BG15" s="327">
        <v>0</v>
      </c>
      <c r="BH15" s="331">
        <v>0</v>
      </c>
      <c r="BI15" s="332">
        <v>0</v>
      </c>
      <c r="BJ15" s="327">
        <v>154153</v>
      </c>
      <c r="BK15" s="327">
        <v>249691</v>
      </c>
      <c r="BL15" s="327">
        <v>72700</v>
      </c>
      <c r="BM15" s="327">
        <v>104933</v>
      </c>
      <c r="BN15" s="327">
        <v>71752</v>
      </c>
      <c r="BO15" s="328">
        <v>653229</v>
      </c>
      <c r="BP15" s="330">
        <v>653229</v>
      </c>
      <c r="BQ15" s="326">
        <v>200963</v>
      </c>
      <c r="BR15" s="327">
        <v>123830</v>
      </c>
      <c r="BS15" s="328">
        <v>324793</v>
      </c>
      <c r="BT15" s="326">
        <v>0</v>
      </c>
      <c r="BU15" s="327">
        <v>845180</v>
      </c>
      <c r="BV15" s="327">
        <v>870793</v>
      </c>
      <c r="BW15" s="327">
        <v>896189</v>
      </c>
      <c r="BX15" s="327">
        <v>967967</v>
      </c>
      <c r="BY15" s="327">
        <v>574574</v>
      </c>
      <c r="BZ15" s="328">
        <v>4154703</v>
      </c>
      <c r="CA15" s="330">
        <v>4479496</v>
      </c>
      <c r="CB15" s="326">
        <v>155240</v>
      </c>
      <c r="CC15" s="327">
        <v>490920</v>
      </c>
      <c r="CD15" s="328">
        <v>646160</v>
      </c>
      <c r="CE15" s="326">
        <v>0</v>
      </c>
      <c r="CF15" s="327">
        <v>3513438</v>
      </c>
      <c r="CG15" s="327">
        <v>2657495</v>
      </c>
      <c r="CH15" s="327">
        <v>2082646</v>
      </c>
      <c r="CI15" s="327">
        <v>1970520</v>
      </c>
      <c r="CJ15" s="327">
        <v>587177</v>
      </c>
      <c r="CK15" s="328">
        <v>10811276</v>
      </c>
      <c r="CL15" s="330">
        <v>11457436</v>
      </c>
      <c r="CM15" s="326">
        <v>0</v>
      </c>
      <c r="CN15" s="327">
        <v>0</v>
      </c>
      <c r="CO15" s="328">
        <v>0</v>
      </c>
      <c r="CP15" s="332">
        <v>0</v>
      </c>
      <c r="CQ15" s="327">
        <v>2840693</v>
      </c>
      <c r="CR15" s="327">
        <v>2021904</v>
      </c>
      <c r="CS15" s="327">
        <v>1682318</v>
      </c>
      <c r="CT15" s="327">
        <v>1369012</v>
      </c>
      <c r="CU15" s="327">
        <v>290065</v>
      </c>
      <c r="CV15" s="328">
        <v>8203992</v>
      </c>
      <c r="CW15" s="330">
        <v>8203992</v>
      </c>
      <c r="CX15" s="326">
        <v>155240</v>
      </c>
      <c r="CY15" s="327">
        <v>490920</v>
      </c>
      <c r="CZ15" s="328">
        <v>646160</v>
      </c>
      <c r="DA15" s="326">
        <v>0</v>
      </c>
      <c r="DB15" s="327">
        <v>672745</v>
      </c>
      <c r="DC15" s="327">
        <v>635591</v>
      </c>
      <c r="DD15" s="327">
        <v>400328</v>
      </c>
      <c r="DE15" s="327">
        <v>601508</v>
      </c>
      <c r="DF15" s="327">
        <v>297112</v>
      </c>
      <c r="DG15" s="328">
        <v>2607284</v>
      </c>
      <c r="DH15" s="330">
        <v>3253444</v>
      </c>
      <c r="DI15" s="326">
        <v>81964</v>
      </c>
      <c r="DJ15" s="327">
        <v>0</v>
      </c>
      <c r="DK15" s="331">
        <v>81964</v>
      </c>
      <c r="DL15" s="332">
        <v>0</v>
      </c>
      <c r="DM15" s="327">
        <v>378418</v>
      </c>
      <c r="DN15" s="327">
        <v>348144</v>
      </c>
      <c r="DO15" s="327">
        <v>1120342</v>
      </c>
      <c r="DP15" s="327">
        <v>1338942</v>
      </c>
      <c r="DQ15" s="327">
        <v>257809</v>
      </c>
      <c r="DR15" s="328">
        <v>3443655</v>
      </c>
      <c r="DS15" s="330">
        <v>3525619</v>
      </c>
      <c r="DT15" s="326">
        <v>81964</v>
      </c>
      <c r="DU15" s="327">
        <v>0</v>
      </c>
      <c r="DV15" s="328">
        <v>81964</v>
      </c>
      <c r="DW15" s="326">
        <v>0</v>
      </c>
      <c r="DX15" s="327">
        <v>322401</v>
      </c>
      <c r="DY15" s="327">
        <v>192264</v>
      </c>
      <c r="DZ15" s="327">
        <v>730241</v>
      </c>
      <c r="EA15" s="327">
        <v>711313</v>
      </c>
      <c r="EB15" s="327">
        <v>219630</v>
      </c>
      <c r="EC15" s="328">
        <v>2175849</v>
      </c>
      <c r="ED15" s="330">
        <v>2257813</v>
      </c>
      <c r="EE15" s="326">
        <v>0</v>
      </c>
      <c r="EF15" s="331">
        <v>0</v>
      </c>
      <c r="EG15" s="328">
        <v>0</v>
      </c>
      <c r="EH15" s="326">
        <v>0</v>
      </c>
      <c r="EI15" s="327">
        <v>56017</v>
      </c>
      <c r="EJ15" s="327">
        <v>155880</v>
      </c>
      <c r="EK15" s="327">
        <v>390101</v>
      </c>
      <c r="EL15" s="327">
        <v>627629</v>
      </c>
      <c r="EM15" s="327">
        <v>38179</v>
      </c>
      <c r="EN15" s="331">
        <v>1267806</v>
      </c>
      <c r="EO15" s="330">
        <v>1267806</v>
      </c>
      <c r="EP15" s="326">
        <v>0</v>
      </c>
      <c r="EQ15" s="327">
        <v>0</v>
      </c>
      <c r="ER15" s="331">
        <v>0</v>
      </c>
      <c r="ES15" s="332">
        <v>0</v>
      </c>
      <c r="ET15" s="327">
        <v>0</v>
      </c>
      <c r="EU15" s="327">
        <v>0</v>
      </c>
      <c r="EV15" s="327">
        <v>0</v>
      </c>
      <c r="EW15" s="327">
        <v>0</v>
      </c>
      <c r="EX15" s="327">
        <v>0</v>
      </c>
      <c r="EY15" s="328">
        <v>0</v>
      </c>
      <c r="EZ15" s="330">
        <v>0</v>
      </c>
      <c r="FA15" s="326">
        <v>0</v>
      </c>
      <c r="FB15" s="327">
        <v>0</v>
      </c>
      <c r="FC15" s="331">
        <v>0</v>
      </c>
      <c r="FD15" s="404">
        <v>0</v>
      </c>
      <c r="FE15" s="327">
        <v>0</v>
      </c>
      <c r="FF15" s="327">
        <v>0</v>
      </c>
      <c r="FG15" s="327">
        <v>0</v>
      </c>
      <c r="FH15" s="327">
        <v>0</v>
      </c>
      <c r="FI15" s="327">
        <v>0</v>
      </c>
      <c r="FJ15" s="328">
        <v>0</v>
      </c>
      <c r="FK15" s="330">
        <v>0</v>
      </c>
      <c r="FL15" s="326">
        <v>378714</v>
      </c>
      <c r="FM15" s="327">
        <v>367704</v>
      </c>
      <c r="FN15" s="328">
        <v>746418</v>
      </c>
      <c r="FO15" s="326">
        <v>0</v>
      </c>
      <c r="FP15" s="327">
        <v>927836</v>
      </c>
      <c r="FQ15" s="327">
        <v>1246548</v>
      </c>
      <c r="FR15" s="327">
        <v>686415</v>
      </c>
      <c r="FS15" s="327">
        <v>947231</v>
      </c>
      <c r="FT15" s="327">
        <v>527709</v>
      </c>
      <c r="FU15" s="328">
        <v>4335739</v>
      </c>
      <c r="FV15" s="330">
        <v>5082157</v>
      </c>
      <c r="FW15" s="333">
        <v>126714</v>
      </c>
      <c r="FX15" s="327">
        <v>211814</v>
      </c>
      <c r="FY15" s="331">
        <v>338528</v>
      </c>
      <c r="FZ15" s="332">
        <v>0</v>
      </c>
      <c r="GA15" s="327">
        <v>729050</v>
      </c>
      <c r="GB15" s="327">
        <v>1208620</v>
      </c>
      <c r="GC15" s="327">
        <v>629127</v>
      </c>
      <c r="GD15" s="327">
        <v>882831</v>
      </c>
      <c r="GE15" s="327">
        <v>527709</v>
      </c>
      <c r="GF15" s="328">
        <v>3977337</v>
      </c>
      <c r="GG15" s="334">
        <v>4315865</v>
      </c>
      <c r="GH15" s="333">
        <v>0</v>
      </c>
      <c r="GI15" s="327">
        <v>25410</v>
      </c>
      <c r="GJ15" s="331">
        <v>25410</v>
      </c>
      <c r="GK15" s="332">
        <v>0</v>
      </c>
      <c r="GL15" s="327">
        <v>101486</v>
      </c>
      <c r="GM15" s="327">
        <v>13428</v>
      </c>
      <c r="GN15" s="327">
        <v>57288</v>
      </c>
      <c r="GO15" s="327">
        <v>15400</v>
      </c>
      <c r="GP15" s="327">
        <v>0</v>
      </c>
      <c r="GQ15" s="328">
        <v>187602</v>
      </c>
      <c r="GR15" s="330">
        <v>213012</v>
      </c>
      <c r="GS15" s="326">
        <v>252000</v>
      </c>
      <c r="GT15" s="327">
        <v>130480</v>
      </c>
      <c r="GU15" s="328">
        <v>382480</v>
      </c>
      <c r="GV15" s="326">
        <v>0</v>
      </c>
      <c r="GW15" s="327">
        <v>97300</v>
      </c>
      <c r="GX15" s="327">
        <v>24500</v>
      </c>
      <c r="GY15" s="327">
        <v>0</v>
      </c>
      <c r="GZ15" s="327">
        <v>49000</v>
      </c>
      <c r="HA15" s="327">
        <v>0</v>
      </c>
      <c r="HB15" s="331">
        <v>170800</v>
      </c>
      <c r="HC15" s="330">
        <v>553280</v>
      </c>
      <c r="HD15" s="326">
        <v>838619</v>
      </c>
      <c r="HE15" s="327">
        <v>669910</v>
      </c>
      <c r="HF15" s="331">
        <v>1508529</v>
      </c>
      <c r="HG15" s="332">
        <v>0</v>
      </c>
      <c r="HH15" s="327">
        <v>5890974</v>
      </c>
      <c r="HI15" s="327">
        <v>4809223</v>
      </c>
      <c r="HJ15" s="327">
        <v>6024422</v>
      </c>
      <c r="HK15" s="327">
        <v>4715467</v>
      </c>
      <c r="HL15" s="327">
        <v>3243599</v>
      </c>
      <c r="HM15" s="328">
        <v>24683685</v>
      </c>
      <c r="HN15" s="329">
        <v>26192214</v>
      </c>
      <c r="HO15" s="333">
        <v>0</v>
      </c>
      <c r="HP15" s="327">
        <v>0</v>
      </c>
      <c r="HQ15" s="328">
        <v>0</v>
      </c>
      <c r="HR15" s="326">
        <v>0</v>
      </c>
      <c r="HS15" s="327">
        <v>0</v>
      </c>
      <c r="HT15" s="327">
        <v>0</v>
      </c>
      <c r="HU15" s="327">
        <v>0</v>
      </c>
      <c r="HV15" s="327">
        <v>0</v>
      </c>
      <c r="HW15" s="327">
        <v>0</v>
      </c>
      <c r="HX15" s="331">
        <v>0</v>
      </c>
      <c r="HY15" s="330">
        <v>0</v>
      </c>
      <c r="HZ15" s="360">
        <v>0</v>
      </c>
      <c r="IA15" s="361">
        <v>67523</v>
      </c>
      <c r="IB15" s="362">
        <v>67523</v>
      </c>
      <c r="IC15" s="338">
        <v>0</v>
      </c>
      <c r="ID15" s="336">
        <v>1689369</v>
      </c>
      <c r="IE15" s="339">
        <v>2278645</v>
      </c>
      <c r="IF15" s="337">
        <v>2945584</v>
      </c>
      <c r="IG15" s="336">
        <v>2381643</v>
      </c>
      <c r="IH15" s="337">
        <v>1554097</v>
      </c>
      <c r="II15" s="340">
        <v>10849338</v>
      </c>
      <c r="IJ15" s="363">
        <v>10916861</v>
      </c>
      <c r="IK15" s="342">
        <v>0</v>
      </c>
      <c r="IL15" s="343">
        <v>0</v>
      </c>
      <c r="IM15" s="344">
        <v>0</v>
      </c>
      <c r="IN15" s="404">
        <v>0</v>
      </c>
      <c r="IO15" s="345">
        <v>0</v>
      </c>
      <c r="IP15" s="345">
        <v>111321</v>
      </c>
      <c r="IQ15" s="345">
        <v>0</v>
      </c>
      <c r="IR15" s="345">
        <v>0</v>
      </c>
      <c r="IS15" s="345">
        <v>0</v>
      </c>
      <c r="IT15" s="346">
        <v>111321</v>
      </c>
      <c r="IU15" s="347">
        <v>111321</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1130585</v>
      </c>
      <c r="JL15" s="345">
        <v>1387843</v>
      </c>
      <c r="JM15" s="345">
        <v>1477973</v>
      </c>
      <c r="JN15" s="345">
        <v>716577</v>
      </c>
      <c r="JO15" s="345">
        <v>320737</v>
      </c>
      <c r="JP15" s="349">
        <v>5033715</v>
      </c>
      <c r="JQ15" s="347">
        <v>5033715</v>
      </c>
      <c r="JR15" s="348">
        <v>0</v>
      </c>
      <c r="JS15" s="345">
        <v>0</v>
      </c>
      <c r="JT15" s="346">
        <v>0</v>
      </c>
      <c r="JU15" s="351">
        <v>0</v>
      </c>
      <c r="JV15" s="345">
        <v>0</v>
      </c>
      <c r="JW15" s="345">
        <v>0</v>
      </c>
      <c r="JX15" s="345">
        <v>166098</v>
      </c>
      <c r="JY15" s="345">
        <v>0</v>
      </c>
      <c r="JZ15" s="345">
        <v>0</v>
      </c>
      <c r="KA15" s="349">
        <v>166098</v>
      </c>
      <c r="KB15" s="347">
        <v>166098</v>
      </c>
      <c r="KC15" s="352">
        <v>0</v>
      </c>
      <c r="KD15" s="353">
        <v>67523</v>
      </c>
      <c r="KE15" s="349">
        <v>67523</v>
      </c>
      <c r="KF15" s="351">
        <v>0</v>
      </c>
      <c r="KG15" s="345">
        <v>433622</v>
      </c>
      <c r="KH15" s="345">
        <v>0</v>
      </c>
      <c r="KI15" s="345">
        <v>201199</v>
      </c>
      <c r="KJ15" s="345">
        <v>0</v>
      </c>
      <c r="KK15" s="345">
        <v>239831</v>
      </c>
      <c r="KL15" s="349">
        <v>874652</v>
      </c>
      <c r="KM15" s="354">
        <v>942175</v>
      </c>
      <c r="KN15" s="342">
        <v>0</v>
      </c>
      <c r="KO15" s="343">
        <v>0</v>
      </c>
      <c r="KP15" s="344">
        <v>0</v>
      </c>
      <c r="KQ15" s="404">
        <v>0</v>
      </c>
      <c r="KR15" s="345">
        <v>0</v>
      </c>
      <c r="KS15" s="345">
        <v>452663</v>
      </c>
      <c r="KT15" s="345">
        <v>919433</v>
      </c>
      <c r="KU15" s="345">
        <v>1665066</v>
      </c>
      <c r="KV15" s="345">
        <v>193411</v>
      </c>
      <c r="KW15" s="349">
        <v>3230573</v>
      </c>
      <c r="KX15" s="347">
        <v>3230573</v>
      </c>
      <c r="KY15" s="348">
        <v>0</v>
      </c>
      <c r="KZ15" s="345">
        <v>0</v>
      </c>
      <c r="LA15" s="349">
        <v>0</v>
      </c>
      <c r="LB15" s="404">
        <v>0</v>
      </c>
      <c r="LC15" s="345">
        <v>0</v>
      </c>
      <c r="LD15" s="345">
        <v>162416</v>
      </c>
      <c r="LE15" s="345">
        <v>180881</v>
      </c>
      <c r="LF15" s="345">
        <v>0</v>
      </c>
      <c r="LG15" s="345">
        <v>215981</v>
      </c>
      <c r="LH15" s="349">
        <v>559278</v>
      </c>
      <c r="LI15" s="350">
        <v>559278</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125162</v>
      </c>
      <c r="LZ15" s="345">
        <v>164402</v>
      </c>
      <c r="MA15" s="345">
        <v>0</v>
      </c>
      <c r="MB15" s="345">
        <v>0</v>
      </c>
      <c r="MC15" s="345">
        <v>584137</v>
      </c>
      <c r="MD15" s="349">
        <v>873701</v>
      </c>
      <c r="ME15" s="350">
        <v>873701</v>
      </c>
      <c r="MF15" s="348">
        <v>0</v>
      </c>
      <c r="MG15" s="345">
        <v>0</v>
      </c>
      <c r="MH15" s="349">
        <v>0</v>
      </c>
      <c r="MI15" s="404">
        <v>0</v>
      </c>
      <c r="MJ15" s="345">
        <v>588804</v>
      </c>
      <c r="MK15" s="345">
        <v>1390436</v>
      </c>
      <c r="ML15" s="345">
        <v>5053292</v>
      </c>
      <c r="MM15" s="345">
        <v>8260172</v>
      </c>
      <c r="MN15" s="345">
        <v>4307865</v>
      </c>
      <c r="MO15" s="349">
        <v>19600569</v>
      </c>
      <c r="MP15" s="354">
        <v>19600569</v>
      </c>
      <c r="MQ15" s="348">
        <v>0</v>
      </c>
      <c r="MR15" s="345">
        <v>0</v>
      </c>
      <c r="MS15" s="349">
        <v>0</v>
      </c>
      <c r="MT15" s="404">
        <v>0</v>
      </c>
      <c r="MU15" s="345">
        <v>0</v>
      </c>
      <c r="MV15" s="345">
        <v>0</v>
      </c>
      <c r="MW15" s="345">
        <v>3470184</v>
      </c>
      <c r="MX15" s="345">
        <v>5977307</v>
      </c>
      <c r="MY15" s="345">
        <v>3063806</v>
      </c>
      <c r="MZ15" s="349">
        <v>12511297</v>
      </c>
      <c r="NA15" s="354">
        <v>12511297</v>
      </c>
      <c r="NB15" s="348">
        <v>0</v>
      </c>
      <c r="NC15" s="345">
        <v>0</v>
      </c>
      <c r="ND15" s="349">
        <v>0</v>
      </c>
      <c r="NE15" s="404">
        <v>0</v>
      </c>
      <c r="NF15" s="345">
        <v>588804</v>
      </c>
      <c r="NG15" s="345">
        <v>1390436</v>
      </c>
      <c r="NH15" s="345">
        <v>1583108</v>
      </c>
      <c r="NI15" s="345">
        <v>2282865</v>
      </c>
      <c r="NJ15" s="345">
        <v>1244059</v>
      </c>
      <c r="NK15" s="349">
        <v>7089272</v>
      </c>
      <c r="NL15" s="347">
        <v>7089272</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1890008</v>
      </c>
      <c r="OJ15" s="345">
        <v>2104109</v>
      </c>
      <c r="OK15" s="346">
        <v>3994117</v>
      </c>
      <c r="OL15" s="351">
        <v>0</v>
      </c>
      <c r="OM15" s="345">
        <v>17745670</v>
      </c>
      <c r="ON15" s="345">
        <v>18103113</v>
      </c>
      <c r="OO15" s="345">
        <v>23142975</v>
      </c>
      <c r="OP15" s="345">
        <v>24931032</v>
      </c>
      <c r="OQ15" s="345">
        <v>15436912</v>
      </c>
      <c r="OR15" s="349">
        <v>99359702</v>
      </c>
      <c r="OS15" s="354">
        <v>103353819</v>
      </c>
    </row>
    <row r="16" spans="2:409" s="70" customFormat="1" ht="21" customHeight="1" x14ac:dyDescent="0.2">
      <c r="B16" s="106" t="s">
        <v>10</v>
      </c>
      <c r="C16" s="326">
        <v>1739851</v>
      </c>
      <c r="D16" s="327">
        <v>2811896</v>
      </c>
      <c r="E16" s="328">
        <v>4551747</v>
      </c>
      <c r="F16" s="364">
        <v>0</v>
      </c>
      <c r="G16" s="327">
        <v>19441749</v>
      </c>
      <c r="H16" s="327">
        <v>16039551</v>
      </c>
      <c r="I16" s="327">
        <v>16242196</v>
      </c>
      <c r="J16" s="327">
        <v>15656195</v>
      </c>
      <c r="K16" s="327">
        <v>13233614</v>
      </c>
      <c r="L16" s="329">
        <v>80613305</v>
      </c>
      <c r="M16" s="330">
        <v>85165052</v>
      </c>
      <c r="N16" s="326">
        <v>614516</v>
      </c>
      <c r="O16" s="327">
        <v>1113303</v>
      </c>
      <c r="P16" s="328">
        <v>1727819</v>
      </c>
      <c r="Q16" s="326">
        <v>0</v>
      </c>
      <c r="R16" s="327">
        <v>6397041</v>
      </c>
      <c r="S16" s="327">
        <v>6261875</v>
      </c>
      <c r="T16" s="327">
        <v>6121865</v>
      </c>
      <c r="U16" s="327">
        <v>7262156</v>
      </c>
      <c r="V16" s="327">
        <v>5635197</v>
      </c>
      <c r="W16" s="328">
        <v>31678134</v>
      </c>
      <c r="X16" s="330">
        <v>33405953</v>
      </c>
      <c r="Y16" s="326">
        <v>0</v>
      </c>
      <c r="Z16" s="327">
        <v>0</v>
      </c>
      <c r="AA16" s="328">
        <v>0</v>
      </c>
      <c r="AB16" s="326">
        <v>0</v>
      </c>
      <c r="AC16" s="327">
        <v>2616838</v>
      </c>
      <c r="AD16" s="327">
        <v>3277021</v>
      </c>
      <c r="AE16" s="327">
        <v>3778806</v>
      </c>
      <c r="AF16" s="327">
        <v>4573525</v>
      </c>
      <c r="AG16" s="327">
        <v>3708481</v>
      </c>
      <c r="AH16" s="328">
        <v>17954671</v>
      </c>
      <c r="AI16" s="330">
        <v>17954671</v>
      </c>
      <c r="AJ16" s="326">
        <v>0</v>
      </c>
      <c r="AK16" s="327">
        <v>0</v>
      </c>
      <c r="AL16" s="328">
        <v>0</v>
      </c>
      <c r="AM16" s="326">
        <v>0</v>
      </c>
      <c r="AN16" s="327">
        <v>12170</v>
      </c>
      <c r="AO16" s="327">
        <v>136620</v>
      </c>
      <c r="AP16" s="327">
        <v>96676</v>
      </c>
      <c r="AQ16" s="327">
        <v>219912</v>
      </c>
      <c r="AR16" s="327">
        <v>263098</v>
      </c>
      <c r="AS16" s="328">
        <v>728476</v>
      </c>
      <c r="AT16" s="330">
        <v>728476</v>
      </c>
      <c r="AU16" s="326">
        <v>427298</v>
      </c>
      <c r="AV16" s="327">
        <v>715728</v>
      </c>
      <c r="AW16" s="328">
        <v>1143026</v>
      </c>
      <c r="AX16" s="326">
        <v>0</v>
      </c>
      <c r="AY16" s="327">
        <v>2291694</v>
      </c>
      <c r="AZ16" s="327">
        <v>1666408</v>
      </c>
      <c r="BA16" s="327">
        <v>969500</v>
      </c>
      <c r="BB16" s="327">
        <v>1391834</v>
      </c>
      <c r="BC16" s="327">
        <v>618892</v>
      </c>
      <c r="BD16" s="328">
        <v>6938328</v>
      </c>
      <c r="BE16" s="330">
        <v>8081354</v>
      </c>
      <c r="BF16" s="326">
        <v>18147</v>
      </c>
      <c r="BG16" s="327">
        <v>130252</v>
      </c>
      <c r="BH16" s="331">
        <v>148399</v>
      </c>
      <c r="BI16" s="332">
        <v>0</v>
      </c>
      <c r="BJ16" s="327">
        <v>416574</v>
      </c>
      <c r="BK16" s="327">
        <v>223533</v>
      </c>
      <c r="BL16" s="327">
        <v>171198</v>
      </c>
      <c r="BM16" s="327">
        <v>97830</v>
      </c>
      <c r="BN16" s="327">
        <v>60470</v>
      </c>
      <c r="BO16" s="328">
        <v>969605</v>
      </c>
      <c r="BP16" s="330">
        <v>1118004</v>
      </c>
      <c r="BQ16" s="326">
        <v>169071</v>
      </c>
      <c r="BR16" s="327">
        <v>267323</v>
      </c>
      <c r="BS16" s="328">
        <v>436394</v>
      </c>
      <c r="BT16" s="326">
        <v>0</v>
      </c>
      <c r="BU16" s="327">
        <v>1059765</v>
      </c>
      <c r="BV16" s="327">
        <v>958293</v>
      </c>
      <c r="BW16" s="327">
        <v>1105685</v>
      </c>
      <c r="BX16" s="327">
        <v>979055</v>
      </c>
      <c r="BY16" s="327">
        <v>984256</v>
      </c>
      <c r="BZ16" s="328">
        <v>5087054</v>
      </c>
      <c r="CA16" s="330">
        <v>5523448</v>
      </c>
      <c r="CB16" s="326">
        <v>90414</v>
      </c>
      <c r="CC16" s="327">
        <v>133227</v>
      </c>
      <c r="CD16" s="328">
        <v>223641</v>
      </c>
      <c r="CE16" s="326">
        <v>0</v>
      </c>
      <c r="CF16" s="327">
        <v>6094157</v>
      </c>
      <c r="CG16" s="327">
        <v>3348601</v>
      </c>
      <c r="CH16" s="327">
        <v>3827438</v>
      </c>
      <c r="CI16" s="327">
        <v>1873351</v>
      </c>
      <c r="CJ16" s="327">
        <v>1454213</v>
      </c>
      <c r="CK16" s="328">
        <v>16597760</v>
      </c>
      <c r="CL16" s="330">
        <v>16821401</v>
      </c>
      <c r="CM16" s="326">
        <v>0</v>
      </c>
      <c r="CN16" s="327">
        <v>0</v>
      </c>
      <c r="CO16" s="328">
        <v>0</v>
      </c>
      <c r="CP16" s="332">
        <v>0</v>
      </c>
      <c r="CQ16" s="327">
        <v>4939667</v>
      </c>
      <c r="CR16" s="327">
        <v>2484741</v>
      </c>
      <c r="CS16" s="327">
        <v>2485668</v>
      </c>
      <c r="CT16" s="327">
        <v>1682909</v>
      </c>
      <c r="CU16" s="327">
        <v>1291028</v>
      </c>
      <c r="CV16" s="328">
        <v>12884013</v>
      </c>
      <c r="CW16" s="330">
        <v>12884013</v>
      </c>
      <c r="CX16" s="326">
        <v>90414</v>
      </c>
      <c r="CY16" s="327">
        <v>133227</v>
      </c>
      <c r="CZ16" s="328">
        <v>223641</v>
      </c>
      <c r="DA16" s="326">
        <v>0</v>
      </c>
      <c r="DB16" s="327">
        <v>1154490</v>
      </c>
      <c r="DC16" s="327">
        <v>863860</v>
      </c>
      <c r="DD16" s="327">
        <v>1341770</v>
      </c>
      <c r="DE16" s="327">
        <v>190442</v>
      </c>
      <c r="DF16" s="327">
        <v>163185</v>
      </c>
      <c r="DG16" s="328">
        <v>3713747</v>
      </c>
      <c r="DH16" s="330">
        <v>3937388</v>
      </c>
      <c r="DI16" s="326">
        <v>27265</v>
      </c>
      <c r="DJ16" s="327">
        <v>72066</v>
      </c>
      <c r="DK16" s="331">
        <v>99331</v>
      </c>
      <c r="DL16" s="332">
        <v>0</v>
      </c>
      <c r="DM16" s="327">
        <v>617402</v>
      </c>
      <c r="DN16" s="327">
        <v>1210881</v>
      </c>
      <c r="DO16" s="327">
        <v>1093847</v>
      </c>
      <c r="DP16" s="327">
        <v>1328007</v>
      </c>
      <c r="DQ16" s="327">
        <v>315483</v>
      </c>
      <c r="DR16" s="328">
        <v>4565620</v>
      </c>
      <c r="DS16" s="330">
        <v>4664951</v>
      </c>
      <c r="DT16" s="326">
        <v>27265</v>
      </c>
      <c r="DU16" s="327">
        <v>72066</v>
      </c>
      <c r="DV16" s="328">
        <v>99331</v>
      </c>
      <c r="DW16" s="326">
        <v>0</v>
      </c>
      <c r="DX16" s="327">
        <v>595166</v>
      </c>
      <c r="DY16" s="327">
        <v>923252</v>
      </c>
      <c r="DZ16" s="327">
        <v>1035555</v>
      </c>
      <c r="EA16" s="327">
        <v>1082497</v>
      </c>
      <c r="EB16" s="327">
        <v>265734</v>
      </c>
      <c r="EC16" s="328">
        <v>3902204</v>
      </c>
      <c r="ED16" s="330">
        <v>4001535</v>
      </c>
      <c r="EE16" s="326">
        <v>0</v>
      </c>
      <c r="EF16" s="331">
        <v>0</v>
      </c>
      <c r="EG16" s="328">
        <v>0</v>
      </c>
      <c r="EH16" s="326">
        <v>0</v>
      </c>
      <c r="EI16" s="327">
        <v>22236</v>
      </c>
      <c r="EJ16" s="327">
        <v>287629</v>
      </c>
      <c r="EK16" s="327">
        <v>58292</v>
      </c>
      <c r="EL16" s="327">
        <v>245510</v>
      </c>
      <c r="EM16" s="327">
        <v>49749</v>
      </c>
      <c r="EN16" s="331">
        <v>663416</v>
      </c>
      <c r="EO16" s="330">
        <v>663416</v>
      </c>
      <c r="EP16" s="326">
        <v>0</v>
      </c>
      <c r="EQ16" s="327">
        <v>0</v>
      </c>
      <c r="ER16" s="331">
        <v>0</v>
      </c>
      <c r="ES16" s="332">
        <v>0</v>
      </c>
      <c r="ET16" s="327">
        <v>0</v>
      </c>
      <c r="EU16" s="327">
        <v>0</v>
      </c>
      <c r="EV16" s="327">
        <v>0</v>
      </c>
      <c r="EW16" s="327">
        <v>0</v>
      </c>
      <c r="EX16" s="327">
        <v>0</v>
      </c>
      <c r="EY16" s="328">
        <v>0</v>
      </c>
      <c r="EZ16" s="330">
        <v>0</v>
      </c>
      <c r="FA16" s="326">
        <v>0</v>
      </c>
      <c r="FB16" s="327">
        <v>0</v>
      </c>
      <c r="FC16" s="331">
        <v>0</v>
      </c>
      <c r="FD16" s="404">
        <v>0</v>
      </c>
      <c r="FE16" s="327">
        <v>0</v>
      </c>
      <c r="FF16" s="327">
        <v>0</v>
      </c>
      <c r="FG16" s="327">
        <v>0</v>
      </c>
      <c r="FH16" s="327">
        <v>0</v>
      </c>
      <c r="FI16" s="327">
        <v>0</v>
      </c>
      <c r="FJ16" s="328">
        <v>0</v>
      </c>
      <c r="FK16" s="330">
        <v>0</v>
      </c>
      <c r="FL16" s="326">
        <v>654710</v>
      </c>
      <c r="FM16" s="327">
        <v>695261</v>
      </c>
      <c r="FN16" s="328">
        <v>1349971</v>
      </c>
      <c r="FO16" s="326">
        <v>0</v>
      </c>
      <c r="FP16" s="327">
        <v>1365167</v>
      </c>
      <c r="FQ16" s="327">
        <v>1311261</v>
      </c>
      <c r="FR16" s="327">
        <v>1407756</v>
      </c>
      <c r="FS16" s="327">
        <v>814688</v>
      </c>
      <c r="FT16" s="327">
        <v>773605</v>
      </c>
      <c r="FU16" s="328">
        <v>5672477</v>
      </c>
      <c r="FV16" s="330">
        <v>7022448</v>
      </c>
      <c r="FW16" s="333">
        <v>234710</v>
      </c>
      <c r="FX16" s="327">
        <v>557781</v>
      </c>
      <c r="FY16" s="331">
        <v>792491</v>
      </c>
      <c r="FZ16" s="332">
        <v>0</v>
      </c>
      <c r="GA16" s="327">
        <v>857850</v>
      </c>
      <c r="GB16" s="327">
        <v>1161261</v>
      </c>
      <c r="GC16" s="327">
        <v>1087590</v>
      </c>
      <c r="GD16" s="327">
        <v>728756</v>
      </c>
      <c r="GE16" s="327">
        <v>689885</v>
      </c>
      <c r="GF16" s="328">
        <v>4525342</v>
      </c>
      <c r="GG16" s="334">
        <v>5317833</v>
      </c>
      <c r="GH16" s="333">
        <v>0</v>
      </c>
      <c r="GI16" s="327">
        <v>18480</v>
      </c>
      <c r="GJ16" s="331">
        <v>18480</v>
      </c>
      <c r="GK16" s="332">
        <v>0</v>
      </c>
      <c r="GL16" s="327">
        <v>71855</v>
      </c>
      <c r="GM16" s="327">
        <v>0</v>
      </c>
      <c r="GN16" s="327">
        <v>91616</v>
      </c>
      <c r="GO16" s="327">
        <v>43582</v>
      </c>
      <c r="GP16" s="327">
        <v>12320</v>
      </c>
      <c r="GQ16" s="328">
        <v>219373</v>
      </c>
      <c r="GR16" s="330">
        <v>237853</v>
      </c>
      <c r="GS16" s="326">
        <v>420000</v>
      </c>
      <c r="GT16" s="327">
        <v>119000</v>
      </c>
      <c r="GU16" s="328">
        <v>539000</v>
      </c>
      <c r="GV16" s="326">
        <v>0</v>
      </c>
      <c r="GW16" s="327">
        <v>435462</v>
      </c>
      <c r="GX16" s="327">
        <v>150000</v>
      </c>
      <c r="GY16" s="327">
        <v>228550</v>
      </c>
      <c r="GZ16" s="327">
        <v>42350</v>
      </c>
      <c r="HA16" s="327">
        <v>71400</v>
      </c>
      <c r="HB16" s="331">
        <v>927762</v>
      </c>
      <c r="HC16" s="330">
        <v>1466762</v>
      </c>
      <c r="HD16" s="326">
        <v>352946</v>
      </c>
      <c r="HE16" s="327">
        <v>798039</v>
      </c>
      <c r="HF16" s="331">
        <v>1150985</v>
      </c>
      <c r="HG16" s="332">
        <v>0</v>
      </c>
      <c r="HH16" s="327">
        <v>4967982</v>
      </c>
      <c r="HI16" s="327">
        <v>3906933</v>
      </c>
      <c r="HJ16" s="327">
        <v>3791290</v>
      </c>
      <c r="HK16" s="327">
        <v>4377993</v>
      </c>
      <c r="HL16" s="327">
        <v>5055116</v>
      </c>
      <c r="HM16" s="328">
        <v>22099314</v>
      </c>
      <c r="HN16" s="329">
        <v>23250299</v>
      </c>
      <c r="HO16" s="333">
        <v>0</v>
      </c>
      <c r="HP16" s="327">
        <v>0</v>
      </c>
      <c r="HQ16" s="328">
        <v>0</v>
      </c>
      <c r="HR16" s="326">
        <v>0</v>
      </c>
      <c r="HS16" s="327">
        <v>0</v>
      </c>
      <c r="HT16" s="327">
        <v>0</v>
      </c>
      <c r="HU16" s="327">
        <v>0</v>
      </c>
      <c r="HV16" s="327">
        <v>0</v>
      </c>
      <c r="HW16" s="327">
        <v>0</v>
      </c>
      <c r="HX16" s="331">
        <v>0</v>
      </c>
      <c r="HY16" s="330">
        <v>0</v>
      </c>
      <c r="HZ16" s="358">
        <v>61089</v>
      </c>
      <c r="IA16" s="356">
        <v>72873</v>
      </c>
      <c r="IB16" s="358">
        <v>133962</v>
      </c>
      <c r="IC16" s="355">
        <v>0</v>
      </c>
      <c r="ID16" s="356">
        <v>3091091</v>
      </c>
      <c r="IE16" s="357">
        <v>2708949</v>
      </c>
      <c r="IF16" s="358">
        <v>4512889</v>
      </c>
      <c r="IG16" s="356">
        <v>3742050</v>
      </c>
      <c r="IH16" s="358">
        <v>3835234</v>
      </c>
      <c r="II16" s="359">
        <v>17890213</v>
      </c>
      <c r="IJ16" s="358">
        <v>18024175</v>
      </c>
      <c r="IK16" s="342">
        <v>0</v>
      </c>
      <c r="IL16" s="343">
        <v>0</v>
      </c>
      <c r="IM16" s="344">
        <v>0</v>
      </c>
      <c r="IN16" s="404">
        <v>0</v>
      </c>
      <c r="IO16" s="345">
        <v>0</v>
      </c>
      <c r="IP16" s="345">
        <v>0</v>
      </c>
      <c r="IQ16" s="345">
        <v>330669</v>
      </c>
      <c r="IR16" s="345">
        <v>0</v>
      </c>
      <c r="IS16" s="345">
        <v>378366</v>
      </c>
      <c r="IT16" s="346">
        <v>709035</v>
      </c>
      <c r="IU16" s="347">
        <v>709035</v>
      </c>
      <c r="IV16" s="348">
        <v>0</v>
      </c>
      <c r="IW16" s="345">
        <v>0</v>
      </c>
      <c r="IX16" s="349">
        <v>0</v>
      </c>
      <c r="IY16" s="404">
        <v>0</v>
      </c>
      <c r="IZ16" s="345">
        <v>0</v>
      </c>
      <c r="JA16" s="345">
        <v>9188</v>
      </c>
      <c r="JB16" s="345">
        <v>0</v>
      </c>
      <c r="JC16" s="345">
        <v>0</v>
      </c>
      <c r="JD16" s="345">
        <v>0</v>
      </c>
      <c r="JE16" s="349">
        <v>9188</v>
      </c>
      <c r="JF16" s="350">
        <v>9188</v>
      </c>
      <c r="JG16" s="348">
        <v>0</v>
      </c>
      <c r="JH16" s="345">
        <v>0</v>
      </c>
      <c r="JI16" s="346">
        <v>0</v>
      </c>
      <c r="JJ16" s="351">
        <v>0</v>
      </c>
      <c r="JK16" s="345">
        <v>976432</v>
      </c>
      <c r="JL16" s="345">
        <v>614476</v>
      </c>
      <c r="JM16" s="345">
        <v>757786</v>
      </c>
      <c r="JN16" s="345">
        <v>327168</v>
      </c>
      <c r="JO16" s="345">
        <v>0</v>
      </c>
      <c r="JP16" s="349">
        <v>2675862</v>
      </c>
      <c r="JQ16" s="347">
        <v>2675862</v>
      </c>
      <c r="JR16" s="348">
        <v>0</v>
      </c>
      <c r="JS16" s="345">
        <v>0</v>
      </c>
      <c r="JT16" s="346">
        <v>0</v>
      </c>
      <c r="JU16" s="351">
        <v>0</v>
      </c>
      <c r="JV16" s="345">
        <v>189667</v>
      </c>
      <c r="JW16" s="345">
        <v>0</v>
      </c>
      <c r="JX16" s="345">
        <v>120458</v>
      </c>
      <c r="JY16" s="345">
        <v>321797</v>
      </c>
      <c r="JZ16" s="345">
        <v>0</v>
      </c>
      <c r="KA16" s="349">
        <v>631922</v>
      </c>
      <c r="KB16" s="347">
        <v>631922</v>
      </c>
      <c r="KC16" s="352">
        <v>61089</v>
      </c>
      <c r="KD16" s="353">
        <v>72873</v>
      </c>
      <c r="KE16" s="349">
        <v>133962</v>
      </c>
      <c r="KF16" s="351">
        <v>0</v>
      </c>
      <c r="KG16" s="345">
        <v>514194</v>
      </c>
      <c r="KH16" s="345">
        <v>899137</v>
      </c>
      <c r="KI16" s="345">
        <v>813401</v>
      </c>
      <c r="KJ16" s="345">
        <v>585361</v>
      </c>
      <c r="KK16" s="345">
        <v>0</v>
      </c>
      <c r="KL16" s="349">
        <v>2812093</v>
      </c>
      <c r="KM16" s="354">
        <v>2946055</v>
      </c>
      <c r="KN16" s="342">
        <v>0</v>
      </c>
      <c r="KO16" s="343">
        <v>0</v>
      </c>
      <c r="KP16" s="344">
        <v>0</v>
      </c>
      <c r="KQ16" s="404">
        <v>0</v>
      </c>
      <c r="KR16" s="345">
        <v>861318</v>
      </c>
      <c r="KS16" s="345">
        <v>955757</v>
      </c>
      <c r="KT16" s="345">
        <v>1389914</v>
      </c>
      <c r="KU16" s="345">
        <v>1118382</v>
      </c>
      <c r="KV16" s="345">
        <v>2163841</v>
      </c>
      <c r="KW16" s="349">
        <v>6489212</v>
      </c>
      <c r="KX16" s="347">
        <v>6489212</v>
      </c>
      <c r="KY16" s="348">
        <v>0</v>
      </c>
      <c r="KZ16" s="345">
        <v>0</v>
      </c>
      <c r="LA16" s="349">
        <v>0</v>
      </c>
      <c r="LB16" s="404">
        <v>0</v>
      </c>
      <c r="LC16" s="345">
        <v>141273</v>
      </c>
      <c r="LD16" s="345">
        <v>230391</v>
      </c>
      <c r="LE16" s="345">
        <v>887393</v>
      </c>
      <c r="LF16" s="345">
        <v>362907</v>
      </c>
      <c r="LG16" s="345">
        <v>635008</v>
      </c>
      <c r="LH16" s="349">
        <v>2256972</v>
      </c>
      <c r="LI16" s="350">
        <v>2256972</v>
      </c>
      <c r="LJ16" s="348">
        <v>0</v>
      </c>
      <c r="LK16" s="345">
        <v>0</v>
      </c>
      <c r="LL16" s="349">
        <v>0</v>
      </c>
      <c r="LM16" s="404">
        <v>0</v>
      </c>
      <c r="LN16" s="345">
        <v>0</v>
      </c>
      <c r="LO16" s="345">
        <v>0</v>
      </c>
      <c r="LP16" s="345">
        <v>213268</v>
      </c>
      <c r="LQ16" s="345">
        <v>492046</v>
      </c>
      <c r="LR16" s="345">
        <v>0</v>
      </c>
      <c r="LS16" s="349">
        <v>705314</v>
      </c>
      <c r="LT16" s="347">
        <v>705314</v>
      </c>
      <c r="LU16" s="348">
        <v>0</v>
      </c>
      <c r="LV16" s="345">
        <v>0</v>
      </c>
      <c r="LW16" s="349">
        <v>0</v>
      </c>
      <c r="LX16" s="404">
        <v>0</v>
      </c>
      <c r="LY16" s="345">
        <v>408207</v>
      </c>
      <c r="LZ16" s="345">
        <v>0</v>
      </c>
      <c r="MA16" s="345">
        <v>0</v>
      </c>
      <c r="MB16" s="345">
        <v>534389</v>
      </c>
      <c r="MC16" s="345">
        <v>658019</v>
      </c>
      <c r="MD16" s="349">
        <v>1600615</v>
      </c>
      <c r="ME16" s="350">
        <v>1600615</v>
      </c>
      <c r="MF16" s="348">
        <v>0</v>
      </c>
      <c r="MG16" s="345">
        <v>0</v>
      </c>
      <c r="MH16" s="349">
        <v>0</v>
      </c>
      <c r="MI16" s="404">
        <v>0</v>
      </c>
      <c r="MJ16" s="345">
        <v>898467</v>
      </c>
      <c r="MK16" s="345">
        <v>1533391</v>
      </c>
      <c r="ML16" s="345">
        <v>3203947</v>
      </c>
      <c r="MM16" s="345">
        <v>6909277</v>
      </c>
      <c r="MN16" s="345">
        <v>5297833</v>
      </c>
      <c r="MO16" s="349">
        <v>17842915</v>
      </c>
      <c r="MP16" s="354">
        <v>17842915</v>
      </c>
      <c r="MQ16" s="348">
        <v>0</v>
      </c>
      <c r="MR16" s="345">
        <v>0</v>
      </c>
      <c r="MS16" s="349">
        <v>0</v>
      </c>
      <c r="MT16" s="404">
        <v>0</v>
      </c>
      <c r="MU16" s="345">
        <v>0</v>
      </c>
      <c r="MV16" s="345">
        <v>0</v>
      </c>
      <c r="MW16" s="345">
        <v>2114770</v>
      </c>
      <c r="MX16" s="345">
        <v>3557819</v>
      </c>
      <c r="MY16" s="345">
        <v>4225687</v>
      </c>
      <c r="MZ16" s="349">
        <v>9898276</v>
      </c>
      <c r="NA16" s="354">
        <v>9898276</v>
      </c>
      <c r="NB16" s="348">
        <v>0</v>
      </c>
      <c r="NC16" s="345">
        <v>0</v>
      </c>
      <c r="ND16" s="349">
        <v>0</v>
      </c>
      <c r="NE16" s="404">
        <v>0</v>
      </c>
      <c r="NF16" s="345">
        <v>898467</v>
      </c>
      <c r="NG16" s="345">
        <v>1533391</v>
      </c>
      <c r="NH16" s="345">
        <v>795087</v>
      </c>
      <c r="NI16" s="345">
        <v>3351458</v>
      </c>
      <c r="NJ16" s="345">
        <v>416274</v>
      </c>
      <c r="NK16" s="349">
        <v>6994677</v>
      </c>
      <c r="NL16" s="347">
        <v>6994677</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294090</v>
      </c>
      <c r="OE16" s="345">
        <v>0</v>
      </c>
      <c r="OF16" s="345">
        <v>655872</v>
      </c>
      <c r="OG16" s="349">
        <v>949962</v>
      </c>
      <c r="OH16" s="350">
        <v>949962</v>
      </c>
      <c r="OI16" s="348">
        <v>1800940</v>
      </c>
      <c r="OJ16" s="345">
        <v>2884769</v>
      </c>
      <c r="OK16" s="346">
        <v>4685709</v>
      </c>
      <c r="OL16" s="351">
        <v>0</v>
      </c>
      <c r="OM16" s="345">
        <v>23431307</v>
      </c>
      <c r="ON16" s="345">
        <v>20281891</v>
      </c>
      <c r="OO16" s="345">
        <v>23959032</v>
      </c>
      <c r="OP16" s="345">
        <v>26307522</v>
      </c>
      <c r="OQ16" s="345">
        <v>22366681</v>
      </c>
      <c r="OR16" s="349">
        <v>116346433</v>
      </c>
      <c r="OS16" s="354">
        <v>121032142</v>
      </c>
    </row>
    <row r="17" spans="2:409" s="70" customFormat="1" ht="21" customHeight="1" x14ac:dyDescent="0.2">
      <c r="B17" s="106" t="s">
        <v>11</v>
      </c>
      <c r="C17" s="326">
        <v>648212</v>
      </c>
      <c r="D17" s="327">
        <v>853289</v>
      </c>
      <c r="E17" s="365">
        <v>1501501</v>
      </c>
      <c r="F17" s="332">
        <v>0</v>
      </c>
      <c r="G17" s="327">
        <v>6087696</v>
      </c>
      <c r="H17" s="327">
        <v>5815445</v>
      </c>
      <c r="I17" s="327">
        <v>4617034</v>
      </c>
      <c r="J17" s="327">
        <v>6888349</v>
      </c>
      <c r="K17" s="327">
        <v>5390609</v>
      </c>
      <c r="L17" s="329">
        <v>28799133</v>
      </c>
      <c r="M17" s="330">
        <v>30300634</v>
      </c>
      <c r="N17" s="326">
        <v>242476</v>
      </c>
      <c r="O17" s="327">
        <v>150862</v>
      </c>
      <c r="P17" s="328">
        <v>393338</v>
      </c>
      <c r="Q17" s="326">
        <v>0</v>
      </c>
      <c r="R17" s="327">
        <v>1629470</v>
      </c>
      <c r="S17" s="327">
        <v>1860032</v>
      </c>
      <c r="T17" s="327">
        <v>1095769</v>
      </c>
      <c r="U17" s="327">
        <v>1775952</v>
      </c>
      <c r="V17" s="327">
        <v>1791294</v>
      </c>
      <c r="W17" s="328">
        <v>8152517</v>
      </c>
      <c r="X17" s="330">
        <v>8545855</v>
      </c>
      <c r="Y17" s="326">
        <v>0</v>
      </c>
      <c r="Z17" s="327">
        <v>0</v>
      </c>
      <c r="AA17" s="328">
        <v>0</v>
      </c>
      <c r="AB17" s="326">
        <v>0</v>
      </c>
      <c r="AC17" s="327">
        <v>556734</v>
      </c>
      <c r="AD17" s="327">
        <v>446821</v>
      </c>
      <c r="AE17" s="327">
        <v>492661</v>
      </c>
      <c r="AF17" s="327">
        <v>874455</v>
      </c>
      <c r="AG17" s="327">
        <v>1071386</v>
      </c>
      <c r="AH17" s="328">
        <v>3442057</v>
      </c>
      <c r="AI17" s="330">
        <v>3442057</v>
      </c>
      <c r="AJ17" s="326">
        <v>0</v>
      </c>
      <c r="AK17" s="327">
        <v>0</v>
      </c>
      <c r="AL17" s="328">
        <v>0</v>
      </c>
      <c r="AM17" s="326">
        <v>0</v>
      </c>
      <c r="AN17" s="327">
        <v>0</v>
      </c>
      <c r="AO17" s="327">
        <v>51867</v>
      </c>
      <c r="AP17" s="327">
        <v>43133</v>
      </c>
      <c r="AQ17" s="327">
        <v>130580</v>
      </c>
      <c r="AR17" s="327">
        <v>103000</v>
      </c>
      <c r="AS17" s="328">
        <v>328580</v>
      </c>
      <c r="AT17" s="330">
        <v>328580</v>
      </c>
      <c r="AU17" s="326">
        <v>112787</v>
      </c>
      <c r="AV17" s="327">
        <v>110325</v>
      </c>
      <c r="AW17" s="328">
        <v>223112</v>
      </c>
      <c r="AX17" s="326">
        <v>0</v>
      </c>
      <c r="AY17" s="327">
        <v>829976</v>
      </c>
      <c r="AZ17" s="327">
        <v>868948</v>
      </c>
      <c r="BA17" s="327">
        <v>234252</v>
      </c>
      <c r="BB17" s="327">
        <v>522213</v>
      </c>
      <c r="BC17" s="327">
        <v>368934</v>
      </c>
      <c r="BD17" s="328">
        <v>2824323</v>
      </c>
      <c r="BE17" s="330">
        <v>3047435</v>
      </c>
      <c r="BF17" s="326">
        <v>0</v>
      </c>
      <c r="BG17" s="327">
        <v>0</v>
      </c>
      <c r="BH17" s="331">
        <v>0</v>
      </c>
      <c r="BI17" s="332">
        <v>0</v>
      </c>
      <c r="BJ17" s="327">
        <v>17479</v>
      </c>
      <c r="BK17" s="327">
        <v>131280</v>
      </c>
      <c r="BL17" s="327">
        <v>102864</v>
      </c>
      <c r="BM17" s="327">
        <v>27308</v>
      </c>
      <c r="BN17" s="327">
        <v>45191</v>
      </c>
      <c r="BO17" s="328">
        <v>324122</v>
      </c>
      <c r="BP17" s="330">
        <v>324122</v>
      </c>
      <c r="BQ17" s="326">
        <v>129689</v>
      </c>
      <c r="BR17" s="327">
        <v>40537</v>
      </c>
      <c r="BS17" s="328">
        <v>170226</v>
      </c>
      <c r="BT17" s="326">
        <v>0</v>
      </c>
      <c r="BU17" s="327">
        <v>225281</v>
      </c>
      <c r="BV17" s="327">
        <v>361116</v>
      </c>
      <c r="BW17" s="327">
        <v>222859</v>
      </c>
      <c r="BX17" s="327">
        <v>221396</v>
      </c>
      <c r="BY17" s="327">
        <v>202783</v>
      </c>
      <c r="BZ17" s="328">
        <v>1233435</v>
      </c>
      <c r="CA17" s="330">
        <v>1403661</v>
      </c>
      <c r="CB17" s="326">
        <v>53118</v>
      </c>
      <c r="CC17" s="327">
        <v>293577</v>
      </c>
      <c r="CD17" s="328">
        <v>346695</v>
      </c>
      <c r="CE17" s="326">
        <v>0</v>
      </c>
      <c r="CF17" s="327">
        <v>1309349</v>
      </c>
      <c r="CG17" s="327">
        <v>1290524</v>
      </c>
      <c r="CH17" s="327">
        <v>1330620</v>
      </c>
      <c r="CI17" s="327">
        <v>817731</v>
      </c>
      <c r="CJ17" s="327">
        <v>290099</v>
      </c>
      <c r="CK17" s="328">
        <v>5038323</v>
      </c>
      <c r="CL17" s="330">
        <v>5385018</v>
      </c>
      <c r="CM17" s="326">
        <v>0</v>
      </c>
      <c r="CN17" s="327">
        <v>0</v>
      </c>
      <c r="CO17" s="328">
        <v>0</v>
      </c>
      <c r="CP17" s="332">
        <v>0</v>
      </c>
      <c r="CQ17" s="327">
        <v>954863</v>
      </c>
      <c r="CR17" s="327">
        <v>893298</v>
      </c>
      <c r="CS17" s="327">
        <v>1000929</v>
      </c>
      <c r="CT17" s="327">
        <v>589065</v>
      </c>
      <c r="CU17" s="327">
        <v>249423</v>
      </c>
      <c r="CV17" s="328">
        <v>3687578</v>
      </c>
      <c r="CW17" s="330">
        <v>3687578</v>
      </c>
      <c r="CX17" s="326">
        <v>53118</v>
      </c>
      <c r="CY17" s="327">
        <v>293577</v>
      </c>
      <c r="CZ17" s="328">
        <v>346695</v>
      </c>
      <c r="DA17" s="326">
        <v>0</v>
      </c>
      <c r="DB17" s="327">
        <v>354486</v>
      </c>
      <c r="DC17" s="327">
        <v>397226</v>
      </c>
      <c r="DD17" s="327">
        <v>329691</v>
      </c>
      <c r="DE17" s="327">
        <v>228666</v>
      </c>
      <c r="DF17" s="327">
        <v>40676</v>
      </c>
      <c r="DG17" s="328">
        <v>1350745</v>
      </c>
      <c r="DH17" s="330">
        <v>1697440</v>
      </c>
      <c r="DI17" s="326">
        <v>0</v>
      </c>
      <c r="DJ17" s="327">
        <v>0</v>
      </c>
      <c r="DK17" s="331">
        <v>0</v>
      </c>
      <c r="DL17" s="332">
        <v>0</v>
      </c>
      <c r="DM17" s="327">
        <v>0</v>
      </c>
      <c r="DN17" s="327">
        <v>83516</v>
      </c>
      <c r="DO17" s="327">
        <v>164496</v>
      </c>
      <c r="DP17" s="327">
        <v>328756</v>
      </c>
      <c r="DQ17" s="327">
        <v>704785</v>
      </c>
      <c r="DR17" s="328">
        <v>1281553</v>
      </c>
      <c r="DS17" s="330">
        <v>1281553</v>
      </c>
      <c r="DT17" s="326">
        <v>0</v>
      </c>
      <c r="DU17" s="327">
        <v>0</v>
      </c>
      <c r="DV17" s="328">
        <v>0</v>
      </c>
      <c r="DW17" s="326">
        <v>0</v>
      </c>
      <c r="DX17" s="327">
        <v>0</v>
      </c>
      <c r="DY17" s="327">
        <v>83516</v>
      </c>
      <c r="DZ17" s="327">
        <v>88501</v>
      </c>
      <c r="EA17" s="327">
        <v>281920</v>
      </c>
      <c r="EB17" s="327">
        <v>474137</v>
      </c>
      <c r="EC17" s="328">
        <v>928074</v>
      </c>
      <c r="ED17" s="330">
        <v>928074</v>
      </c>
      <c r="EE17" s="326">
        <v>0</v>
      </c>
      <c r="EF17" s="331">
        <v>0</v>
      </c>
      <c r="EG17" s="328">
        <v>0</v>
      </c>
      <c r="EH17" s="326">
        <v>0</v>
      </c>
      <c r="EI17" s="327">
        <v>0</v>
      </c>
      <c r="EJ17" s="327">
        <v>0</v>
      </c>
      <c r="EK17" s="327">
        <v>75995</v>
      </c>
      <c r="EL17" s="327">
        <v>46836</v>
      </c>
      <c r="EM17" s="327">
        <v>230648</v>
      </c>
      <c r="EN17" s="331">
        <v>353479</v>
      </c>
      <c r="EO17" s="330">
        <v>353479</v>
      </c>
      <c r="EP17" s="326">
        <v>0</v>
      </c>
      <c r="EQ17" s="327">
        <v>0</v>
      </c>
      <c r="ER17" s="331">
        <v>0</v>
      </c>
      <c r="ES17" s="332">
        <v>0</v>
      </c>
      <c r="ET17" s="327">
        <v>0</v>
      </c>
      <c r="EU17" s="327">
        <v>0</v>
      </c>
      <c r="EV17" s="327">
        <v>0</v>
      </c>
      <c r="EW17" s="327">
        <v>0</v>
      </c>
      <c r="EX17" s="327">
        <v>0</v>
      </c>
      <c r="EY17" s="328">
        <v>0</v>
      </c>
      <c r="EZ17" s="330">
        <v>0</v>
      </c>
      <c r="FA17" s="326">
        <v>0</v>
      </c>
      <c r="FB17" s="327">
        <v>0</v>
      </c>
      <c r="FC17" s="331">
        <v>0</v>
      </c>
      <c r="FD17" s="404">
        <v>0</v>
      </c>
      <c r="FE17" s="327">
        <v>0</v>
      </c>
      <c r="FF17" s="327">
        <v>0</v>
      </c>
      <c r="FG17" s="327">
        <v>0</v>
      </c>
      <c r="FH17" s="327">
        <v>0</v>
      </c>
      <c r="FI17" s="327">
        <v>0</v>
      </c>
      <c r="FJ17" s="328">
        <v>0</v>
      </c>
      <c r="FK17" s="330">
        <v>0</v>
      </c>
      <c r="FL17" s="326">
        <v>99274</v>
      </c>
      <c r="FM17" s="327">
        <v>153566</v>
      </c>
      <c r="FN17" s="328">
        <v>252840</v>
      </c>
      <c r="FO17" s="326">
        <v>0</v>
      </c>
      <c r="FP17" s="327">
        <v>391832</v>
      </c>
      <c r="FQ17" s="327">
        <v>516467</v>
      </c>
      <c r="FR17" s="327">
        <v>545405</v>
      </c>
      <c r="FS17" s="327">
        <v>403046</v>
      </c>
      <c r="FT17" s="327">
        <v>258348</v>
      </c>
      <c r="FU17" s="328">
        <v>2115098</v>
      </c>
      <c r="FV17" s="330">
        <v>2367938</v>
      </c>
      <c r="FW17" s="333">
        <v>99274</v>
      </c>
      <c r="FX17" s="327">
        <v>153566</v>
      </c>
      <c r="FY17" s="331">
        <v>252840</v>
      </c>
      <c r="FZ17" s="332">
        <v>0</v>
      </c>
      <c r="GA17" s="327">
        <v>274330</v>
      </c>
      <c r="GB17" s="327">
        <v>516467</v>
      </c>
      <c r="GC17" s="327">
        <v>391377</v>
      </c>
      <c r="GD17" s="327">
        <v>403046</v>
      </c>
      <c r="GE17" s="327">
        <v>250649</v>
      </c>
      <c r="GF17" s="328">
        <v>1835869</v>
      </c>
      <c r="GG17" s="334">
        <v>2088709</v>
      </c>
      <c r="GH17" s="333">
        <v>0</v>
      </c>
      <c r="GI17" s="327">
        <v>0</v>
      </c>
      <c r="GJ17" s="331">
        <v>0</v>
      </c>
      <c r="GK17" s="332">
        <v>0</v>
      </c>
      <c r="GL17" s="327">
        <v>44352</v>
      </c>
      <c r="GM17" s="327">
        <v>0</v>
      </c>
      <c r="GN17" s="327">
        <v>20328</v>
      </c>
      <c r="GO17" s="327">
        <v>0</v>
      </c>
      <c r="GP17" s="327">
        <v>0</v>
      </c>
      <c r="GQ17" s="328">
        <v>64680</v>
      </c>
      <c r="GR17" s="330">
        <v>64680</v>
      </c>
      <c r="GS17" s="326">
        <v>0</v>
      </c>
      <c r="GT17" s="327">
        <v>0</v>
      </c>
      <c r="GU17" s="328">
        <v>0</v>
      </c>
      <c r="GV17" s="326">
        <v>0</v>
      </c>
      <c r="GW17" s="327">
        <v>73150</v>
      </c>
      <c r="GX17" s="327">
        <v>0</v>
      </c>
      <c r="GY17" s="327">
        <v>133700</v>
      </c>
      <c r="GZ17" s="327">
        <v>0</v>
      </c>
      <c r="HA17" s="327">
        <v>7699</v>
      </c>
      <c r="HB17" s="331">
        <v>214549</v>
      </c>
      <c r="HC17" s="330">
        <v>214549</v>
      </c>
      <c r="HD17" s="326">
        <v>253344</v>
      </c>
      <c r="HE17" s="327">
        <v>255284</v>
      </c>
      <c r="HF17" s="331">
        <v>508628</v>
      </c>
      <c r="HG17" s="332">
        <v>0</v>
      </c>
      <c r="HH17" s="327">
        <v>2757045</v>
      </c>
      <c r="HI17" s="327">
        <v>2064906</v>
      </c>
      <c r="HJ17" s="327">
        <v>1480744</v>
      </c>
      <c r="HK17" s="327">
        <v>3562864</v>
      </c>
      <c r="HL17" s="327">
        <v>2346083</v>
      </c>
      <c r="HM17" s="328">
        <v>12211642</v>
      </c>
      <c r="HN17" s="329">
        <v>12720270</v>
      </c>
      <c r="HO17" s="333">
        <v>0</v>
      </c>
      <c r="HP17" s="327">
        <v>0</v>
      </c>
      <c r="HQ17" s="328">
        <v>0</v>
      </c>
      <c r="HR17" s="326">
        <v>0</v>
      </c>
      <c r="HS17" s="327">
        <v>0</v>
      </c>
      <c r="HT17" s="327">
        <v>0</v>
      </c>
      <c r="HU17" s="327">
        <v>0</v>
      </c>
      <c r="HV17" s="327">
        <v>0</v>
      </c>
      <c r="HW17" s="327">
        <v>0</v>
      </c>
      <c r="HX17" s="331">
        <v>0</v>
      </c>
      <c r="HY17" s="330">
        <v>0</v>
      </c>
      <c r="HZ17" s="335">
        <v>0</v>
      </c>
      <c r="IA17" s="336">
        <v>135002</v>
      </c>
      <c r="IB17" s="337">
        <v>135002</v>
      </c>
      <c r="IC17" s="338">
        <v>0</v>
      </c>
      <c r="ID17" s="336">
        <v>1537812</v>
      </c>
      <c r="IE17" s="339">
        <v>2319848</v>
      </c>
      <c r="IF17" s="337">
        <v>1524468</v>
      </c>
      <c r="IG17" s="336">
        <v>1062532</v>
      </c>
      <c r="IH17" s="337">
        <v>26428</v>
      </c>
      <c r="II17" s="340">
        <v>6471088</v>
      </c>
      <c r="IJ17" s="341">
        <v>6606090</v>
      </c>
      <c r="IK17" s="342">
        <v>0</v>
      </c>
      <c r="IL17" s="343">
        <v>0</v>
      </c>
      <c r="IM17" s="344">
        <v>0</v>
      </c>
      <c r="IN17" s="404">
        <v>0</v>
      </c>
      <c r="IO17" s="345">
        <v>0</v>
      </c>
      <c r="IP17" s="345">
        <v>322417</v>
      </c>
      <c r="IQ17" s="345">
        <v>0</v>
      </c>
      <c r="IR17" s="345">
        <v>0</v>
      </c>
      <c r="IS17" s="345">
        <v>0</v>
      </c>
      <c r="IT17" s="346">
        <v>322417</v>
      </c>
      <c r="IU17" s="347">
        <v>322417</v>
      </c>
      <c r="IV17" s="348">
        <v>0</v>
      </c>
      <c r="IW17" s="345">
        <v>0</v>
      </c>
      <c r="IX17" s="349">
        <v>0</v>
      </c>
      <c r="IY17" s="404">
        <v>0</v>
      </c>
      <c r="IZ17" s="345">
        <v>0</v>
      </c>
      <c r="JA17" s="345">
        <v>0</v>
      </c>
      <c r="JB17" s="345">
        <v>0</v>
      </c>
      <c r="JC17" s="345">
        <v>14657</v>
      </c>
      <c r="JD17" s="345">
        <v>0</v>
      </c>
      <c r="JE17" s="349">
        <v>14657</v>
      </c>
      <c r="JF17" s="350">
        <v>14657</v>
      </c>
      <c r="JG17" s="348">
        <v>0</v>
      </c>
      <c r="JH17" s="345">
        <v>0</v>
      </c>
      <c r="JI17" s="346">
        <v>0</v>
      </c>
      <c r="JJ17" s="351">
        <v>0</v>
      </c>
      <c r="JK17" s="345">
        <v>1210069</v>
      </c>
      <c r="JL17" s="345">
        <v>510239</v>
      </c>
      <c r="JM17" s="345">
        <v>191140</v>
      </c>
      <c r="JN17" s="345">
        <v>481023</v>
      </c>
      <c r="JO17" s="345">
        <v>26428</v>
      </c>
      <c r="JP17" s="349">
        <v>2418899</v>
      </c>
      <c r="JQ17" s="347">
        <v>2418899</v>
      </c>
      <c r="JR17" s="348">
        <v>0</v>
      </c>
      <c r="JS17" s="345">
        <v>0</v>
      </c>
      <c r="JT17" s="346">
        <v>0</v>
      </c>
      <c r="JU17" s="351">
        <v>0</v>
      </c>
      <c r="JV17" s="345">
        <v>289438</v>
      </c>
      <c r="JW17" s="345">
        <v>44804</v>
      </c>
      <c r="JX17" s="345">
        <v>0</v>
      </c>
      <c r="JY17" s="345">
        <v>0</v>
      </c>
      <c r="JZ17" s="345">
        <v>0</v>
      </c>
      <c r="KA17" s="349">
        <v>334242</v>
      </c>
      <c r="KB17" s="347">
        <v>334242</v>
      </c>
      <c r="KC17" s="352">
        <v>0</v>
      </c>
      <c r="KD17" s="353">
        <v>135002</v>
      </c>
      <c r="KE17" s="349">
        <v>135002</v>
      </c>
      <c r="KF17" s="351">
        <v>0</v>
      </c>
      <c r="KG17" s="345">
        <v>0</v>
      </c>
      <c r="KH17" s="345">
        <v>591793</v>
      </c>
      <c r="KI17" s="345">
        <v>628882</v>
      </c>
      <c r="KJ17" s="345">
        <v>469337</v>
      </c>
      <c r="KK17" s="345">
        <v>0</v>
      </c>
      <c r="KL17" s="349">
        <v>1690012</v>
      </c>
      <c r="KM17" s="354">
        <v>1825014</v>
      </c>
      <c r="KN17" s="342">
        <v>0</v>
      </c>
      <c r="KO17" s="343">
        <v>0</v>
      </c>
      <c r="KP17" s="344">
        <v>0</v>
      </c>
      <c r="KQ17" s="404">
        <v>0</v>
      </c>
      <c r="KR17" s="345">
        <v>0</v>
      </c>
      <c r="KS17" s="345">
        <v>686870</v>
      </c>
      <c r="KT17" s="345">
        <v>704446</v>
      </c>
      <c r="KU17" s="345">
        <v>97515</v>
      </c>
      <c r="KV17" s="345">
        <v>0</v>
      </c>
      <c r="KW17" s="349">
        <v>1488831</v>
      </c>
      <c r="KX17" s="347">
        <v>1488831</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38305</v>
      </c>
      <c r="LZ17" s="345">
        <v>163725</v>
      </c>
      <c r="MA17" s="345">
        <v>0</v>
      </c>
      <c r="MB17" s="345">
        <v>0</v>
      </c>
      <c r="MC17" s="345">
        <v>0</v>
      </c>
      <c r="MD17" s="349">
        <v>202030</v>
      </c>
      <c r="ME17" s="350">
        <v>202030</v>
      </c>
      <c r="MF17" s="348">
        <v>0</v>
      </c>
      <c r="MG17" s="345">
        <v>0</v>
      </c>
      <c r="MH17" s="349">
        <v>0</v>
      </c>
      <c r="MI17" s="404">
        <v>0</v>
      </c>
      <c r="MJ17" s="345">
        <v>0</v>
      </c>
      <c r="MK17" s="345">
        <v>278902</v>
      </c>
      <c r="ML17" s="345">
        <v>2301585</v>
      </c>
      <c r="MM17" s="345">
        <v>2576549</v>
      </c>
      <c r="MN17" s="345">
        <v>3123150</v>
      </c>
      <c r="MO17" s="349">
        <v>8280186</v>
      </c>
      <c r="MP17" s="354">
        <v>8280186</v>
      </c>
      <c r="MQ17" s="348">
        <v>0</v>
      </c>
      <c r="MR17" s="345">
        <v>0</v>
      </c>
      <c r="MS17" s="349">
        <v>0</v>
      </c>
      <c r="MT17" s="404">
        <v>0</v>
      </c>
      <c r="MU17" s="345">
        <v>0</v>
      </c>
      <c r="MV17" s="345">
        <v>0</v>
      </c>
      <c r="MW17" s="345">
        <v>1584634</v>
      </c>
      <c r="MX17" s="345">
        <v>1409624</v>
      </c>
      <c r="MY17" s="345">
        <v>1611445</v>
      </c>
      <c r="MZ17" s="349">
        <v>4605703</v>
      </c>
      <c r="NA17" s="354">
        <v>4605703</v>
      </c>
      <c r="NB17" s="348">
        <v>0</v>
      </c>
      <c r="NC17" s="345">
        <v>0</v>
      </c>
      <c r="ND17" s="349">
        <v>0</v>
      </c>
      <c r="NE17" s="404">
        <v>0</v>
      </c>
      <c r="NF17" s="345">
        <v>0</v>
      </c>
      <c r="NG17" s="345">
        <v>278902</v>
      </c>
      <c r="NH17" s="345">
        <v>716951</v>
      </c>
      <c r="NI17" s="345">
        <v>1166925</v>
      </c>
      <c r="NJ17" s="345">
        <v>555479</v>
      </c>
      <c r="NK17" s="349">
        <v>2718257</v>
      </c>
      <c r="NL17" s="347">
        <v>2718257</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0</v>
      </c>
      <c r="OF17" s="345">
        <v>956226</v>
      </c>
      <c r="OG17" s="349">
        <v>956226</v>
      </c>
      <c r="OH17" s="350">
        <v>956226</v>
      </c>
      <c r="OI17" s="348">
        <v>648212</v>
      </c>
      <c r="OJ17" s="345">
        <v>988291</v>
      </c>
      <c r="OK17" s="346">
        <v>1636503</v>
      </c>
      <c r="OL17" s="351">
        <v>0</v>
      </c>
      <c r="OM17" s="345">
        <v>7625508</v>
      </c>
      <c r="ON17" s="345">
        <v>8414195</v>
      </c>
      <c r="OO17" s="345">
        <v>8443087</v>
      </c>
      <c r="OP17" s="345">
        <v>10527430</v>
      </c>
      <c r="OQ17" s="345">
        <v>8540187</v>
      </c>
      <c r="OR17" s="349">
        <v>43550407</v>
      </c>
      <c r="OS17" s="354">
        <v>45186910</v>
      </c>
    </row>
    <row r="18" spans="2:409" s="70" customFormat="1" ht="21" customHeight="1" x14ac:dyDescent="0.2">
      <c r="B18" s="106" t="s">
        <v>12</v>
      </c>
      <c r="C18" s="326">
        <v>952274</v>
      </c>
      <c r="D18" s="327">
        <v>1774866</v>
      </c>
      <c r="E18" s="328">
        <v>2727140</v>
      </c>
      <c r="F18" s="329">
        <v>0</v>
      </c>
      <c r="G18" s="327">
        <v>6649208</v>
      </c>
      <c r="H18" s="366">
        <v>8734847</v>
      </c>
      <c r="I18" s="366">
        <v>8308529</v>
      </c>
      <c r="J18" s="366">
        <v>7911237</v>
      </c>
      <c r="K18" s="366">
        <v>5557093</v>
      </c>
      <c r="L18" s="331">
        <v>37160914</v>
      </c>
      <c r="M18" s="330">
        <v>39888054</v>
      </c>
      <c r="N18" s="326">
        <v>303098</v>
      </c>
      <c r="O18" s="327">
        <v>691878</v>
      </c>
      <c r="P18" s="328">
        <v>994976</v>
      </c>
      <c r="Q18" s="326">
        <v>0</v>
      </c>
      <c r="R18" s="327">
        <v>2132811</v>
      </c>
      <c r="S18" s="327">
        <v>2707937</v>
      </c>
      <c r="T18" s="327">
        <v>2693561</v>
      </c>
      <c r="U18" s="327">
        <v>3186633</v>
      </c>
      <c r="V18" s="327">
        <v>2196240</v>
      </c>
      <c r="W18" s="328">
        <v>12917182</v>
      </c>
      <c r="X18" s="330">
        <v>13912158</v>
      </c>
      <c r="Y18" s="326">
        <v>0</v>
      </c>
      <c r="Z18" s="327">
        <v>0</v>
      </c>
      <c r="AA18" s="328">
        <v>0</v>
      </c>
      <c r="AB18" s="326">
        <v>0</v>
      </c>
      <c r="AC18" s="327">
        <v>1148318</v>
      </c>
      <c r="AD18" s="327">
        <v>1250904</v>
      </c>
      <c r="AE18" s="327">
        <v>1771289</v>
      </c>
      <c r="AF18" s="327">
        <v>1510630</v>
      </c>
      <c r="AG18" s="327">
        <v>1157337</v>
      </c>
      <c r="AH18" s="328">
        <v>6838478</v>
      </c>
      <c r="AI18" s="330">
        <v>6838478</v>
      </c>
      <c r="AJ18" s="326">
        <v>0</v>
      </c>
      <c r="AK18" s="327">
        <v>0</v>
      </c>
      <c r="AL18" s="328">
        <v>0</v>
      </c>
      <c r="AM18" s="326">
        <v>0</v>
      </c>
      <c r="AN18" s="327">
        <v>23233</v>
      </c>
      <c r="AO18" s="327">
        <v>51867</v>
      </c>
      <c r="AP18" s="327">
        <v>53047</v>
      </c>
      <c r="AQ18" s="327">
        <v>231497</v>
      </c>
      <c r="AR18" s="327">
        <v>187322</v>
      </c>
      <c r="AS18" s="328">
        <v>546966</v>
      </c>
      <c r="AT18" s="330">
        <v>546966</v>
      </c>
      <c r="AU18" s="326">
        <v>189820</v>
      </c>
      <c r="AV18" s="327">
        <v>572903</v>
      </c>
      <c r="AW18" s="328">
        <v>762723</v>
      </c>
      <c r="AX18" s="326">
        <v>0</v>
      </c>
      <c r="AY18" s="327">
        <v>671248</v>
      </c>
      <c r="AZ18" s="327">
        <v>1079554</v>
      </c>
      <c r="BA18" s="327">
        <v>429870</v>
      </c>
      <c r="BB18" s="327">
        <v>949484</v>
      </c>
      <c r="BC18" s="327">
        <v>554235</v>
      </c>
      <c r="BD18" s="328">
        <v>3684391</v>
      </c>
      <c r="BE18" s="330">
        <v>4447114</v>
      </c>
      <c r="BF18" s="326">
        <v>26940</v>
      </c>
      <c r="BG18" s="327">
        <v>16187</v>
      </c>
      <c r="BH18" s="331">
        <v>43127</v>
      </c>
      <c r="BI18" s="332">
        <v>0</v>
      </c>
      <c r="BJ18" s="327">
        <v>39419</v>
      </c>
      <c r="BK18" s="327">
        <v>12509</v>
      </c>
      <c r="BL18" s="327">
        <v>65674</v>
      </c>
      <c r="BM18" s="327">
        <v>152162</v>
      </c>
      <c r="BN18" s="327">
        <v>28882</v>
      </c>
      <c r="BO18" s="328">
        <v>298646</v>
      </c>
      <c r="BP18" s="330">
        <v>341773</v>
      </c>
      <c r="BQ18" s="326">
        <v>86338</v>
      </c>
      <c r="BR18" s="327">
        <v>102788</v>
      </c>
      <c r="BS18" s="328">
        <v>189126</v>
      </c>
      <c r="BT18" s="326">
        <v>0</v>
      </c>
      <c r="BU18" s="327">
        <v>250593</v>
      </c>
      <c r="BV18" s="327">
        <v>313103</v>
      </c>
      <c r="BW18" s="327">
        <v>373681</v>
      </c>
      <c r="BX18" s="327">
        <v>342860</v>
      </c>
      <c r="BY18" s="327">
        <v>268464</v>
      </c>
      <c r="BZ18" s="328">
        <v>1548701</v>
      </c>
      <c r="CA18" s="330">
        <v>1737827</v>
      </c>
      <c r="CB18" s="326">
        <v>136478</v>
      </c>
      <c r="CC18" s="327">
        <v>345876</v>
      </c>
      <c r="CD18" s="328">
        <v>482354</v>
      </c>
      <c r="CE18" s="326">
        <v>0</v>
      </c>
      <c r="CF18" s="327">
        <v>2435944</v>
      </c>
      <c r="CG18" s="327">
        <v>2787462</v>
      </c>
      <c r="CH18" s="327">
        <v>2026866</v>
      </c>
      <c r="CI18" s="327">
        <v>819259</v>
      </c>
      <c r="CJ18" s="327">
        <v>426594</v>
      </c>
      <c r="CK18" s="328">
        <v>8496125</v>
      </c>
      <c r="CL18" s="330">
        <v>8978479</v>
      </c>
      <c r="CM18" s="326">
        <v>0</v>
      </c>
      <c r="CN18" s="327">
        <v>0</v>
      </c>
      <c r="CO18" s="328">
        <v>0</v>
      </c>
      <c r="CP18" s="332">
        <v>0</v>
      </c>
      <c r="CQ18" s="327">
        <v>1875605</v>
      </c>
      <c r="CR18" s="327">
        <v>2195206</v>
      </c>
      <c r="CS18" s="327">
        <v>1372174</v>
      </c>
      <c r="CT18" s="327">
        <v>627274</v>
      </c>
      <c r="CU18" s="327">
        <v>394595</v>
      </c>
      <c r="CV18" s="328">
        <v>6464854</v>
      </c>
      <c r="CW18" s="330">
        <v>6464854</v>
      </c>
      <c r="CX18" s="326">
        <v>136478</v>
      </c>
      <c r="CY18" s="327">
        <v>345876</v>
      </c>
      <c r="CZ18" s="328">
        <v>482354</v>
      </c>
      <c r="DA18" s="326">
        <v>0</v>
      </c>
      <c r="DB18" s="327">
        <v>560339</v>
      </c>
      <c r="DC18" s="327">
        <v>592256</v>
      </c>
      <c r="DD18" s="327">
        <v>654692</v>
      </c>
      <c r="DE18" s="327">
        <v>191985</v>
      </c>
      <c r="DF18" s="327">
        <v>31999</v>
      </c>
      <c r="DG18" s="328">
        <v>2031271</v>
      </c>
      <c r="DH18" s="330">
        <v>2513625</v>
      </c>
      <c r="DI18" s="326">
        <v>35653</v>
      </c>
      <c r="DJ18" s="327">
        <v>0</v>
      </c>
      <c r="DK18" s="331">
        <v>35653</v>
      </c>
      <c r="DL18" s="332">
        <v>0</v>
      </c>
      <c r="DM18" s="327">
        <v>393258</v>
      </c>
      <c r="DN18" s="327">
        <v>459940</v>
      </c>
      <c r="DO18" s="327">
        <v>623854</v>
      </c>
      <c r="DP18" s="327">
        <v>753475</v>
      </c>
      <c r="DQ18" s="327">
        <v>213898</v>
      </c>
      <c r="DR18" s="328">
        <v>2444425</v>
      </c>
      <c r="DS18" s="330">
        <v>2480078</v>
      </c>
      <c r="DT18" s="326">
        <v>35653</v>
      </c>
      <c r="DU18" s="327">
        <v>0</v>
      </c>
      <c r="DV18" s="328">
        <v>35653</v>
      </c>
      <c r="DW18" s="326">
        <v>0</v>
      </c>
      <c r="DX18" s="327">
        <v>393258</v>
      </c>
      <c r="DY18" s="327">
        <v>351204</v>
      </c>
      <c r="DZ18" s="327">
        <v>623854</v>
      </c>
      <c r="EA18" s="327">
        <v>695548</v>
      </c>
      <c r="EB18" s="327">
        <v>79179</v>
      </c>
      <c r="EC18" s="328">
        <v>2143043</v>
      </c>
      <c r="ED18" s="330">
        <v>2178696</v>
      </c>
      <c r="EE18" s="326">
        <v>0</v>
      </c>
      <c r="EF18" s="331">
        <v>0</v>
      </c>
      <c r="EG18" s="328">
        <v>0</v>
      </c>
      <c r="EH18" s="326">
        <v>0</v>
      </c>
      <c r="EI18" s="327">
        <v>0</v>
      </c>
      <c r="EJ18" s="327">
        <v>108736</v>
      </c>
      <c r="EK18" s="327">
        <v>0</v>
      </c>
      <c r="EL18" s="327">
        <v>57927</v>
      </c>
      <c r="EM18" s="327">
        <v>134719</v>
      </c>
      <c r="EN18" s="331">
        <v>301382</v>
      </c>
      <c r="EO18" s="330">
        <v>301382</v>
      </c>
      <c r="EP18" s="326">
        <v>0</v>
      </c>
      <c r="EQ18" s="327">
        <v>0</v>
      </c>
      <c r="ER18" s="331">
        <v>0</v>
      </c>
      <c r="ES18" s="332">
        <v>0</v>
      </c>
      <c r="ET18" s="327">
        <v>0</v>
      </c>
      <c r="EU18" s="327">
        <v>0</v>
      </c>
      <c r="EV18" s="327">
        <v>0</v>
      </c>
      <c r="EW18" s="327">
        <v>0</v>
      </c>
      <c r="EX18" s="327">
        <v>0</v>
      </c>
      <c r="EY18" s="328">
        <v>0</v>
      </c>
      <c r="EZ18" s="330">
        <v>0</v>
      </c>
      <c r="FA18" s="326">
        <v>0</v>
      </c>
      <c r="FB18" s="327">
        <v>0</v>
      </c>
      <c r="FC18" s="331">
        <v>0</v>
      </c>
      <c r="FD18" s="404">
        <v>0</v>
      </c>
      <c r="FE18" s="327">
        <v>0</v>
      </c>
      <c r="FF18" s="327">
        <v>0</v>
      </c>
      <c r="FG18" s="327">
        <v>0</v>
      </c>
      <c r="FH18" s="327">
        <v>0</v>
      </c>
      <c r="FI18" s="327">
        <v>0</v>
      </c>
      <c r="FJ18" s="328">
        <v>0</v>
      </c>
      <c r="FK18" s="330">
        <v>0</v>
      </c>
      <c r="FL18" s="326">
        <v>145565</v>
      </c>
      <c r="FM18" s="327">
        <v>317863</v>
      </c>
      <c r="FN18" s="328">
        <v>463428</v>
      </c>
      <c r="FO18" s="326">
        <v>0</v>
      </c>
      <c r="FP18" s="327">
        <v>290423</v>
      </c>
      <c r="FQ18" s="327">
        <v>896042</v>
      </c>
      <c r="FR18" s="327">
        <v>706805</v>
      </c>
      <c r="FS18" s="327">
        <v>725634</v>
      </c>
      <c r="FT18" s="327">
        <v>361214</v>
      </c>
      <c r="FU18" s="328">
        <v>2980118</v>
      </c>
      <c r="FV18" s="330">
        <v>3443546</v>
      </c>
      <c r="FW18" s="333">
        <v>145565</v>
      </c>
      <c r="FX18" s="327">
        <v>293608</v>
      </c>
      <c r="FY18" s="331">
        <v>439173</v>
      </c>
      <c r="FZ18" s="332">
        <v>0</v>
      </c>
      <c r="GA18" s="327">
        <v>265321</v>
      </c>
      <c r="GB18" s="327">
        <v>875098</v>
      </c>
      <c r="GC18" s="327">
        <v>555954</v>
      </c>
      <c r="GD18" s="327">
        <v>707154</v>
      </c>
      <c r="GE18" s="327">
        <v>335034</v>
      </c>
      <c r="GF18" s="328">
        <v>2738561</v>
      </c>
      <c r="GG18" s="334">
        <v>3177734</v>
      </c>
      <c r="GH18" s="333">
        <v>0</v>
      </c>
      <c r="GI18" s="327">
        <v>24255</v>
      </c>
      <c r="GJ18" s="331">
        <v>24255</v>
      </c>
      <c r="GK18" s="332">
        <v>0</v>
      </c>
      <c r="GL18" s="327">
        <v>25102</v>
      </c>
      <c r="GM18" s="327">
        <v>20944</v>
      </c>
      <c r="GN18" s="327">
        <v>39732</v>
      </c>
      <c r="GO18" s="327">
        <v>18480</v>
      </c>
      <c r="GP18" s="327">
        <v>26180</v>
      </c>
      <c r="GQ18" s="328">
        <v>130438</v>
      </c>
      <c r="GR18" s="330">
        <v>154693</v>
      </c>
      <c r="GS18" s="326">
        <v>0</v>
      </c>
      <c r="GT18" s="327">
        <v>0</v>
      </c>
      <c r="GU18" s="328">
        <v>0</v>
      </c>
      <c r="GV18" s="326">
        <v>0</v>
      </c>
      <c r="GW18" s="327">
        <v>0</v>
      </c>
      <c r="GX18" s="327">
        <v>0</v>
      </c>
      <c r="GY18" s="327">
        <v>111119</v>
      </c>
      <c r="GZ18" s="327">
        <v>0</v>
      </c>
      <c r="HA18" s="327">
        <v>0</v>
      </c>
      <c r="HB18" s="331">
        <v>111119</v>
      </c>
      <c r="HC18" s="330">
        <v>111119</v>
      </c>
      <c r="HD18" s="326">
        <v>331480</v>
      </c>
      <c r="HE18" s="327">
        <v>419249</v>
      </c>
      <c r="HF18" s="331">
        <v>750729</v>
      </c>
      <c r="HG18" s="332">
        <v>0</v>
      </c>
      <c r="HH18" s="327">
        <v>1396772</v>
      </c>
      <c r="HI18" s="327">
        <v>1883466</v>
      </c>
      <c r="HJ18" s="327">
        <v>2257443</v>
      </c>
      <c r="HK18" s="327">
        <v>2426236</v>
      </c>
      <c r="HL18" s="327">
        <v>2359147</v>
      </c>
      <c r="HM18" s="328">
        <v>10323064</v>
      </c>
      <c r="HN18" s="329">
        <v>11073793</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1091199</v>
      </c>
      <c r="IE18" s="357">
        <v>1675195</v>
      </c>
      <c r="IF18" s="358">
        <v>1863785</v>
      </c>
      <c r="IG18" s="356">
        <v>1735125</v>
      </c>
      <c r="IH18" s="358">
        <v>2009143</v>
      </c>
      <c r="II18" s="359">
        <v>8374447</v>
      </c>
      <c r="IJ18" s="358">
        <v>8374447</v>
      </c>
      <c r="IK18" s="342">
        <v>0</v>
      </c>
      <c r="IL18" s="343">
        <v>0</v>
      </c>
      <c r="IM18" s="344">
        <v>0</v>
      </c>
      <c r="IN18" s="404">
        <v>0</v>
      </c>
      <c r="IO18" s="345">
        <v>0</v>
      </c>
      <c r="IP18" s="345">
        <v>0</v>
      </c>
      <c r="IQ18" s="345">
        <v>0</v>
      </c>
      <c r="IR18" s="345">
        <v>322600</v>
      </c>
      <c r="IS18" s="345">
        <v>0</v>
      </c>
      <c r="IT18" s="346">
        <v>322600</v>
      </c>
      <c r="IU18" s="347">
        <v>32260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666060</v>
      </c>
      <c r="JL18" s="345">
        <v>498508</v>
      </c>
      <c r="JM18" s="345">
        <v>196489</v>
      </c>
      <c r="JN18" s="345">
        <v>309165</v>
      </c>
      <c r="JO18" s="345">
        <v>447603</v>
      </c>
      <c r="JP18" s="349">
        <v>2117825</v>
      </c>
      <c r="JQ18" s="347">
        <v>2117825</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0</v>
      </c>
      <c r="KH18" s="345">
        <v>160881</v>
      </c>
      <c r="KI18" s="345">
        <v>217155</v>
      </c>
      <c r="KJ18" s="345">
        <v>464375</v>
      </c>
      <c r="KK18" s="345">
        <v>0</v>
      </c>
      <c r="KL18" s="349">
        <v>842411</v>
      </c>
      <c r="KM18" s="354">
        <v>842411</v>
      </c>
      <c r="KN18" s="342">
        <v>0</v>
      </c>
      <c r="KO18" s="343">
        <v>0</v>
      </c>
      <c r="KP18" s="344">
        <v>0</v>
      </c>
      <c r="KQ18" s="404">
        <v>0</v>
      </c>
      <c r="KR18" s="345">
        <v>425139</v>
      </c>
      <c r="KS18" s="345">
        <v>833855</v>
      </c>
      <c r="KT18" s="345">
        <v>227656</v>
      </c>
      <c r="KU18" s="345">
        <v>233531</v>
      </c>
      <c r="KV18" s="345">
        <v>476490</v>
      </c>
      <c r="KW18" s="349">
        <v>2196671</v>
      </c>
      <c r="KX18" s="347">
        <v>2196671</v>
      </c>
      <c r="KY18" s="348">
        <v>0</v>
      </c>
      <c r="KZ18" s="345">
        <v>0</v>
      </c>
      <c r="LA18" s="349">
        <v>0</v>
      </c>
      <c r="LB18" s="404">
        <v>0</v>
      </c>
      <c r="LC18" s="345">
        <v>0</v>
      </c>
      <c r="LD18" s="345">
        <v>0</v>
      </c>
      <c r="LE18" s="345">
        <v>236777</v>
      </c>
      <c r="LF18" s="345">
        <v>405454</v>
      </c>
      <c r="LG18" s="345">
        <v>0</v>
      </c>
      <c r="LH18" s="349">
        <v>642231</v>
      </c>
      <c r="LI18" s="350">
        <v>642231</v>
      </c>
      <c r="LJ18" s="348">
        <v>0</v>
      </c>
      <c r="LK18" s="345">
        <v>0</v>
      </c>
      <c r="LL18" s="349">
        <v>0</v>
      </c>
      <c r="LM18" s="404">
        <v>0</v>
      </c>
      <c r="LN18" s="345">
        <v>0</v>
      </c>
      <c r="LO18" s="345">
        <v>0</v>
      </c>
      <c r="LP18" s="345">
        <v>485450</v>
      </c>
      <c r="LQ18" s="345">
        <v>0</v>
      </c>
      <c r="LR18" s="345">
        <v>279696</v>
      </c>
      <c r="LS18" s="349">
        <v>765146</v>
      </c>
      <c r="LT18" s="347">
        <v>765146</v>
      </c>
      <c r="LU18" s="348">
        <v>0</v>
      </c>
      <c r="LV18" s="345">
        <v>0</v>
      </c>
      <c r="LW18" s="349">
        <v>0</v>
      </c>
      <c r="LX18" s="404">
        <v>0</v>
      </c>
      <c r="LY18" s="345">
        <v>0</v>
      </c>
      <c r="LZ18" s="345">
        <v>181951</v>
      </c>
      <c r="MA18" s="345">
        <v>500258</v>
      </c>
      <c r="MB18" s="345">
        <v>0</v>
      </c>
      <c r="MC18" s="345">
        <v>805354</v>
      </c>
      <c r="MD18" s="349">
        <v>1487563</v>
      </c>
      <c r="ME18" s="350">
        <v>1487563</v>
      </c>
      <c r="MF18" s="348">
        <v>0</v>
      </c>
      <c r="MG18" s="345">
        <v>0</v>
      </c>
      <c r="MH18" s="349">
        <v>0</v>
      </c>
      <c r="MI18" s="404">
        <v>0</v>
      </c>
      <c r="MJ18" s="345">
        <v>208513</v>
      </c>
      <c r="MK18" s="345">
        <v>654885</v>
      </c>
      <c r="ML18" s="345">
        <v>2136916</v>
      </c>
      <c r="MM18" s="345">
        <v>6612776</v>
      </c>
      <c r="MN18" s="345">
        <v>1077710</v>
      </c>
      <c r="MO18" s="349">
        <v>10690800</v>
      </c>
      <c r="MP18" s="354">
        <v>10690800</v>
      </c>
      <c r="MQ18" s="348">
        <v>0</v>
      </c>
      <c r="MR18" s="345">
        <v>0</v>
      </c>
      <c r="MS18" s="349">
        <v>0</v>
      </c>
      <c r="MT18" s="404">
        <v>0</v>
      </c>
      <c r="MU18" s="345">
        <v>0</v>
      </c>
      <c r="MV18" s="345">
        <v>0</v>
      </c>
      <c r="MW18" s="345">
        <v>619066</v>
      </c>
      <c r="MX18" s="345">
        <v>3710939</v>
      </c>
      <c r="MY18" s="345">
        <v>503249</v>
      </c>
      <c r="MZ18" s="349">
        <v>4833254</v>
      </c>
      <c r="NA18" s="354">
        <v>4833254</v>
      </c>
      <c r="NB18" s="348">
        <v>0</v>
      </c>
      <c r="NC18" s="345">
        <v>0</v>
      </c>
      <c r="ND18" s="349">
        <v>0</v>
      </c>
      <c r="NE18" s="404">
        <v>0</v>
      </c>
      <c r="NF18" s="345">
        <v>208513</v>
      </c>
      <c r="NG18" s="345">
        <v>654885</v>
      </c>
      <c r="NH18" s="345">
        <v>1517850</v>
      </c>
      <c r="NI18" s="345">
        <v>2284636</v>
      </c>
      <c r="NJ18" s="345">
        <v>574461</v>
      </c>
      <c r="NK18" s="349">
        <v>5240345</v>
      </c>
      <c r="NL18" s="347">
        <v>5240345</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617201</v>
      </c>
      <c r="OF18" s="345">
        <v>0</v>
      </c>
      <c r="OG18" s="349">
        <v>617201</v>
      </c>
      <c r="OH18" s="350">
        <v>617201</v>
      </c>
      <c r="OI18" s="348">
        <v>952274</v>
      </c>
      <c r="OJ18" s="345">
        <v>1774866</v>
      </c>
      <c r="OK18" s="346">
        <v>2727140</v>
      </c>
      <c r="OL18" s="351">
        <v>0</v>
      </c>
      <c r="OM18" s="345">
        <v>7948920</v>
      </c>
      <c r="ON18" s="345">
        <v>11064927</v>
      </c>
      <c r="OO18" s="345">
        <v>12309230</v>
      </c>
      <c r="OP18" s="345">
        <v>16259138</v>
      </c>
      <c r="OQ18" s="345">
        <v>8643946</v>
      </c>
      <c r="OR18" s="349">
        <v>56226161</v>
      </c>
      <c r="OS18" s="354">
        <v>58953301</v>
      </c>
    </row>
    <row r="19" spans="2:409" s="70" customFormat="1" ht="21" customHeight="1" x14ac:dyDescent="0.2">
      <c r="B19" s="106" t="s">
        <v>13</v>
      </c>
      <c r="C19" s="326">
        <v>275053</v>
      </c>
      <c r="D19" s="327">
        <v>504320</v>
      </c>
      <c r="E19" s="328">
        <v>779373</v>
      </c>
      <c r="F19" s="326">
        <v>0</v>
      </c>
      <c r="G19" s="366">
        <v>2944262</v>
      </c>
      <c r="H19" s="327">
        <v>5560994</v>
      </c>
      <c r="I19" s="327">
        <v>3263435</v>
      </c>
      <c r="J19" s="327">
        <v>3431016</v>
      </c>
      <c r="K19" s="327">
        <v>4144076</v>
      </c>
      <c r="L19" s="331">
        <v>19343783</v>
      </c>
      <c r="M19" s="330">
        <v>20123156</v>
      </c>
      <c r="N19" s="326">
        <v>98605</v>
      </c>
      <c r="O19" s="327">
        <v>172853</v>
      </c>
      <c r="P19" s="328">
        <v>271458</v>
      </c>
      <c r="Q19" s="326">
        <v>0</v>
      </c>
      <c r="R19" s="327">
        <v>1370786</v>
      </c>
      <c r="S19" s="327">
        <v>3022617</v>
      </c>
      <c r="T19" s="327">
        <v>1433691</v>
      </c>
      <c r="U19" s="327">
        <v>1440083</v>
      </c>
      <c r="V19" s="327">
        <v>3293630</v>
      </c>
      <c r="W19" s="328">
        <v>10560807</v>
      </c>
      <c r="X19" s="330">
        <v>10832265</v>
      </c>
      <c r="Y19" s="326">
        <v>0</v>
      </c>
      <c r="Z19" s="327">
        <v>0</v>
      </c>
      <c r="AA19" s="328">
        <v>0</v>
      </c>
      <c r="AB19" s="326">
        <v>0</v>
      </c>
      <c r="AC19" s="327">
        <v>574973</v>
      </c>
      <c r="AD19" s="327">
        <v>1224415</v>
      </c>
      <c r="AE19" s="327">
        <v>804919</v>
      </c>
      <c r="AF19" s="327">
        <v>1033200</v>
      </c>
      <c r="AG19" s="327">
        <v>2293167</v>
      </c>
      <c r="AH19" s="328">
        <v>5930674</v>
      </c>
      <c r="AI19" s="330">
        <v>5930674</v>
      </c>
      <c r="AJ19" s="326">
        <v>0</v>
      </c>
      <c r="AK19" s="327">
        <v>0</v>
      </c>
      <c r="AL19" s="328">
        <v>0</v>
      </c>
      <c r="AM19" s="326">
        <v>0</v>
      </c>
      <c r="AN19" s="327">
        <v>0</v>
      </c>
      <c r="AO19" s="327">
        <v>52546</v>
      </c>
      <c r="AP19" s="327">
        <v>0</v>
      </c>
      <c r="AQ19" s="327">
        <v>42851</v>
      </c>
      <c r="AR19" s="327">
        <v>241714</v>
      </c>
      <c r="AS19" s="328">
        <v>337111</v>
      </c>
      <c r="AT19" s="330">
        <v>337111</v>
      </c>
      <c r="AU19" s="326">
        <v>35647</v>
      </c>
      <c r="AV19" s="327">
        <v>98450</v>
      </c>
      <c r="AW19" s="328">
        <v>134097</v>
      </c>
      <c r="AX19" s="326">
        <v>0</v>
      </c>
      <c r="AY19" s="327">
        <v>477696</v>
      </c>
      <c r="AZ19" s="327">
        <v>1197178</v>
      </c>
      <c r="BA19" s="327">
        <v>390271</v>
      </c>
      <c r="BB19" s="327">
        <v>170510</v>
      </c>
      <c r="BC19" s="327">
        <v>451430</v>
      </c>
      <c r="BD19" s="328">
        <v>2687085</v>
      </c>
      <c r="BE19" s="330">
        <v>2821182</v>
      </c>
      <c r="BF19" s="326">
        <v>0</v>
      </c>
      <c r="BG19" s="327">
        <v>0</v>
      </c>
      <c r="BH19" s="331">
        <v>0</v>
      </c>
      <c r="BI19" s="332">
        <v>0</v>
      </c>
      <c r="BJ19" s="327">
        <v>49373</v>
      </c>
      <c r="BK19" s="327">
        <v>104868</v>
      </c>
      <c r="BL19" s="327">
        <v>28564</v>
      </c>
      <c r="BM19" s="327">
        <v>0</v>
      </c>
      <c r="BN19" s="327">
        <v>110283</v>
      </c>
      <c r="BO19" s="328">
        <v>293088</v>
      </c>
      <c r="BP19" s="330">
        <v>293088</v>
      </c>
      <c r="BQ19" s="326">
        <v>62958</v>
      </c>
      <c r="BR19" s="327">
        <v>74403</v>
      </c>
      <c r="BS19" s="328">
        <v>137361</v>
      </c>
      <c r="BT19" s="326">
        <v>0</v>
      </c>
      <c r="BU19" s="327">
        <v>268744</v>
      </c>
      <c r="BV19" s="327">
        <v>443610</v>
      </c>
      <c r="BW19" s="327">
        <v>209937</v>
      </c>
      <c r="BX19" s="327">
        <v>193522</v>
      </c>
      <c r="BY19" s="327">
        <v>197036</v>
      </c>
      <c r="BZ19" s="328">
        <v>1312849</v>
      </c>
      <c r="CA19" s="330">
        <v>1450210</v>
      </c>
      <c r="CB19" s="326">
        <v>19094</v>
      </c>
      <c r="CC19" s="327">
        <v>0</v>
      </c>
      <c r="CD19" s="328">
        <v>19094</v>
      </c>
      <c r="CE19" s="326">
        <v>0</v>
      </c>
      <c r="CF19" s="327">
        <v>570977</v>
      </c>
      <c r="CG19" s="327">
        <v>549605</v>
      </c>
      <c r="CH19" s="327">
        <v>444307</v>
      </c>
      <c r="CI19" s="327">
        <v>522161</v>
      </c>
      <c r="CJ19" s="327">
        <v>87082</v>
      </c>
      <c r="CK19" s="328">
        <v>2174132</v>
      </c>
      <c r="CL19" s="330">
        <v>2193226</v>
      </c>
      <c r="CM19" s="326">
        <v>0</v>
      </c>
      <c r="CN19" s="327">
        <v>0</v>
      </c>
      <c r="CO19" s="328">
        <v>0</v>
      </c>
      <c r="CP19" s="332">
        <v>0</v>
      </c>
      <c r="CQ19" s="327">
        <v>509955</v>
      </c>
      <c r="CR19" s="327">
        <v>459883</v>
      </c>
      <c r="CS19" s="327">
        <v>316257</v>
      </c>
      <c r="CT19" s="327">
        <v>182597</v>
      </c>
      <c r="CU19" s="327">
        <v>87082</v>
      </c>
      <c r="CV19" s="328">
        <v>1555774</v>
      </c>
      <c r="CW19" s="330">
        <v>1555774</v>
      </c>
      <c r="CX19" s="326">
        <v>19094</v>
      </c>
      <c r="CY19" s="327">
        <v>0</v>
      </c>
      <c r="CZ19" s="328">
        <v>19094</v>
      </c>
      <c r="DA19" s="326">
        <v>0</v>
      </c>
      <c r="DB19" s="327">
        <v>61022</v>
      </c>
      <c r="DC19" s="327">
        <v>89722</v>
      </c>
      <c r="DD19" s="327">
        <v>128050</v>
      </c>
      <c r="DE19" s="327">
        <v>339564</v>
      </c>
      <c r="DF19" s="327">
        <v>0</v>
      </c>
      <c r="DG19" s="328">
        <v>618358</v>
      </c>
      <c r="DH19" s="330">
        <v>637452</v>
      </c>
      <c r="DI19" s="326">
        <v>0</v>
      </c>
      <c r="DJ19" s="327">
        <v>0</v>
      </c>
      <c r="DK19" s="331">
        <v>0</v>
      </c>
      <c r="DL19" s="332">
        <v>0</v>
      </c>
      <c r="DM19" s="327">
        <v>0</v>
      </c>
      <c r="DN19" s="327">
        <v>281912</v>
      </c>
      <c r="DO19" s="327">
        <v>133382</v>
      </c>
      <c r="DP19" s="327">
        <v>105157</v>
      </c>
      <c r="DQ19" s="327">
        <v>0</v>
      </c>
      <c r="DR19" s="328">
        <v>520451</v>
      </c>
      <c r="DS19" s="330">
        <v>520451</v>
      </c>
      <c r="DT19" s="326">
        <v>0</v>
      </c>
      <c r="DU19" s="327">
        <v>0</v>
      </c>
      <c r="DV19" s="328">
        <v>0</v>
      </c>
      <c r="DW19" s="326">
        <v>0</v>
      </c>
      <c r="DX19" s="327">
        <v>0</v>
      </c>
      <c r="DY19" s="327">
        <v>201758</v>
      </c>
      <c r="DZ19" s="327">
        <v>55199</v>
      </c>
      <c r="EA19" s="327">
        <v>0</v>
      </c>
      <c r="EB19" s="327">
        <v>0</v>
      </c>
      <c r="EC19" s="328">
        <v>256957</v>
      </c>
      <c r="ED19" s="330">
        <v>256957</v>
      </c>
      <c r="EE19" s="326">
        <v>0</v>
      </c>
      <c r="EF19" s="331">
        <v>0</v>
      </c>
      <c r="EG19" s="328">
        <v>0</v>
      </c>
      <c r="EH19" s="326">
        <v>0</v>
      </c>
      <c r="EI19" s="327">
        <v>0</v>
      </c>
      <c r="EJ19" s="327">
        <v>80154</v>
      </c>
      <c r="EK19" s="327">
        <v>78183</v>
      </c>
      <c r="EL19" s="327">
        <v>105157</v>
      </c>
      <c r="EM19" s="327">
        <v>0</v>
      </c>
      <c r="EN19" s="331">
        <v>263494</v>
      </c>
      <c r="EO19" s="330">
        <v>263494</v>
      </c>
      <c r="EP19" s="326">
        <v>0</v>
      </c>
      <c r="EQ19" s="327">
        <v>0</v>
      </c>
      <c r="ER19" s="331">
        <v>0</v>
      </c>
      <c r="ES19" s="332">
        <v>0</v>
      </c>
      <c r="ET19" s="327">
        <v>0</v>
      </c>
      <c r="EU19" s="327">
        <v>0</v>
      </c>
      <c r="EV19" s="327">
        <v>0</v>
      </c>
      <c r="EW19" s="327">
        <v>0</v>
      </c>
      <c r="EX19" s="327">
        <v>0</v>
      </c>
      <c r="EY19" s="328">
        <v>0</v>
      </c>
      <c r="EZ19" s="330">
        <v>0</v>
      </c>
      <c r="FA19" s="326">
        <v>0</v>
      </c>
      <c r="FB19" s="327">
        <v>0</v>
      </c>
      <c r="FC19" s="331">
        <v>0</v>
      </c>
      <c r="FD19" s="404">
        <v>0</v>
      </c>
      <c r="FE19" s="327">
        <v>0</v>
      </c>
      <c r="FF19" s="327">
        <v>0</v>
      </c>
      <c r="FG19" s="327">
        <v>0</v>
      </c>
      <c r="FH19" s="327">
        <v>0</v>
      </c>
      <c r="FI19" s="327">
        <v>0</v>
      </c>
      <c r="FJ19" s="328">
        <v>0</v>
      </c>
      <c r="FK19" s="330">
        <v>0</v>
      </c>
      <c r="FL19" s="326">
        <v>8778</v>
      </c>
      <c r="FM19" s="327">
        <v>118391</v>
      </c>
      <c r="FN19" s="328">
        <v>127169</v>
      </c>
      <c r="FO19" s="326">
        <v>0</v>
      </c>
      <c r="FP19" s="327">
        <v>139790</v>
      </c>
      <c r="FQ19" s="327">
        <v>545853</v>
      </c>
      <c r="FR19" s="327">
        <v>53824</v>
      </c>
      <c r="FS19" s="327">
        <v>156863</v>
      </c>
      <c r="FT19" s="327">
        <v>338086</v>
      </c>
      <c r="FU19" s="328">
        <v>1234416</v>
      </c>
      <c r="FV19" s="330">
        <v>1361585</v>
      </c>
      <c r="FW19" s="333">
        <v>8778</v>
      </c>
      <c r="FX19" s="327">
        <v>118391</v>
      </c>
      <c r="FY19" s="331">
        <v>127169</v>
      </c>
      <c r="FZ19" s="332">
        <v>0</v>
      </c>
      <c r="GA19" s="327">
        <v>108220</v>
      </c>
      <c r="GB19" s="327">
        <v>405853</v>
      </c>
      <c r="GC19" s="327">
        <v>53824</v>
      </c>
      <c r="GD19" s="327">
        <v>156863</v>
      </c>
      <c r="GE19" s="327">
        <v>301686</v>
      </c>
      <c r="GF19" s="328">
        <v>1026446</v>
      </c>
      <c r="GG19" s="334">
        <v>1153615</v>
      </c>
      <c r="GH19" s="333">
        <v>0</v>
      </c>
      <c r="GI19" s="327">
        <v>0</v>
      </c>
      <c r="GJ19" s="331">
        <v>0</v>
      </c>
      <c r="GK19" s="332">
        <v>0</v>
      </c>
      <c r="GL19" s="327">
        <v>0</v>
      </c>
      <c r="GM19" s="327">
        <v>0</v>
      </c>
      <c r="GN19" s="327">
        <v>0</v>
      </c>
      <c r="GO19" s="327">
        <v>0</v>
      </c>
      <c r="GP19" s="327">
        <v>36400</v>
      </c>
      <c r="GQ19" s="328">
        <v>36400</v>
      </c>
      <c r="GR19" s="330">
        <v>36400</v>
      </c>
      <c r="GS19" s="326">
        <v>0</v>
      </c>
      <c r="GT19" s="327">
        <v>0</v>
      </c>
      <c r="GU19" s="328">
        <v>0</v>
      </c>
      <c r="GV19" s="326">
        <v>0</v>
      </c>
      <c r="GW19" s="327">
        <v>31570</v>
      </c>
      <c r="GX19" s="327">
        <v>140000</v>
      </c>
      <c r="GY19" s="327">
        <v>0</v>
      </c>
      <c r="GZ19" s="327">
        <v>0</v>
      </c>
      <c r="HA19" s="327">
        <v>0</v>
      </c>
      <c r="HB19" s="331">
        <v>171570</v>
      </c>
      <c r="HC19" s="330">
        <v>171570</v>
      </c>
      <c r="HD19" s="326">
        <v>148576</v>
      </c>
      <c r="HE19" s="327">
        <v>213076</v>
      </c>
      <c r="HF19" s="331">
        <v>361652</v>
      </c>
      <c r="HG19" s="332">
        <v>0</v>
      </c>
      <c r="HH19" s="327">
        <v>862709</v>
      </c>
      <c r="HI19" s="327">
        <v>1161007</v>
      </c>
      <c r="HJ19" s="327">
        <v>1198231</v>
      </c>
      <c r="HK19" s="327">
        <v>1206752</v>
      </c>
      <c r="HL19" s="327">
        <v>425278</v>
      </c>
      <c r="HM19" s="328">
        <v>4853977</v>
      </c>
      <c r="HN19" s="329">
        <v>5215629</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904730</v>
      </c>
      <c r="IE19" s="339">
        <v>431571</v>
      </c>
      <c r="IF19" s="337">
        <v>1198917</v>
      </c>
      <c r="IG19" s="336">
        <v>37205</v>
      </c>
      <c r="IH19" s="337">
        <v>335970</v>
      </c>
      <c r="II19" s="340">
        <v>2908393</v>
      </c>
      <c r="IJ19" s="341">
        <v>2908393</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419189</v>
      </c>
      <c r="JL19" s="345">
        <v>360011</v>
      </c>
      <c r="JM19" s="345">
        <v>563096</v>
      </c>
      <c r="JN19" s="345">
        <v>37205</v>
      </c>
      <c r="JO19" s="345">
        <v>87162</v>
      </c>
      <c r="JP19" s="349">
        <v>1466663</v>
      </c>
      <c r="JQ19" s="347">
        <v>1466663</v>
      </c>
      <c r="JR19" s="348">
        <v>0</v>
      </c>
      <c r="JS19" s="345">
        <v>0</v>
      </c>
      <c r="JT19" s="346">
        <v>0</v>
      </c>
      <c r="JU19" s="351">
        <v>0</v>
      </c>
      <c r="JV19" s="345">
        <v>0</v>
      </c>
      <c r="JW19" s="345">
        <v>71560</v>
      </c>
      <c r="JX19" s="345">
        <v>431599</v>
      </c>
      <c r="JY19" s="345">
        <v>0</v>
      </c>
      <c r="JZ19" s="345">
        <v>0</v>
      </c>
      <c r="KA19" s="349">
        <v>503159</v>
      </c>
      <c r="KB19" s="347">
        <v>503159</v>
      </c>
      <c r="KC19" s="352">
        <v>0</v>
      </c>
      <c r="KD19" s="353">
        <v>0</v>
      </c>
      <c r="KE19" s="349">
        <v>0</v>
      </c>
      <c r="KF19" s="351">
        <v>0</v>
      </c>
      <c r="KG19" s="345">
        <v>121645</v>
      </c>
      <c r="KH19" s="345">
        <v>0</v>
      </c>
      <c r="KI19" s="345">
        <v>0</v>
      </c>
      <c r="KJ19" s="345">
        <v>0</v>
      </c>
      <c r="KK19" s="345">
        <v>0</v>
      </c>
      <c r="KL19" s="349">
        <v>121645</v>
      </c>
      <c r="KM19" s="354">
        <v>121645</v>
      </c>
      <c r="KN19" s="342">
        <v>0</v>
      </c>
      <c r="KO19" s="343">
        <v>0</v>
      </c>
      <c r="KP19" s="344">
        <v>0</v>
      </c>
      <c r="KQ19" s="404">
        <v>0</v>
      </c>
      <c r="KR19" s="345">
        <v>363896</v>
      </c>
      <c r="KS19" s="345">
        <v>0</v>
      </c>
      <c r="KT19" s="345">
        <v>0</v>
      </c>
      <c r="KU19" s="345">
        <v>0</v>
      </c>
      <c r="KV19" s="345">
        <v>248808</v>
      </c>
      <c r="KW19" s="349">
        <v>612704</v>
      </c>
      <c r="KX19" s="347">
        <v>612704</v>
      </c>
      <c r="KY19" s="348">
        <v>0</v>
      </c>
      <c r="KZ19" s="345">
        <v>0</v>
      </c>
      <c r="LA19" s="349">
        <v>0</v>
      </c>
      <c r="LB19" s="404">
        <v>0</v>
      </c>
      <c r="LC19" s="345">
        <v>0</v>
      </c>
      <c r="LD19" s="345">
        <v>0</v>
      </c>
      <c r="LE19" s="345">
        <v>204222</v>
      </c>
      <c r="LF19" s="345">
        <v>0</v>
      </c>
      <c r="LG19" s="345">
        <v>0</v>
      </c>
      <c r="LH19" s="349">
        <v>204222</v>
      </c>
      <c r="LI19" s="350">
        <v>204222</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0</v>
      </c>
      <c r="MK19" s="345">
        <v>299854</v>
      </c>
      <c r="ML19" s="345">
        <v>970232</v>
      </c>
      <c r="MM19" s="345">
        <v>1408283</v>
      </c>
      <c r="MN19" s="345">
        <v>1595936</v>
      </c>
      <c r="MO19" s="349">
        <v>4274305</v>
      </c>
      <c r="MP19" s="354">
        <v>4274305</v>
      </c>
      <c r="MQ19" s="348">
        <v>0</v>
      </c>
      <c r="MR19" s="345">
        <v>0</v>
      </c>
      <c r="MS19" s="349">
        <v>0</v>
      </c>
      <c r="MT19" s="404">
        <v>0</v>
      </c>
      <c r="MU19" s="345">
        <v>0</v>
      </c>
      <c r="MV19" s="345">
        <v>0</v>
      </c>
      <c r="MW19" s="345">
        <v>630897</v>
      </c>
      <c r="MX19" s="345">
        <v>782015</v>
      </c>
      <c r="MY19" s="345">
        <v>1001313</v>
      </c>
      <c r="MZ19" s="349">
        <v>2414225</v>
      </c>
      <c r="NA19" s="354">
        <v>2414225</v>
      </c>
      <c r="NB19" s="348">
        <v>0</v>
      </c>
      <c r="NC19" s="345">
        <v>0</v>
      </c>
      <c r="ND19" s="349">
        <v>0</v>
      </c>
      <c r="NE19" s="404">
        <v>0</v>
      </c>
      <c r="NF19" s="345">
        <v>0</v>
      </c>
      <c r="NG19" s="345">
        <v>299854</v>
      </c>
      <c r="NH19" s="345">
        <v>339335</v>
      </c>
      <c r="NI19" s="345">
        <v>626268</v>
      </c>
      <c r="NJ19" s="345">
        <v>594623</v>
      </c>
      <c r="NK19" s="349">
        <v>1860080</v>
      </c>
      <c r="NL19" s="347">
        <v>1860080</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275053</v>
      </c>
      <c r="OJ19" s="345">
        <v>504320</v>
      </c>
      <c r="OK19" s="346">
        <v>779373</v>
      </c>
      <c r="OL19" s="351">
        <v>0</v>
      </c>
      <c r="OM19" s="345">
        <v>3848992</v>
      </c>
      <c r="ON19" s="345">
        <v>6292419</v>
      </c>
      <c r="OO19" s="345">
        <v>5432584</v>
      </c>
      <c r="OP19" s="345">
        <v>4876504</v>
      </c>
      <c r="OQ19" s="345">
        <v>6075982</v>
      </c>
      <c r="OR19" s="349">
        <v>26526481</v>
      </c>
      <c r="OS19" s="354">
        <v>27305854</v>
      </c>
    </row>
    <row r="20" spans="2:409" s="70" customFormat="1" ht="21" customHeight="1" x14ac:dyDescent="0.2">
      <c r="B20" s="106" t="s">
        <v>15</v>
      </c>
      <c r="C20" s="326">
        <v>136649</v>
      </c>
      <c r="D20" s="327">
        <v>242566</v>
      </c>
      <c r="E20" s="328">
        <v>379215</v>
      </c>
      <c r="F20" s="329">
        <v>0</v>
      </c>
      <c r="G20" s="327">
        <v>1549180</v>
      </c>
      <c r="H20" s="327">
        <v>1014609</v>
      </c>
      <c r="I20" s="327">
        <v>802341</v>
      </c>
      <c r="J20" s="327">
        <v>500637</v>
      </c>
      <c r="K20" s="327">
        <v>976049</v>
      </c>
      <c r="L20" s="329">
        <v>4842816</v>
      </c>
      <c r="M20" s="330">
        <v>5222031</v>
      </c>
      <c r="N20" s="326">
        <v>0</v>
      </c>
      <c r="O20" s="327">
        <v>42824</v>
      </c>
      <c r="P20" s="328">
        <v>42824</v>
      </c>
      <c r="Q20" s="326">
        <v>0</v>
      </c>
      <c r="R20" s="327">
        <v>270937</v>
      </c>
      <c r="S20" s="327">
        <v>393616</v>
      </c>
      <c r="T20" s="327">
        <v>66289</v>
      </c>
      <c r="U20" s="327">
        <v>78661</v>
      </c>
      <c r="V20" s="327">
        <v>212078</v>
      </c>
      <c r="W20" s="328">
        <v>1021581</v>
      </c>
      <c r="X20" s="330">
        <v>1064405</v>
      </c>
      <c r="Y20" s="326">
        <v>0</v>
      </c>
      <c r="Z20" s="327">
        <v>0</v>
      </c>
      <c r="AA20" s="328">
        <v>0</v>
      </c>
      <c r="AB20" s="326">
        <v>0</v>
      </c>
      <c r="AC20" s="327">
        <v>119066</v>
      </c>
      <c r="AD20" s="327">
        <v>76963</v>
      </c>
      <c r="AE20" s="327">
        <v>0</v>
      </c>
      <c r="AF20" s="327">
        <v>1798</v>
      </c>
      <c r="AG20" s="327">
        <v>0</v>
      </c>
      <c r="AH20" s="328">
        <v>197827</v>
      </c>
      <c r="AI20" s="330">
        <v>197827</v>
      </c>
      <c r="AJ20" s="326">
        <v>0</v>
      </c>
      <c r="AK20" s="327">
        <v>0</v>
      </c>
      <c r="AL20" s="328">
        <v>0</v>
      </c>
      <c r="AM20" s="326">
        <v>0</v>
      </c>
      <c r="AN20" s="327">
        <v>0</v>
      </c>
      <c r="AO20" s="327">
        <v>33189</v>
      </c>
      <c r="AP20" s="327">
        <v>10509</v>
      </c>
      <c r="AQ20" s="327">
        <v>0</v>
      </c>
      <c r="AR20" s="327">
        <v>42037</v>
      </c>
      <c r="AS20" s="328">
        <v>85735</v>
      </c>
      <c r="AT20" s="330">
        <v>85735</v>
      </c>
      <c r="AU20" s="326">
        <v>0</v>
      </c>
      <c r="AV20" s="327">
        <v>36671</v>
      </c>
      <c r="AW20" s="328">
        <v>36671</v>
      </c>
      <c r="AX20" s="326">
        <v>0</v>
      </c>
      <c r="AY20" s="327">
        <v>86897</v>
      </c>
      <c r="AZ20" s="327">
        <v>197359</v>
      </c>
      <c r="BA20" s="327">
        <v>13976</v>
      </c>
      <c r="BB20" s="327">
        <v>40686</v>
      </c>
      <c r="BC20" s="327">
        <v>82214</v>
      </c>
      <c r="BD20" s="328">
        <v>421132</v>
      </c>
      <c r="BE20" s="330">
        <v>457803</v>
      </c>
      <c r="BF20" s="326">
        <v>0</v>
      </c>
      <c r="BG20" s="327">
        <v>0</v>
      </c>
      <c r="BH20" s="331">
        <v>0</v>
      </c>
      <c r="BI20" s="332">
        <v>0</v>
      </c>
      <c r="BJ20" s="327">
        <v>0</v>
      </c>
      <c r="BK20" s="327">
        <v>35145</v>
      </c>
      <c r="BL20" s="327">
        <v>0</v>
      </c>
      <c r="BM20" s="327">
        <v>22982</v>
      </c>
      <c r="BN20" s="327">
        <v>35145</v>
      </c>
      <c r="BO20" s="328">
        <v>93272</v>
      </c>
      <c r="BP20" s="330">
        <v>93272</v>
      </c>
      <c r="BQ20" s="326">
        <v>0</v>
      </c>
      <c r="BR20" s="327">
        <v>6153</v>
      </c>
      <c r="BS20" s="328">
        <v>6153</v>
      </c>
      <c r="BT20" s="326">
        <v>0</v>
      </c>
      <c r="BU20" s="327">
        <v>64974</v>
      </c>
      <c r="BV20" s="327">
        <v>50960</v>
      </c>
      <c r="BW20" s="327">
        <v>41804</v>
      </c>
      <c r="BX20" s="327">
        <v>13195</v>
      </c>
      <c r="BY20" s="327">
        <v>52682</v>
      </c>
      <c r="BZ20" s="328">
        <v>223615</v>
      </c>
      <c r="CA20" s="330">
        <v>229768</v>
      </c>
      <c r="CB20" s="326">
        <v>18759</v>
      </c>
      <c r="CC20" s="327">
        <v>0</v>
      </c>
      <c r="CD20" s="328">
        <v>18759</v>
      </c>
      <c r="CE20" s="326">
        <v>0</v>
      </c>
      <c r="CF20" s="327">
        <v>48442</v>
      </c>
      <c r="CG20" s="327">
        <v>195087</v>
      </c>
      <c r="CH20" s="327">
        <v>142874</v>
      </c>
      <c r="CI20" s="327">
        <v>124998</v>
      </c>
      <c r="CJ20" s="327">
        <v>105079</v>
      </c>
      <c r="CK20" s="328">
        <v>616480</v>
      </c>
      <c r="CL20" s="330">
        <v>635239</v>
      </c>
      <c r="CM20" s="326">
        <v>0</v>
      </c>
      <c r="CN20" s="327">
        <v>0</v>
      </c>
      <c r="CO20" s="328">
        <v>0</v>
      </c>
      <c r="CP20" s="332">
        <v>0</v>
      </c>
      <c r="CQ20" s="327">
        <v>48442</v>
      </c>
      <c r="CR20" s="327">
        <v>71861</v>
      </c>
      <c r="CS20" s="327">
        <v>0</v>
      </c>
      <c r="CT20" s="327">
        <v>40984</v>
      </c>
      <c r="CU20" s="327">
        <v>0</v>
      </c>
      <c r="CV20" s="328">
        <v>161287</v>
      </c>
      <c r="CW20" s="330">
        <v>161287</v>
      </c>
      <c r="CX20" s="326">
        <v>18759</v>
      </c>
      <c r="CY20" s="327">
        <v>0</v>
      </c>
      <c r="CZ20" s="328">
        <v>18759</v>
      </c>
      <c r="DA20" s="326">
        <v>0</v>
      </c>
      <c r="DB20" s="327">
        <v>0</v>
      </c>
      <c r="DC20" s="327">
        <v>123226</v>
      </c>
      <c r="DD20" s="327">
        <v>142874</v>
      </c>
      <c r="DE20" s="327">
        <v>84014</v>
      </c>
      <c r="DF20" s="327">
        <v>105079</v>
      </c>
      <c r="DG20" s="328">
        <v>455193</v>
      </c>
      <c r="DH20" s="330">
        <v>473952</v>
      </c>
      <c r="DI20" s="326">
        <v>0</v>
      </c>
      <c r="DJ20" s="327">
        <v>0</v>
      </c>
      <c r="DK20" s="331">
        <v>0</v>
      </c>
      <c r="DL20" s="332">
        <v>0</v>
      </c>
      <c r="DM20" s="327">
        <v>115630</v>
      </c>
      <c r="DN20" s="327">
        <v>154842</v>
      </c>
      <c r="DO20" s="327">
        <v>196107</v>
      </c>
      <c r="DP20" s="327">
        <v>28452</v>
      </c>
      <c r="DQ20" s="327">
        <v>36048</v>
      </c>
      <c r="DR20" s="328">
        <v>531079</v>
      </c>
      <c r="DS20" s="330">
        <v>531079</v>
      </c>
      <c r="DT20" s="326">
        <v>0</v>
      </c>
      <c r="DU20" s="327">
        <v>0</v>
      </c>
      <c r="DV20" s="328">
        <v>0</v>
      </c>
      <c r="DW20" s="326">
        <v>0</v>
      </c>
      <c r="DX20" s="327">
        <v>115630</v>
      </c>
      <c r="DY20" s="327">
        <v>49375</v>
      </c>
      <c r="DZ20" s="327">
        <v>0</v>
      </c>
      <c r="EA20" s="327">
        <v>28452</v>
      </c>
      <c r="EB20" s="327">
        <v>36048</v>
      </c>
      <c r="EC20" s="328">
        <v>229505</v>
      </c>
      <c r="ED20" s="330">
        <v>229505</v>
      </c>
      <c r="EE20" s="326">
        <v>0</v>
      </c>
      <c r="EF20" s="331">
        <v>0</v>
      </c>
      <c r="EG20" s="328">
        <v>0</v>
      </c>
      <c r="EH20" s="326">
        <v>0</v>
      </c>
      <c r="EI20" s="327">
        <v>0</v>
      </c>
      <c r="EJ20" s="327">
        <v>105467</v>
      </c>
      <c r="EK20" s="327">
        <v>196107</v>
      </c>
      <c r="EL20" s="327">
        <v>0</v>
      </c>
      <c r="EM20" s="327">
        <v>0</v>
      </c>
      <c r="EN20" s="331">
        <v>301574</v>
      </c>
      <c r="EO20" s="330">
        <v>301574</v>
      </c>
      <c r="EP20" s="326">
        <v>0</v>
      </c>
      <c r="EQ20" s="327">
        <v>0</v>
      </c>
      <c r="ER20" s="331">
        <v>0</v>
      </c>
      <c r="ES20" s="332">
        <v>0</v>
      </c>
      <c r="ET20" s="327">
        <v>0</v>
      </c>
      <c r="EU20" s="327">
        <v>0</v>
      </c>
      <c r="EV20" s="327">
        <v>0</v>
      </c>
      <c r="EW20" s="327">
        <v>0</v>
      </c>
      <c r="EX20" s="327">
        <v>0</v>
      </c>
      <c r="EY20" s="328">
        <v>0</v>
      </c>
      <c r="EZ20" s="330">
        <v>0</v>
      </c>
      <c r="FA20" s="326">
        <v>0</v>
      </c>
      <c r="FB20" s="327">
        <v>0</v>
      </c>
      <c r="FC20" s="331">
        <v>0</v>
      </c>
      <c r="FD20" s="404">
        <v>0</v>
      </c>
      <c r="FE20" s="327">
        <v>0</v>
      </c>
      <c r="FF20" s="327">
        <v>0</v>
      </c>
      <c r="FG20" s="327">
        <v>0</v>
      </c>
      <c r="FH20" s="327">
        <v>0</v>
      </c>
      <c r="FI20" s="327">
        <v>0</v>
      </c>
      <c r="FJ20" s="328">
        <v>0</v>
      </c>
      <c r="FK20" s="330">
        <v>0</v>
      </c>
      <c r="FL20" s="326">
        <v>9450</v>
      </c>
      <c r="FM20" s="327">
        <v>24220</v>
      </c>
      <c r="FN20" s="328">
        <v>33670</v>
      </c>
      <c r="FO20" s="326">
        <v>0</v>
      </c>
      <c r="FP20" s="327">
        <v>29295</v>
      </c>
      <c r="FQ20" s="327">
        <v>104713</v>
      </c>
      <c r="FR20" s="327">
        <v>31787</v>
      </c>
      <c r="FS20" s="327">
        <v>64680</v>
      </c>
      <c r="FT20" s="327">
        <v>32984</v>
      </c>
      <c r="FU20" s="328">
        <v>263459</v>
      </c>
      <c r="FV20" s="330">
        <v>297129</v>
      </c>
      <c r="FW20" s="333">
        <v>9450</v>
      </c>
      <c r="FX20" s="327">
        <v>24220</v>
      </c>
      <c r="FY20" s="331">
        <v>33670</v>
      </c>
      <c r="FZ20" s="332">
        <v>0</v>
      </c>
      <c r="GA20" s="327">
        <v>29295</v>
      </c>
      <c r="GB20" s="327">
        <v>104713</v>
      </c>
      <c r="GC20" s="327">
        <v>31787</v>
      </c>
      <c r="GD20" s="327">
        <v>64680</v>
      </c>
      <c r="GE20" s="327">
        <v>32984</v>
      </c>
      <c r="GF20" s="328">
        <v>263459</v>
      </c>
      <c r="GG20" s="334">
        <v>297129</v>
      </c>
      <c r="GH20" s="333">
        <v>0</v>
      </c>
      <c r="GI20" s="327">
        <v>0</v>
      </c>
      <c r="GJ20" s="331">
        <v>0</v>
      </c>
      <c r="GK20" s="332">
        <v>0</v>
      </c>
      <c r="GL20" s="327">
        <v>0</v>
      </c>
      <c r="GM20" s="327">
        <v>0</v>
      </c>
      <c r="GN20" s="327">
        <v>0</v>
      </c>
      <c r="GO20" s="327">
        <v>0</v>
      </c>
      <c r="GP20" s="327">
        <v>0</v>
      </c>
      <c r="GQ20" s="328">
        <v>0</v>
      </c>
      <c r="GR20" s="330">
        <v>0</v>
      </c>
      <c r="GS20" s="326">
        <v>0</v>
      </c>
      <c r="GT20" s="327">
        <v>0</v>
      </c>
      <c r="GU20" s="328">
        <v>0</v>
      </c>
      <c r="GV20" s="326">
        <v>0</v>
      </c>
      <c r="GW20" s="327">
        <v>0</v>
      </c>
      <c r="GX20" s="327">
        <v>0</v>
      </c>
      <c r="GY20" s="327">
        <v>0</v>
      </c>
      <c r="GZ20" s="327">
        <v>0</v>
      </c>
      <c r="HA20" s="327">
        <v>0</v>
      </c>
      <c r="HB20" s="331">
        <v>0</v>
      </c>
      <c r="HC20" s="330">
        <v>0</v>
      </c>
      <c r="HD20" s="326">
        <v>108440</v>
      </c>
      <c r="HE20" s="327">
        <v>175522</v>
      </c>
      <c r="HF20" s="331">
        <v>283962</v>
      </c>
      <c r="HG20" s="332">
        <v>0</v>
      </c>
      <c r="HH20" s="327">
        <v>1084876</v>
      </c>
      <c r="HI20" s="327">
        <v>166351</v>
      </c>
      <c r="HJ20" s="327">
        <v>365284</v>
      </c>
      <c r="HK20" s="327">
        <v>203846</v>
      </c>
      <c r="HL20" s="327">
        <v>589860</v>
      </c>
      <c r="HM20" s="328">
        <v>2410217</v>
      </c>
      <c r="HN20" s="329">
        <v>2694179</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140673</v>
      </c>
      <c r="IE20" s="357">
        <v>906095</v>
      </c>
      <c r="IF20" s="358">
        <v>19477</v>
      </c>
      <c r="IG20" s="356">
        <v>269635</v>
      </c>
      <c r="IH20" s="358">
        <v>148496</v>
      </c>
      <c r="II20" s="359">
        <v>1484376</v>
      </c>
      <c r="IJ20" s="358">
        <v>1484376</v>
      </c>
      <c r="IK20" s="342">
        <v>0</v>
      </c>
      <c r="IL20" s="343">
        <v>0</v>
      </c>
      <c r="IM20" s="344">
        <v>0</v>
      </c>
      <c r="IN20" s="404">
        <v>0</v>
      </c>
      <c r="IO20" s="345">
        <v>0</v>
      </c>
      <c r="IP20" s="345">
        <v>0</v>
      </c>
      <c r="IQ20" s="345">
        <v>0</v>
      </c>
      <c r="IR20" s="345">
        <v>0</v>
      </c>
      <c r="IS20" s="345">
        <v>0</v>
      </c>
      <c r="IT20" s="346">
        <v>0</v>
      </c>
      <c r="IU20" s="347">
        <v>0</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140673</v>
      </c>
      <c r="JL20" s="345">
        <v>256731</v>
      </c>
      <c r="JM20" s="345">
        <v>19477</v>
      </c>
      <c r="JN20" s="345">
        <v>0</v>
      </c>
      <c r="JO20" s="345">
        <v>148496</v>
      </c>
      <c r="JP20" s="349">
        <v>565377</v>
      </c>
      <c r="JQ20" s="347">
        <v>565377</v>
      </c>
      <c r="JR20" s="348">
        <v>0</v>
      </c>
      <c r="JS20" s="345">
        <v>0</v>
      </c>
      <c r="JT20" s="346">
        <v>0</v>
      </c>
      <c r="JU20" s="351">
        <v>0</v>
      </c>
      <c r="JV20" s="345">
        <v>0</v>
      </c>
      <c r="JW20" s="345">
        <v>0</v>
      </c>
      <c r="JX20" s="345">
        <v>0</v>
      </c>
      <c r="JY20" s="345">
        <v>0</v>
      </c>
      <c r="JZ20" s="345">
        <v>0</v>
      </c>
      <c r="KA20" s="349">
        <v>0</v>
      </c>
      <c r="KB20" s="347">
        <v>0</v>
      </c>
      <c r="KC20" s="352">
        <v>0</v>
      </c>
      <c r="KD20" s="353">
        <v>0</v>
      </c>
      <c r="KE20" s="349">
        <v>0</v>
      </c>
      <c r="KF20" s="351">
        <v>0</v>
      </c>
      <c r="KG20" s="345">
        <v>0</v>
      </c>
      <c r="KH20" s="345">
        <v>0</v>
      </c>
      <c r="KI20" s="345">
        <v>0</v>
      </c>
      <c r="KJ20" s="345">
        <v>0</v>
      </c>
      <c r="KK20" s="345">
        <v>0</v>
      </c>
      <c r="KL20" s="349">
        <v>0</v>
      </c>
      <c r="KM20" s="354">
        <v>0</v>
      </c>
      <c r="KN20" s="342">
        <v>0</v>
      </c>
      <c r="KO20" s="343">
        <v>0</v>
      </c>
      <c r="KP20" s="344">
        <v>0</v>
      </c>
      <c r="KQ20" s="404">
        <v>0</v>
      </c>
      <c r="KR20" s="345">
        <v>0</v>
      </c>
      <c r="KS20" s="345">
        <v>649364</v>
      </c>
      <c r="KT20" s="345">
        <v>0</v>
      </c>
      <c r="KU20" s="345">
        <v>0</v>
      </c>
      <c r="KV20" s="345">
        <v>0</v>
      </c>
      <c r="KW20" s="349">
        <v>649364</v>
      </c>
      <c r="KX20" s="347">
        <v>649364</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269635</v>
      </c>
      <c r="LR20" s="345">
        <v>0</v>
      </c>
      <c r="LS20" s="349">
        <v>269635</v>
      </c>
      <c r="LT20" s="347">
        <v>269635</v>
      </c>
      <c r="LU20" s="348">
        <v>0</v>
      </c>
      <c r="LV20" s="345">
        <v>0</v>
      </c>
      <c r="LW20" s="349">
        <v>0</v>
      </c>
      <c r="LX20" s="404">
        <v>0</v>
      </c>
      <c r="LY20" s="345">
        <v>0</v>
      </c>
      <c r="LZ20" s="345">
        <v>0</v>
      </c>
      <c r="MA20" s="345">
        <v>0</v>
      </c>
      <c r="MB20" s="345">
        <v>0</v>
      </c>
      <c r="MC20" s="345">
        <v>0</v>
      </c>
      <c r="MD20" s="349">
        <v>0</v>
      </c>
      <c r="ME20" s="350">
        <v>0</v>
      </c>
      <c r="MF20" s="348">
        <v>0</v>
      </c>
      <c r="MG20" s="345">
        <v>0</v>
      </c>
      <c r="MH20" s="349">
        <v>0</v>
      </c>
      <c r="MI20" s="404">
        <v>0</v>
      </c>
      <c r="MJ20" s="345">
        <v>0</v>
      </c>
      <c r="MK20" s="345">
        <v>51874</v>
      </c>
      <c r="ML20" s="345">
        <v>583044</v>
      </c>
      <c r="MM20" s="345">
        <v>270108</v>
      </c>
      <c r="MN20" s="345">
        <v>481570</v>
      </c>
      <c r="MO20" s="349">
        <v>1386596</v>
      </c>
      <c r="MP20" s="354">
        <v>1386596</v>
      </c>
      <c r="MQ20" s="348">
        <v>0</v>
      </c>
      <c r="MR20" s="345">
        <v>0</v>
      </c>
      <c r="MS20" s="349">
        <v>0</v>
      </c>
      <c r="MT20" s="404">
        <v>0</v>
      </c>
      <c r="MU20" s="345">
        <v>0</v>
      </c>
      <c r="MV20" s="345">
        <v>0</v>
      </c>
      <c r="MW20" s="345">
        <v>242234</v>
      </c>
      <c r="MX20" s="345">
        <v>270108</v>
      </c>
      <c r="MY20" s="345">
        <v>481570</v>
      </c>
      <c r="MZ20" s="349">
        <v>993912</v>
      </c>
      <c r="NA20" s="354">
        <v>993912</v>
      </c>
      <c r="NB20" s="348">
        <v>0</v>
      </c>
      <c r="NC20" s="345">
        <v>0</v>
      </c>
      <c r="ND20" s="349">
        <v>0</v>
      </c>
      <c r="NE20" s="404">
        <v>0</v>
      </c>
      <c r="NF20" s="345">
        <v>0</v>
      </c>
      <c r="NG20" s="345">
        <v>51874</v>
      </c>
      <c r="NH20" s="345">
        <v>340810</v>
      </c>
      <c r="NI20" s="345">
        <v>0</v>
      </c>
      <c r="NJ20" s="345">
        <v>0</v>
      </c>
      <c r="NK20" s="349">
        <v>392684</v>
      </c>
      <c r="NL20" s="347">
        <v>392684</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136649</v>
      </c>
      <c r="OJ20" s="345">
        <v>242566</v>
      </c>
      <c r="OK20" s="346">
        <v>379215</v>
      </c>
      <c r="OL20" s="351">
        <v>0</v>
      </c>
      <c r="OM20" s="345">
        <v>1689853</v>
      </c>
      <c r="ON20" s="345">
        <v>1972578</v>
      </c>
      <c r="OO20" s="345">
        <v>1404862</v>
      </c>
      <c r="OP20" s="345">
        <v>1040380</v>
      </c>
      <c r="OQ20" s="345">
        <v>1606115</v>
      </c>
      <c r="OR20" s="349">
        <v>7713788</v>
      </c>
      <c r="OS20" s="354">
        <v>8093003</v>
      </c>
    </row>
    <row r="21" spans="2:409" s="70" customFormat="1" ht="21" customHeight="1" x14ac:dyDescent="0.2">
      <c r="B21" s="106" t="s">
        <v>16</v>
      </c>
      <c r="C21" s="326">
        <v>461980</v>
      </c>
      <c r="D21" s="327">
        <v>404262</v>
      </c>
      <c r="E21" s="328">
        <v>866242</v>
      </c>
      <c r="F21" s="329">
        <v>0</v>
      </c>
      <c r="G21" s="327">
        <v>3286993</v>
      </c>
      <c r="H21" s="327">
        <v>6465936</v>
      </c>
      <c r="I21" s="327">
        <v>4078489</v>
      </c>
      <c r="J21" s="327">
        <v>4497230</v>
      </c>
      <c r="K21" s="327">
        <v>2839829</v>
      </c>
      <c r="L21" s="329">
        <v>21168477</v>
      </c>
      <c r="M21" s="330">
        <v>22034719</v>
      </c>
      <c r="N21" s="326">
        <v>141020</v>
      </c>
      <c r="O21" s="327">
        <v>117920</v>
      </c>
      <c r="P21" s="328">
        <v>258940</v>
      </c>
      <c r="Q21" s="326">
        <v>0</v>
      </c>
      <c r="R21" s="327">
        <v>490595</v>
      </c>
      <c r="S21" s="327">
        <v>2073945</v>
      </c>
      <c r="T21" s="327">
        <v>870035</v>
      </c>
      <c r="U21" s="327">
        <v>1403031</v>
      </c>
      <c r="V21" s="327">
        <v>674678</v>
      </c>
      <c r="W21" s="328">
        <v>5512284</v>
      </c>
      <c r="X21" s="330">
        <v>5771224</v>
      </c>
      <c r="Y21" s="326">
        <v>0</v>
      </c>
      <c r="Z21" s="327">
        <v>0</v>
      </c>
      <c r="AA21" s="328">
        <v>0</v>
      </c>
      <c r="AB21" s="326">
        <v>0</v>
      </c>
      <c r="AC21" s="327">
        <v>72392</v>
      </c>
      <c r="AD21" s="327">
        <v>1123601</v>
      </c>
      <c r="AE21" s="327">
        <v>290671</v>
      </c>
      <c r="AF21" s="327">
        <v>579154</v>
      </c>
      <c r="AG21" s="327">
        <v>152488</v>
      </c>
      <c r="AH21" s="328">
        <v>2218306</v>
      </c>
      <c r="AI21" s="330">
        <v>2218306</v>
      </c>
      <c r="AJ21" s="326">
        <v>0</v>
      </c>
      <c r="AK21" s="327">
        <v>0</v>
      </c>
      <c r="AL21" s="328">
        <v>0</v>
      </c>
      <c r="AM21" s="326">
        <v>0</v>
      </c>
      <c r="AN21" s="327">
        <v>0</v>
      </c>
      <c r="AO21" s="327">
        <v>0</v>
      </c>
      <c r="AP21" s="327">
        <v>0</v>
      </c>
      <c r="AQ21" s="327">
        <v>90918</v>
      </c>
      <c r="AR21" s="327">
        <v>70714</v>
      </c>
      <c r="AS21" s="328">
        <v>161632</v>
      </c>
      <c r="AT21" s="330">
        <v>161632</v>
      </c>
      <c r="AU21" s="326">
        <v>62084</v>
      </c>
      <c r="AV21" s="327">
        <v>117920</v>
      </c>
      <c r="AW21" s="328">
        <v>180004</v>
      </c>
      <c r="AX21" s="326">
        <v>0</v>
      </c>
      <c r="AY21" s="327">
        <v>282578</v>
      </c>
      <c r="AZ21" s="327">
        <v>678611</v>
      </c>
      <c r="BA21" s="327">
        <v>385163</v>
      </c>
      <c r="BB21" s="327">
        <v>532284</v>
      </c>
      <c r="BC21" s="327">
        <v>197293</v>
      </c>
      <c r="BD21" s="328">
        <v>2075929</v>
      </c>
      <c r="BE21" s="330">
        <v>2255933</v>
      </c>
      <c r="BF21" s="326">
        <v>54520</v>
      </c>
      <c r="BG21" s="327">
        <v>0</v>
      </c>
      <c r="BH21" s="331">
        <v>54520</v>
      </c>
      <c r="BI21" s="332">
        <v>0</v>
      </c>
      <c r="BJ21" s="327">
        <v>0</v>
      </c>
      <c r="BK21" s="327">
        <v>0</v>
      </c>
      <c r="BL21" s="327">
        <v>0</v>
      </c>
      <c r="BM21" s="327">
        <v>20803</v>
      </c>
      <c r="BN21" s="327">
        <v>107827</v>
      </c>
      <c r="BO21" s="328">
        <v>128630</v>
      </c>
      <c r="BP21" s="330">
        <v>183150</v>
      </c>
      <c r="BQ21" s="326">
        <v>24416</v>
      </c>
      <c r="BR21" s="327">
        <v>0</v>
      </c>
      <c r="BS21" s="328">
        <v>24416</v>
      </c>
      <c r="BT21" s="326">
        <v>0</v>
      </c>
      <c r="BU21" s="327">
        <v>135625</v>
      </c>
      <c r="BV21" s="327">
        <v>271733</v>
      </c>
      <c r="BW21" s="327">
        <v>194201</v>
      </c>
      <c r="BX21" s="327">
        <v>179872</v>
      </c>
      <c r="BY21" s="327">
        <v>146356</v>
      </c>
      <c r="BZ21" s="328">
        <v>927787</v>
      </c>
      <c r="CA21" s="330">
        <v>952203</v>
      </c>
      <c r="CB21" s="326">
        <v>74945</v>
      </c>
      <c r="CC21" s="327">
        <v>203590</v>
      </c>
      <c r="CD21" s="328">
        <v>278535</v>
      </c>
      <c r="CE21" s="326">
        <v>0</v>
      </c>
      <c r="CF21" s="327">
        <v>1494488</v>
      </c>
      <c r="CG21" s="327">
        <v>2108674</v>
      </c>
      <c r="CH21" s="327">
        <v>972519</v>
      </c>
      <c r="CI21" s="327">
        <v>627173</v>
      </c>
      <c r="CJ21" s="327">
        <v>195368</v>
      </c>
      <c r="CK21" s="328">
        <v>5398222</v>
      </c>
      <c r="CL21" s="330">
        <v>5676757</v>
      </c>
      <c r="CM21" s="326">
        <v>0</v>
      </c>
      <c r="CN21" s="327">
        <v>0</v>
      </c>
      <c r="CO21" s="328">
        <v>0</v>
      </c>
      <c r="CP21" s="332">
        <v>0</v>
      </c>
      <c r="CQ21" s="327">
        <v>973837</v>
      </c>
      <c r="CR21" s="327">
        <v>1329916</v>
      </c>
      <c r="CS21" s="327">
        <v>426887</v>
      </c>
      <c r="CT21" s="327">
        <v>540600</v>
      </c>
      <c r="CU21" s="327">
        <v>81422</v>
      </c>
      <c r="CV21" s="328">
        <v>3352662</v>
      </c>
      <c r="CW21" s="330">
        <v>3352662</v>
      </c>
      <c r="CX21" s="326">
        <v>74945</v>
      </c>
      <c r="CY21" s="327">
        <v>203590</v>
      </c>
      <c r="CZ21" s="328">
        <v>278535</v>
      </c>
      <c r="DA21" s="326">
        <v>0</v>
      </c>
      <c r="DB21" s="327">
        <v>520651</v>
      </c>
      <c r="DC21" s="327">
        <v>778758</v>
      </c>
      <c r="DD21" s="327">
        <v>545632</v>
      </c>
      <c r="DE21" s="327">
        <v>86573</v>
      </c>
      <c r="DF21" s="327">
        <v>113946</v>
      </c>
      <c r="DG21" s="328">
        <v>2045560</v>
      </c>
      <c r="DH21" s="330">
        <v>2324095</v>
      </c>
      <c r="DI21" s="326">
        <v>0</v>
      </c>
      <c r="DJ21" s="327">
        <v>23196</v>
      </c>
      <c r="DK21" s="331">
        <v>23196</v>
      </c>
      <c r="DL21" s="332">
        <v>0</v>
      </c>
      <c r="DM21" s="327">
        <v>37974</v>
      </c>
      <c r="DN21" s="327">
        <v>372893</v>
      </c>
      <c r="DO21" s="327">
        <v>16529</v>
      </c>
      <c r="DP21" s="327">
        <v>138508</v>
      </c>
      <c r="DQ21" s="327">
        <v>221898</v>
      </c>
      <c r="DR21" s="328">
        <v>787802</v>
      </c>
      <c r="DS21" s="330">
        <v>810998</v>
      </c>
      <c r="DT21" s="326">
        <v>0</v>
      </c>
      <c r="DU21" s="327">
        <v>23196</v>
      </c>
      <c r="DV21" s="328">
        <v>23196</v>
      </c>
      <c r="DW21" s="326">
        <v>0</v>
      </c>
      <c r="DX21" s="327">
        <v>37974</v>
      </c>
      <c r="DY21" s="327">
        <v>344447</v>
      </c>
      <c r="DZ21" s="327">
        <v>16529</v>
      </c>
      <c r="EA21" s="327">
        <v>138508</v>
      </c>
      <c r="EB21" s="327">
        <v>221898</v>
      </c>
      <c r="EC21" s="328">
        <v>759356</v>
      </c>
      <c r="ED21" s="330">
        <v>782552</v>
      </c>
      <c r="EE21" s="326">
        <v>0</v>
      </c>
      <c r="EF21" s="331">
        <v>0</v>
      </c>
      <c r="EG21" s="328">
        <v>0</v>
      </c>
      <c r="EH21" s="326">
        <v>0</v>
      </c>
      <c r="EI21" s="327">
        <v>0</v>
      </c>
      <c r="EJ21" s="327">
        <v>28446</v>
      </c>
      <c r="EK21" s="327">
        <v>0</v>
      </c>
      <c r="EL21" s="327">
        <v>0</v>
      </c>
      <c r="EM21" s="327">
        <v>0</v>
      </c>
      <c r="EN21" s="331">
        <v>28446</v>
      </c>
      <c r="EO21" s="330">
        <v>28446</v>
      </c>
      <c r="EP21" s="326">
        <v>0</v>
      </c>
      <c r="EQ21" s="327">
        <v>0</v>
      </c>
      <c r="ER21" s="331">
        <v>0</v>
      </c>
      <c r="ES21" s="332">
        <v>0</v>
      </c>
      <c r="ET21" s="327">
        <v>0</v>
      </c>
      <c r="EU21" s="327">
        <v>0</v>
      </c>
      <c r="EV21" s="327">
        <v>0</v>
      </c>
      <c r="EW21" s="327">
        <v>0</v>
      </c>
      <c r="EX21" s="327">
        <v>0</v>
      </c>
      <c r="EY21" s="328">
        <v>0</v>
      </c>
      <c r="EZ21" s="330">
        <v>0</v>
      </c>
      <c r="FA21" s="326">
        <v>0</v>
      </c>
      <c r="FB21" s="327">
        <v>0</v>
      </c>
      <c r="FC21" s="331">
        <v>0</v>
      </c>
      <c r="FD21" s="404">
        <v>0</v>
      </c>
      <c r="FE21" s="327">
        <v>0</v>
      </c>
      <c r="FF21" s="327">
        <v>0</v>
      </c>
      <c r="FG21" s="327">
        <v>0</v>
      </c>
      <c r="FH21" s="327">
        <v>0</v>
      </c>
      <c r="FI21" s="327">
        <v>0</v>
      </c>
      <c r="FJ21" s="328">
        <v>0</v>
      </c>
      <c r="FK21" s="330">
        <v>0</v>
      </c>
      <c r="FL21" s="326">
        <v>63156</v>
      </c>
      <c r="FM21" s="327">
        <v>59556</v>
      </c>
      <c r="FN21" s="328">
        <v>122712</v>
      </c>
      <c r="FO21" s="326">
        <v>0</v>
      </c>
      <c r="FP21" s="327">
        <v>108696</v>
      </c>
      <c r="FQ21" s="327">
        <v>453278</v>
      </c>
      <c r="FR21" s="327">
        <v>133490</v>
      </c>
      <c r="FS21" s="327">
        <v>323904</v>
      </c>
      <c r="FT21" s="327">
        <v>211834</v>
      </c>
      <c r="FU21" s="328">
        <v>1231202</v>
      </c>
      <c r="FV21" s="330">
        <v>1353914</v>
      </c>
      <c r="FW21" s="333">
        <v>42028</v>
      </c>
      <c r="FX21" s="327">
        <v>59556</v>
      </c>
      <c r="FY21" s="331">
        <v>101584</v>
      </c>
      <c r="FZ21" s="332">
        <v>0</v>
      </c>
      <c r="GA21" s="327">
        <v>88676</v>
      </c>
      <c r="GB21" s="327">
        <v>387982</v>
      </c>
      <c r="GC21" s="327">
        <v>128450</v>
      </c>
      <c r="GD21" s="327">
        <v>246134</v>
      </c>
      <c r="GE21" s="327">
        <v>211834</v>
      </c>
      <c r="GF21" s="328">
        <v>1063076</v>
      </c>
      <c r="GG21" s="334">
        <v>1164660</v>
      </c>
      <c r="GH21" s="333">
        <v>21128</v>
      </c>
      <c r="GI21" s="327">
        <v>0</v>
      </c>
      <c r="GJ21" s="331">
        <v>21128</v>
      </c>
      <c r="GK21" s="332">
        <v>0</v>
      </c>
      <c r="GL21" s="327">
        <v>20020</v>
      </c>
      <c r="GM21" s="327">
        <v>65296</v>
      </c>
      <c r="GN21" s="327">
        <v>5040</v>
      </c>
      <c r="GO21" s="327">
        <v>21560</v>
      </c>
      <c r="GP21" s="327">
        <v>0</v>
      </c>
      <c r="GQ21" s="328">
        <v>111916</v>
      </c>
      <c r="GR21" s="330">
        <v>133044</v>
      </c>
      <c r="GS21" s="326">
        <v>0</v>
      </c>
      <c r="GT21" s="327">
        <v>0</v>
      </c>
      <c r="GU21" s="328">
        <v>0</v>
      </c>
      <c r="GV21" s="326">
        <v>0</v>
      </c>
      <c r="GW21" s="327">
        <v>0</v>
      </c>
      <c r="GX21" s="327">
        <v>0</v>
      </c>
      <c r="GY21" s="327">
        <v>0</v>
      </c>
      <c r="GZ21" s="327">
        <v>56210</v>
      </c>
      <c r="HA21" s="327">
        <v>0</v>
      </c>
      <c r="HB21" s="331">
        <v>56210</v>
      </c>
      <c r="HC21" s="330">
        <v>56210</v>
      </c>
      <c r="HD21" s="326">
        <v>182859</v>
      </c>
      <c r="HE21" s="327">
        <v>0</v>
      </c>
      <c r="HF21" s="331">
        <v>182859</v>
      </c>
      <c r="HG21" s="332">
        <v>0</v>
      </c>
      <c r="HH21" s="327">
        <v>1155240</v>
      </c>
      <c r="HI21" s="327">
        <v>1457146</v>
      </c>
      <c r="HJ21" s="327">
        <v>2085916</v>
      </c>
      <c r="HK21" s="327">
        <v>2004614</v>
      </c>
      <c r="HL21" s="327">
        <v>1536051</v>
      </c>
      <c r="HM21" s="328">
        <v>8238967</v>
      </c>
      <c r="HN21" s="329">
        <v>8421826</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1163193</v>
      </c>
      <c r="IE21" s="339">
        <v>1005683</v>
      </c>
      <c r="IF21" s="337">
        <v>689819</v>
      </c>
      <c r="IG21" s="336">
        <v>412874</v>
      </c>
      <c r="IH21" s="337">
        <v>634604</v>
      </c>
      <c r="II21" s="340">
        <v>3906173</v>
      </c>
      <c r="IJ21" s="341">
        <v>3906173</v>
      </c>
      <c r="IK21" s="342">
        <v>0</v>
      </c>
      <c r="IL21" s="343">
        <v>0</v>
      </c>
      <c r="IM21" s="344">
        <v>0</v>
      </c>
      <c r="IN21" s="404">
        <v>0</v>
      </c>
      <c r="IO21" s="345">
        <v>0</v>
      </c>
      <c r="IP21" s="345">
        <v>0</v>
      </c>
      <c r="IQ21" s="345">
        <v>157936</v>
      </c>
      <c r="IR21" s="345">
        <v>164906</v>
      </c>
      <c r="IS21" s="345">
        <v>251738</v>
      </c>
      <c r="IT21" s="346">
        <v>574580</v>
      </c>
      <c r="IU21" s="347">
        <v>574580</v>
      </c>
      <c r="IV21" s="348">
        <v>0</v>
      </c>
      <c r="IW21" s="345">
        <v>0</v>
      </c>
      <c r="IX21" s="349">
        <v>0</v>
      </c>
      <c r="IY21" s="404">
        <v>0</v>
      </c>
      <c r="IZ21" s="345">
        <v>0</v>
      </c>
      <c r="JA21" s="345">
        <v>0</v>
      </c>
      <c r="JB21" s="345">
        <v>0</v>
      </c>
      <c r="JC21" s="345">
        <v>0</v>
      </c>
      <c r="JD21" s="345">
        <v>0</v>
      </c>
      <c r="JE21" s="349">
        <v>0</v>
      </c>
      <c r="JF21" s="350">
        <v>0</v>
      </c>
      <c r="JG21" s="348">
        <v>0</v>
      </c>
      <c r="JH21" s="345">
        <v>0</v>
      </c>
      <c r="JI21" s="346">
        <v>0</v>
      </c>
      <c r="JJ21" s="351">
        <v>0</v>
      </c>
      <c r="JK21" s="345">
        <v>236418</v>
      </c>
      <c r="JL21" s="345">
        <v>361951</v>
      </c>
      <c r="JM21" s="345">
        <v>306516</v>
      </c>
      <c r="JN21" s="345">
        <v>63312</v>
      </c>
      <c r="JO21" s="345">
        <v>0</v>
      </c>
      <c r="JP21" s="349">
        <v>968197</v>
      </c>
      <c r="JQ21" s="347">
        <v>968197</v>
      </c>
      <c r="JR21" s="348">
        <v>0</v>
      </c>
      <c r="JS21" s="345">
        <v>0</v>
      </c>
      <c r="JT21" s="346">
        <v>0</v>
      </c>
      <c r="JU21" s="351">
        <v>0</v>
      </c>
      <c r="JV21" s="345">
        <v>34911</v>
      </c>
      <c r="JW21" s="345">
        <v>0</v>
      </c>
      <c r="JX21" s="345">
        <v>0</v>
      </c>
      <c r="JY21" s="345">
        <v>0</v>
      </c>
      <c r="JZ21" s="345">
        <v>126477</v>
      </c>
      <c r="KA21" s="349">
        <v>161388</v>
      </c>
      <c r="KB21" s="347">
        <v>161388</v>
      </c>
      <c r="KC21" s="352">
        <v>0</v>
      </c>
      <c r="KD21" s="353">
        <v>0</v>
      </c>
      <c r="KE21" s="349">
        <v>0</v>
      </c>
      <c r="KF21" s="351">
        <v>0</v>
      </c>
      <c r="KG21" s="345">
        <v>312687</v>
      </c>
      <c r="KH21" s="345">
        <v>162596</v>
      </c>
      <c r="KI21" s="345">
        <v>0</v>
      </c>
      <c r="KJ21" s="345">
        <v>0</v>
      </c>
      <c r="KK21" s="345">
        <v>256389</v>
      </c>
      <c r="KL21" s="349">
        <v>731672</v>
      </c>
      <c r="KM21" s="354">
        <v>731672</v>
      </c>
      <c r="KN21" s="342">
        <v>0</v>
      </c>
      <c r="KO21" s="343">
        <v>0</v>
      </c>
      <c r="KP21" s="344">
        <v>0</v>
      </c>
      <c r="KQ21" s="404">
        <v>0</v>
      </c>
      <c r="KR21" s="345">
        <v>219307</v>
      </c>
      <c r="KS21" s="345">
        <v>445250</v>
      </c>
      <c r="KT21" s="345">
        <v>225367</v>
      </c>
      <c r="KU21" s="345">
        <v>184656</v>
      </c>
      <c r="KV21" s="345">
        <v>0</v>
      </c>
      <c r="KW21" s="349">
        <v>1074580</v>
      </c>
      <c r="KX21" s="347">
        <v>1074580</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0</v>
      </c>
      <c r="LR21" s="345">
        <v>0</v>
      </c>
      <c r="LS21" s="349">
        <v>0</v>
      </c>
      <c r="LT21" s="347">
        <v>0</v>
      </c>
      <c r="LU21" s="348">
        <v>0</v>
      </c>
      <c r="LV21" s="345">
        <v>0</v>
      </c>
      <c r="LW21" s="349">
        <v>0</v>
      </c>
      <c r="LX21" s="404">
        <v>0</v>
      </c>
      <c r="LY21" s="345">
        <v>359870</v>
      </c>
      <c r="LZ21" s="345">
        <v>35886</v>
      </c>
      <c r="MA21" s="345">
        <v>0</v>
      </c>
      <c r="MB21" s="345">
        <v>0</v>
      </c>
      <c r="MC21" s="345">
        <v>0</v>
      </c>
      <c r="MD21" s="349">
        <v>395756</v>
      </c>
      <c r="ME21" s="350">
        <v>395756</v>
      </c>
      <c r="MF21" s="348">
        <v>0</v>
      </c>
      <c r="MG21" s="345">
        <v>0</v>
      </c>
      <c r="MH21" s="349">
        <v>0</v>
      </c>
      <c r="MI21" s="404">
        <v>0</v>
      </c>
      <c r="MJ21" s="345">
        <v>0</v>
      </c>
      <c r="MK21" s="345">
        <v>240112</v>
      </c>
      <c r="ML21" s="345">
        <v>2784344</v>
      </c>
      <c r="MM21" s="345">
        <v>3914770</v>
      </c>
      <c r="MN21" s="345">
        <v>1504465</v>
      </c>
      <c r="MO21" s="349">
        <v>8443691</v>
      </c>
      <c r="MP21" s="354">
        <v>8443691</v>
      </c>
      <c r="MQ21" s="348">
        <v>0</v>
      </c>
      <c r="MR21" s="345">
        <v>0</v>
      </c>
      <c r="MS21" s="349">
        <v>0</v>
      </c>
      <c r="MT21" s="404">
        <v>0</v>
      </c>
      <c r="MU21" s="345">
        <v>0</v>
      </c>
      <c r="MV21" s="345">
        <v>0</v>
      </c>
      <c r="MW21" s="345">
        <v>1177818</v>
      </c>
      <c r="MX21" s="345">
        <v>1740779</v>
      </c>
      <c r="MY21" s="345">
        <v>845409</v>
      </c>
      <c r="MZ21" s="349">
        <v>3764006</v>
      </c>
      <c r="NA21" s="354">
        <v>3764006</v>
      </c>
      <c r="NB21" s="348">
        <v>0</v>
      </c>
      <c r="NC21" s="345">
        <v>0</v>
      </c>
      <c r="ND21" s="349">
        <v>0</v>
      </c>
      <c r="NE21" s="404">
        <v>0</v>
      </c>
      <c r="NF21" s="345">
        <v>0</v>
      </c>
      <c r="NG21" s="345">
        <v>240112</v>
      </c>
      <c r="NH21" s="345">
        <v>1606526</v>
      </c>
      <c r="NI21" s="345">
        <v>2173991</v>
      </c>
      <c r="NJ21" s="345">
        <v>544616</v>
      </c>
      <c r="NK21" s="349">
        <v>4565245</v>
      </c>
      <c r="NL21" s="347">
        <v>4565245</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114440</v>
      </c>
      <c r="OG21" s="349">
        <v>114440</v>
      </c>
      <c r="OH21" s="350">
        <v>114440</v>
      </c>
      <c r="OI21" s="348">
        <v>461980</v>
      </c>
      <c r="OJ21" s="345">
        <v>404262</v>
      </c>
      <c r="OK21" s="346">
        <v>866242</v>
      </c>
      <c r="OL21" s="351">
        <v>0</v>
      </c>
      <c r="OM21" s="345">
        <v>4450186</v>
      </c>
      <c r="ON21" s="345">
        <v>7711731</v>
      </c>
      <c r="OO21" s="345">
        <v>7552652</v>
      </c>
      <c r="OP21" s="345">
        <v>8824874</v>
      </c>
      <c r="OQ21" s="345">
        <v>4978898</v>
      </c>
      <c r="OR21" s="349">
        <v>33518341</v>
      </c>
      <c r="OS21" s="354">
        <v>34384583</v>
      </c>
    </row>
    <row r="22" spans="2:409" s="70" customFormat="1" ht="21" customHeight="1" x14ac:dyDescent="0.2">
      <c r="B22" s="106" t="s">
        <v>17</v>
      </c>
      <c r="C22" s="326">
        <v>476465</v>
      </c>
      <c r="D22" s="327">
        <v>1014057</v>
      </c>
      <c r="E22" s="328">
        <v>1490522</v>
      </c>
      <c r="F22" s="329">
        <v>0</v>
      </c>
      <c r="G22" s="327">
        <v>4528882</v>
      </c>
      <c r="H22" s="327">
        <v>7912677</v>
      </c>
      <c r="I22" s="327">
        <v>8596513</v>
      </c>
      <c r="J22" s="327">
        <v>6845662</v>
      </c>
      <c r="K22" s="327">
        <v>3429282</v>
      </c>
      <c r="L22" s="329">
        <v>31313016</v>
      </c>
      <c r="M22" s="330">
        <v>32803538</v>
      </c>
      <c r="N22" s="326">
        <v>142218</v>
      </c>
      <c r="O22" s="327">
        <v>354413</v>
      </c>
      <c r="P22" s="328">
        <v>496631</v>
      </c>
      <c r="Q22" s="326">
        <v>0</v>
      </c>
      <c r="R22" s="327">
        <v>890662</v>
      </c>
      <c r="S22" s="327">
        <v>3079685</v>
      </c>
      <c r="T22" s="327">
        <v>3350379</v>
      </c>
      <c r="U22" s="327">
        <v>1919957</v>
      </c>
      <c r="V22" s="327">
        <v>1089787</v>
      </c>
      <c r="W22" s="328">
        <v>10330470</v>
      </c>
      <c r="X22" s="330">
        <v>10827101</v>
      </c>
      <c r="Y22" s="326">
        <v>0</v>
      </c>
      <c r="Z22" s="327">
        <v>0</v>
      </c>
      <c r="AA22" s="328">
        <v>0</v>
      </c>
      <c r="AB22" s="326">
        <v>0</v>
      </c>
      <c r="AC22" s="327">
        <v>258924</v>
      </c>
      <c r="AD22" s="327">
        <v>1512898</v>
      </c>
      <c r="AE22" s="327">
        <v>1854987</v>
      </c>
      <c r="AF22" s="327">
        <v>839736</v>
      </c>
      <c r="AG22" s="327">
        <v>469106</v>
      </c>
      <c r="AH22" s="328">
        <v>4935651</v>
      </c>
      <c r="AI22" s="330">
        <v>4935651</v>
      </c>
      <c r="AJ22" s="326">
        <v>0</v>
      </c>
      <c r="AK22" s="327">
        <v>0</v>
      </c>
      <c r="AL22" s="328">
        <v>0</v>
      </c>
      <c r="AM22" s="326">
        <v>0</v>
      </c>
      <c r="AN22" s="327">
        <v>0</v>
      </c>
      <c r="AO22" s="327">
        <v>0</v>
      </c>
      <c r="AP22" s="327">
        <v>31459</v>
      </c>
      <c r="AQ22" s="327">
        <v>256667</v>
      </c>
      <c r="AR22" s="327">
        <v>246396</v>
      </c>
      <c r="AS22" s="328">
        <v>534522</v>
      </c>
      <c r="AT22" s="330">
        <v>534522</v>
      </c>
      <c r="AU22" s="326">
        <v>53425</v>
      </c>
      <c r="AV22" s="327">
        <v>289481</v>
      </c>
      <c r="AW22" s="328">
        <v>342906</v>
      </c>
      <c r="AX22" s="326">
        <v>0</v>
      </c>
      <c r="AY22" s="327">
        <v>190725</v>
      </c>
      <c r="AZ22" s="327">
        <v>1099319</v>
      </c>
      <c r="BA22" s="327">
        <v>763053</v>
      </c>
      <c r="BB22" s="327">
        <v>444219</v>
      </c>
      <c r="BC22" s="327">
        <v>139197</v>
      </c>
      <c r="BD22" s="328">
        <v>2636513</v>
      </c>
      <c r="BE22" s="330">
        <v>2979419</v>
      </c>
      <c r="BF22" s="326">
        <v>39177</v>
      </c>
      <c r="BG22" s="327">
        <v>0</v>
      </c>
      <c r="BH22" s="331">
        <v>39177</v>
      </c>
      <c r="BI22" s="332">
        <v>0</v>
      </c>
      <c r="BJ22" s="327">
        <v>81759</v>
      </c>
      <c r="BK22" s="327">
        <v>160630</v>
      </c>
      <c r="BL22" s="327">
        <v>229920</v>
      </c>
      <c r="BM22" s="327">
        <v>37889</v>
      </c>
      <c r="BN22" s="327">
        <v>0</v>
      </c>
      <c r="BO22" s="328">
        <v>510198</v>
      </c>
      <c r="BP22" s="330">
        <v>549375</v>
      </c>
      <c r="BQ22" s="326">
        <v>49616</v>
      </c>
      <c r="BR22" s="327">
        <v>64932</v>
      </c>
      <c r="BS22" s="328">
        <v>114548</v>
      </c>
      <c r="BT22" s="326">
        <v>0</v>
      </c>
      <c r="BU22" s="327">
        <v>359254</v>
      </c>
      <c r="BV22" s="327">
        <v>306838</v>
      </c>
      <c r="BW22" s="327">
        <v>470960</v>
      </c>
      <c r="BX22" s="327">
        <v>341446</v>
      </c>
      <c r="BY22" s="327">
        <v>235088</v>
      </c>
      <c r="BZ22" s="328">
        <v>1713586</v>
      </c>
      <c r="CA22" s="330">
        <v>1828134</v>
      </c>
      <c r="CB22" s="326">
        <v>94010</v>
      </c>
      <c r="CC22" s="327">
        <v>209007</v>
      </c>
      <c r="CD22" s="328">
        <v>303017</v>
      </c>
      <c r="CE22" s="326">
        <v>0</v>
      </c>
      <c r="CF22" s="327">
        <v>970421</v>
      </c>
      <c r="CG22" s="327">
        <v>2631372</v>
      </c>
      <c r="CH22" s="327">
        <v>1833607</v>
      </c>
      <c r="CI22" s="327">
        <v>1235977</v>
      </c>
      <c r="CJ22" s="327">
        <v>123549</v>
      </c>
      <c r="CK22" s="328">
        <v>6794926</v>
      </c>
      <c r="CL22" s="330">
        <v>7097943</v>
      </c>
      <c r="CM22" s="326">
        <v>0</v>
      </c>
      <c r="CN22" s="327">
        <v>0</v>
      </c>
      <c r="CO22" s="328">
        <v>0</v>
      </c>
      <c r="CP22" s="332">
        <v>0</v>
      </c>
      <c r="CQ22" s="327">
        <v>633012</v>
      </c>
      <c r="CR22" s="327">
        <v>1906930</v>
      </c>
      <c r="CS22" s="327">
        <v>985969</v>
      </c>
      <c r="CT22" s="327">
        <v>769779</v>
      </c>
      <c r="CU22" s="327">
        <v>113709</v>
      </c>
      <c r="CV22" s="328">
        <v>4409399</v>
      </c>
      <c r="CW22" s="330">
        <v>4409399</v>
      </c>
      <c r="CX22" s="326">
        <v>94010</v>
      </c>
      <c r="CY22" s="327">
        <v>209007</v>
      </c>
      <c r="CZ22" s="328">
        <v>303017</v>
      </c>
      <c r="DA22" s="326">
        <v>0</v>
      </c>
      <c r="DB22" s="327">
        <v>337409</v>
      </c>
      <c r="DC22" s="327">
        <v>724442</v>
      </c>
      <c r="DD22" s="327">
        <v>847638</v>
      </c>
      <c r="DE22" s="327">
        <v>466198</v>
      </c>
      <c r="DF22" s="327">
        <v>9840</v>
      </c>
      <c r="DG22" s="328">
        <v>2385527</v>
      </c>
      <c r="DH22" s="330">
        <v>2688544</v>
      </c>
      <c r="DI22" s="326">
        <v>0</v>
      </c>
      <c r="DJ22" s="327">
        <v>16685</v>
      </c>
      <c r="DK22" s="331">
        <v>16685</v>
      </c>
      <c r="DL22" s="332">
        <v>0</v>
      </c>
      <c r="DM22" s="327">
        <v>85041</v>
      </c>
      <c r="DN22" s="327">
        <v>501057</v>
      </c>
      <c r="DO22" s="327">
        <v>997482</v>
      </c>
      <c r="DP22" s="327">
        <v>890717</v>
      </c>
      <c r="DQ22" s="327">
        <v>0</v>
      </c>
      <c r="DR22" s="328">
        <v>2474297</v>
      </c>
      <c r="DS22" s="330">
        <v>2490982</v>
      </c>
      <c r="DT22" s="326">
        <v>0</v>
      </c>
      <c r="DU22" s="327">
        <v>16685</v>
      </c>
      <c r="DV22" s="328">
        <v>16685</v>
      </c>
      <c r="DW22" s="326">
        <v>0</v>
      </c>
      <c r="DX22" s="327">
        <v>18110</v>
      </c>
      <c r="DY22" s="327">
        <v>405609</v>
      </c>
      <c r="DZ22" s="327">
        <v>924412</v>
      </c>
      <c r="EA22" s="327">
        <v>601667</v>
      </c>
      <c r="EB22" s="327">
        <v>0</v>
      </c>
      <c r="EC22" s="328">
        <v>1949798</v>
      </c>
      <c r="ED22" s="330">
        <v>1966483</v>
      </c>
      <c r="EE22" s="326">
        <v>0</v>
      </c>
      <c r="EF22" s="331">
        <v>0</v>
      </c>
      <c r="EG22" s="328">
        <v>0</v>
      </c>
      <c r="EH22" s="326">
        <v>0</v>
      </c>
      <c r="EI22" s="327">
        <v>66931</v>
      </c>
      <c r="EJ22" s="327">
        <v>95448</v>
      </c>
      <c r="EK22" s="327">
        <v>73070</v>
      </c>
      <c r="EL22" s="327">
        <v>289050</v>
      </c>
      <c r="EM22" s="327">
        <v>0</v>
      </c>
      <c r="EN22" s="331">
        <v>524499</v>
      </c>
      <c r="EO22" s="330">
        <v>524499</v>
      </c>
      <c r="EP22" s="326">
        <v>0</v>
      </c>
      <c r="EQ22" s="327">
        <v>0</v>
      </c>
      <c r="ER22" s="331">
        <v>0</v>
      </c>
      <c r="ES22" s="332">
        <v>0</v>
      </c>
      <c r="ET22" s="327">
        <v>0</v>
      </c>
      <c r="EU22" s="327">
        <v>0</v>
      </c>
      <c r="EV22" s="327">
        <v>0</v>
      </c>
      <c r="EW22" s="327">
        <v>0</v>
      </c>
      <c r="EX22" s="327">
        <v>0</v>
      </c>
      <c r="EY22" s="328">
        <v>0</v>
      </c>
      <c r="EZ22" s="330">
        <v>0</v>
      </c>
      <c r="FA22" s="326">
        <v>0</v>
      </c>
      <c r="FB22" s="327">
        <v>0</v>
      </c>
      <c r="FC22" s="331">
        <v>0</v>
      </c>
      <c r="FD22" s="404">
        <v>0</v>
      </c>
      <c r="FE22" s="327">
        <v>0</v>
      </c>
      <c r="FF22" s="327">
        <v>0</v>
      </c>
      <c r="FG22" s="327">
        <v>0</v>
      </c>
      <c r="FH22" s="327">
        <v>0</v>
      </c>
      <c r="FI22" s="327">
        <v>0</v>
      </c>
      <c r="FJ22" s="328">
        <v>0</v>
      </c>
      <c r="FK22" s="330">
        <v>0</v>
      </c>
      <c r="FL22" s="326">
        <v>142268</v>
      </c>
      <c r="FM22" s="327">
        <v>147098</v>
      </c>
      <c r="FN22" s="328">
        <v>289366</v>
      </c>
      <c r="FO22" s="326">
        <v>0</v>
      </c>
      <c r="FP22" s="327">
        <v>378105</v>
      </c>
      <c r="FQ22" s="327">
        <v>847674</v>
      </c>
      <c r="FR22" s="327">
        <v>758247</v>
      </c>
      <c r="FS22" s="327">
        <v>497399</v>
      </c>
      <c r="FT22" s="327">
        <v>163611</v>
      </c>
      <c r="FU22" s="328">
        <v>2645036</v>
      </c>
      <c r="FV22" s="330">
        <v>2934402</v>
      </c>
      <c r="FW22" s="333">
        <v>46522</v>
      </c>
      <c r="FX22" s="327">
        <v>133238</v>
      </c>
      <c r="FY22" s="331">
        <v>179760</v>
      </c>
      <c r="FZ22" s="332">
        <v>0</v>
      </c>
      <c r="GA22" s="327">
        <v>137354</v>
      </c>
      <c r="GB22" s="327">
        <v>684754</v>
      </c>
      <c r="GC22" s="327">
        <v>627207</v>
      </c>
      <c r="GD22" s="327">
        <v>497399</v>
      </c>
      <c r="GE22" s="327">
        <v>163611</v>
      </c>
      <c r="GF22" s="328">
        <v>2110325</v>
      </c>
      <c r="GG22" s="334">
        <v>2290085</v>
      </c>
      <c r="GH22" s="333">
        <v>0</v>
      </c>
      <c r="GI22" s="327">
        <v>13860</v>
      </c>
      <c r="GJ22" s="331">
        <v>13860</v>
      </c>
      <c r="GK22" s="332">
        <v>0</v>
      </c>
      <c r="GL22" s="327">
        <v>0</v>
      </c>
      <c r="GM22" s="327">
        <v>36220</v>
      </c>
      <c r="GN22" s="327">
        <v>21840</v>
      </c>
      <c r="GO22" s="327">
        <v>0</v>
      </c>
      <c r="GP22" s="327">
        <v>0</v>
      </c>
      <c r="GQ22" s="328">
        <v>58060</v>
      </c>
      <c r="GR22" s="330">
        <v>71920</v>
      </c>
      <c r="GS22" s="326">
        <v>95746</v>
      </c>
      <c r="GT22" s="327">
        <v>0</v>
      </c>
      <c r="GU22" s="328">
        <v>95746</v>
      </c>
      <c r="GV22" s="326">
        <v>0</v>
      </c>
      <c r="GW22" s="327">
        <v>240751</v>
      </c>
      <c r="GX22" s="327">
        <v>126700</v>
      </c>
      <c r="GY22" s="327">
        <v>109200</v>
      </c>
      <c r="GZ22" s="327">
        <v>0</v>
      </c>
      <c r="HA22" s="327">
        <v>0</v>
      </c>
      <c r="HB22" s="331">
        <v>476651</v>
      </c>
      <c r="HC22" s="330">
        <v>572397</v>
      </c>
      <c r="HD22" s="326">
        <v>97969</v>
      </c>
      <c r="HE22" s="327">
        <v>286854</v>
      </c>
      <c r="HF22" s="331">
        <v>384823</v>
      </c>
      <c r="HG22" s="332">
        <v>0</v>
      </c>
      <c r="HH22" s="327">
        <v>2204653</v>
      </c>
      <c r="HI22" s="327">
        <v>852889</v>
      </c>
      <c r="HJ22" s="327">
        <v>1656798</v>
      </c>
      <c r="HK22" s="327">
        <v>2301612</v>
      </c>
      <c r="HL22" s="327">
        <v>2052335</v>
      </c>
      <c r="HM22" s="328">
        <v>9068287</v>
      </c>
      <c r="HN22" s="329">
        <v>9453110</v>
      </c>
      <c r="HO22" s="333">
        <v>0</v>
      </c>
      <c r="HP22" s="327">
        <v>0</v>
      </c>
      <c r="HQ22" s="328">
        <v>0</v>
      </c>
      <c r="HR22" s="326">
        <v>0</v>
      </c>
      <c r="HS22" s="327">
        <v>0</v>
      </c>
      <c r="HT22" s="327">
        <v>0</v>
      </c>
      <c r="HU22" s="327">
        <v>0</v>
      </c>
      <c r="HV22" s="327">
        <v>0</v>
      </c>
      <c r="HW22" s="327">
        <v>0</v>
      </c>
      <c r="HX22" s="331">
        <v>0</v>
      </c>
      <c r="HY22" s="330">
        <v>0</v>
      </c>
      <c r="HZ22" s="358">
        <v>0</v>
      </c>
      <c r="IA22" s="356">
        <v>0</v>
      </c>
      <c r="IB22" s="358">
        <v>0</v>
      </c>
      <c r="IC22" s="355">
        <v>0</v>
      </c>
      <c r="ID22" s="356">
        <v>1576678</v>
      </c>
      <c r="IE22" s="357">
        <v>1397725</v>
      </c>
      <c r="IF22" s="358">
        <v>2373035</v>
      </c>
      <c r="IG22" s="356">
        <v>1314459</v>
      </c>
      <c r="IH22" s="358">
        <v>1490899</v>
      </c>
      <c r="II22" s="359">
        <v>8152796</v>
      </c>
      <c r="IJ22" s="358">
        <v>8152796</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960066</v>
      </c>
      <c r="JL22" s="345">
        <v>679417</v>
      </c>
      <c r="JM22" s="345">
        <v>754094</v>
      </c>
      <c r="JN22" s="345">
        <v>74900</v>
      </c>
      <c r="JO22" s="345">
        <v>462253</v>
      </c>
      <c r="JP22" s="349">
        <v>2930730</v>
      </c>
      <c r="JQ22" s="347">
        <v>2930730</v>
      </c>
      <c r="JR22" s="348">
        <v>0</v>
      </c>
      <c r="JS22" s="345">
        <v>0</v>
      </c>
      <c r="JT22" s="346">
        <v>0</v>
      </c>
      <c r="JU22" s="351">
        <v>0</v>
      </c>
      <c r="JV22" s="345">
        <v>180131</v>
      </c>
      <c r="JW22" s="345">
        <v>116003</v>
      </c>
      <c r="JX22" s="345">
        <v>0</v>
      </c>
      <c r="JY22" s="345">
        <v>0</v>
      </c>
      <c r="JZ22" s="345">
        <v>0</v>
      </c>
      <c r="KA22" s="349">
        <v>296134</v>
      </c>
      <c r="KB22" s="347">
        <v>296134</v>
      </c>
      <c r="KC22" s="352">
        <v>0</v>
      </c>
      <c r="KD22" s="353">
        <v>0</v>
      </c>
      <c r="KE22" s="349">
        <v>0</v>
      </c>
      <c r="KF22" s="351">
        <v>0</v>
      </c>
      <c r="KG22" s="345">
        <v>220455</v>
      </c>
      <c r="KH22" s="345">
        <v>0</v>
      </c>
      <c r="KI22" s="345">
        <v>456170</v>
      </c>
      <c r="KJ22" s="345">
        <v>488896</v>
      </c>
      <c r="KK22" s="345">
        <v>271399</v>
      </c>
      <c r="KL22" s="349">
        <v>1436920</v>
      </c>
      <c r="KM22" s="354">
        <v>1436920</v>
      </c>
      <c r="KN22" s="342">
        <v>0</v>
      </c>
      <c r="KO22" s="343">
        <v>0</v>
      </c>
      <c r="KP22" s="344">
        <v>0</v>
      </c>
      <c r="KQ22" s="404">
        <v>0</v>
      </c>
      <c r="KR22" s="345">
        <v>216026</v>
      </c>
      <c r="KS22" s="345">
        <v>454188</v>
      </c>
      <c r="KT22" s="345">
        <v>935813</v>
      </c>
      <c r="KU22" s="345">
        <v>237034</v>
      </c>
      <c r="KV22" s="345">
        <v>493585</v>
      </c>
      <c r="KW22" s="349">
        <v>2336646</v>
      </c>
      <c r="KX22" s="347">
        <v>2336646</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226958</v>
      </c>
      <c r="LQ22" s="345">
        <v>244739</v>
      </c>
      <c r="LR22" s="345">
        <v>263662</v>
      </c>
      <c r="LS22" s="349">
        <v>735359</v>
      </c>
      <c r="LT22" s="347">
        <v>735359</v>
      </c>
      <c r="LU22" s="348">
        <v>0</v>
      </c>
      <c r="LV22" s="345">
        <v>0</v>
      </c>
      <c r="LW22" s="349">
        <v>0</v>
      </c>
      <c r="LX22" s="404">
        <v>0</v>
      </c>
      <c r="LY22" s="345">
        <v>0</v>
      </c>
      <c r="LZ22" s="345">
        <v>148117</v>
      </c>
      <c r="MA22" s="345">
        <v>0</v>
      </c>
      <c r="MB22" s="345">
        <v>268890</v>
      </c>
      <c r="MC22" s="345">
        <v>0</v>
      </c>
      <c r="MD22" s="349">
        <v>417007</v>
      </c>
      <c r="ME22" s="350">
        <v>417007</v>
      </c>
      <c r="MF22" s="348">
        <v>0</v>
      </c>
      <c r="MG22" s="345">
        <v>0</v>
      </c>
      <c r="MH22" s="349">
        <v>0</v>
      </c>
      <c r="MI22" s="404">
        <v>0</v>
      </c>
      <c r="MJ22" s="345">
        <v>297155</v>
      </c>
      <c r="MK22" s="345">
        <v>2398679</v>
      </c>
      <c r="ML22" s="345">
        <v>3324679</v>
      </c>
      <c r="MM22" s="345">
        <v>2668511</v>
      </c>
      <c r="MN22" s="345">
        <v>3409115</v>
      </c>
      <c r="MO22" s="349">
        <v>12098139</v>
      </c>
      <c r="MP22" s="354">
        <v>12098139</v>
      </c>
      <c r="MQ22" s="348">
        <v>0</v>
      </c>
      <c r="MR22" s="345">
        <v>0</v>
      </c>
      <c r="MS22" s="349">
        <v>0</v>
      </c>
      <c r="MT22" s="404">
        <v>0</v>
      </c>
      <c r="MU22" s="345">
        <v>0</v>
      </c>
      <c r="MV22" s="345">
        <v>224892</v>
      </c>
      <c r="MW22" s="345">
        <v>1296385</v>
      </c>
      <c r="MX22" s="345">
        <v>1445770</v>
      </c>
      <c r="MY22" s="345">
        <v>2064892</v>
      </c>
      <c r="MZ22" s="349">
        <v>5031939</v>
      </c>
      <c r="NA22" s="354">
        <v>5031939</v>
      </c>
      <c r="NB22" s="348">
        <v>0</v>
      </c>
      <c r="NC22" s="345">
        <v>0</v>
      </c>
      <c r="ND22" s="349">
        <v>0</v>
      </c>
      <c r="NE22" s="404">
        <v>0</v>
      </c>
      <c r="NF22" s="345">
        <v>297155</v>
      </c>
      <c r="NG22" s="345">
        <v>2173787</v>
      </c>
      <c r="NH22" s="345">
        <v>2028294</v>
      </c>
      <c r="NI22" s="345">
        <v>1222741</v>
      </c>
      <c r="NJ22" s="345">
        <v>987901</v>
      </c>
      <c r="NK22" s="349">
        <v>6709878</v>
      </c>
      <c r="NL22" s="347">
        <v>6709878</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356322</v>
      </c>
      <c r="OG22" s="349">
        <v>356322</v>
      </c>
      <c r="OH22" s="350">
        <v>356322</v>
      </c>
      <c r="OI22" s="348">
        <v>476465</v>
      </c>
      <c r="OJ22" s="345">
        <v>1014057</v>
      </c>
      <c r="OK22" s="346">
        <v>1490522</v>
      </c>
      <c r="OL22" s="351">
        <v>0</v>
      </c>
      <c r="OM22" s="345">
        <v>6402715</v>
      </c>
      <c r="ON22" s="345">
        <v>11709081</v>
      </c>
      <c r="OO22" s="345">
        <v>14294227</v>
      </c>
      <c r="OP22" s="345">
        <v>10828632</v>
      </c>
      <c r="OQ22" s="345">
        <v>8329296</v>
      </c>
      <c r="OR22" s="349">
        <v>51563951</v>
      </c>
      <c r="OS22" s="354">
        <v>53054473</v>
      </c>
    </row>
    <row r="23" spans="2:409" s="70" customFormat="1" ht="21" customHeight="1" x14ac:dyDescent="0.2">
      <c r="B23" s="106" t="s">
        <v>18</v>
      </c>
      <c r="C23" s="326">
        <v>453152</v>
      </c>
      <c r="D23" s="327">
        <v>939972</v>
      </c>
      <c r="E23" s="328">
        <v>1393124</v>
      </c>
      <c r="F23" s="329">
        <v>0</v>
      </c>
      <c r="G23" s="327">
        <v>7528543</v>
      </c>
      <c r="H23" s="327">
        <v>8050660</v>
      </c>
      <c r="I23" s="327">
        <v>9225985</v>
      </c>
      <c r="J23" s="327">
        <v>7446779</v>
      </c>
      <c r="K23" s="327">
        <v>7652643</v>
      </c>
      <c r="L23" s="329">
        <v>39904610</v>
      </c>
      <c r="M23" s="330">
        <v>41297734</v>
      </c>
      <c r="N23" s="326">
        <v>194881</v>
      </c>
      <c r="O23" s="327">
        <v>100505</v>
      </c>
      <c r="P23" s="328">
        <v>295386</v>
      </c>
      <c r="Q23" s="326">
        <v>0</v>
      </c>
      <c r="R23" s="327">
        <v>2457413</v>
      </c>
      <c r="S23" s="327">
        <v>2594782</v>
      </c>
      <c r="T23" s="327">
        <v>2911540</v>
      </c>
      <c r="U23" s="327">
        <v>2174829</v>
      </c>
      <c r="V23" s="327">
        <v>2739471</v>
      </c>
      <c r="W23" s="328">
        <v>12878035</v>
      </c>
      <c r="X23" s="330">
        <v>13173421</v>
      </c>
      <c r="Y23" s="326">
        <v>0</v>
      </c>
      <c r="Z23" s="327">
        <v>0</v>
      </c>
      <c r="AA23" s="328">
        <v>0</v>
      </c>
      <c r="AB23" s="326">
        <v>0</v>
      </c>
      <c r="AC23" s="327">
        <v>966960</v>
      </c>
      <c r="AD23" s="327">
        <v>1227679</v>
      </c>
      <c r="AE23" s="327">
        <v>1742032</v>
      </c>
      <c r="AF23" s="327">
        <v>1077315</v>
      </c>
      <c r="AG23" s="327">
        <v>1967289</v>
      </c>
      <c r="AH23" s="328">
        <v>6981275</v>
      </c>
      <c r="AI23" s="330">
        <v>6981275</v>
      </c>
      <c r="AJ23" s="326">
        <v>0</v>
      </c>
      <c r="AK23" s="327">
        <v>0</v>
      </c>
      <c r="AL23" s="328">
        <v>0</v>
      </c>
      <c r="AM23" s="326">
        <v>0</v>
      </c>
      <c r="AN23" s="327">
        <v>0</v>
      </c>
      <c r="AO23" s="327">
        <v>0</v>
      </c>
      <c r="AP23" s="327">
        <v>43171</v>
      </c>
      <c r="AQ23" s="327">
        <v>92791</v>
      </c>
      <c r="AR23" s="327">
        <v>51867</v>
      </c>
      <c r="AS23" s="328">
        <v>187829</v>
      </c>
      <c r="AT23" s="330">
        <v>187829</v>
      </c>
      <c r="AU23" s="326">
        <v>127663</v>
      </c>
      <c r="AV23" s="327">
        <v>25051</v>
      </c>
      <c r="AW23" s="328">
        <v>152714</v>
      </c>
      <c r="AX23" s="326">
        <v>0</v>
      </c>
      <c r="AY23" s="327">
        <v>971894</v>
      </c>
      <c r="AZ23" s="327">
        <v>898234</v>
      </c>
      <c r="BA23" s="327">
        <v>577047</v>
      </c>
      <c r="BB23" s="327">
        <v>507421</v>
      </c>
      <c r="BC23" s="327">
        <v>244272</v>
      </c>
      <c r="BD23" s="328">
        <v>3198868</v>
      </c>
      <c r="BE23" s="330">
        <v>3351582</v>
      </c>
      <c r="BF23" s="326">
        <v>26940</v>
      </c>
      <c r="BG23" s="327">
        <v>22450</v>
      </c>
      <c r="BH23" s="331">
        <v>49390</v>
      </c>
      <c r="BI23" s="332">
        <v>0</v>
      </c>
      <c r="BJ23" s="327">
        <v>49573</v>
      </c>
      <c r="BK23" s="327">
        <v>179252</v>
      </c>
      <c r="BL23" s="327">
        <v>67676</v>
      </c>
      <c r="BM23" s="327">
        <v>67306</v>
      </c>
      <c r="BN23" s="327">
        <v>26755</v>
      </c>
      <c r="BO23" s="328">
        <v>390562</v>
      </c>
      <c r="BP23" s="330">
        <v>439952</v>
      </c>
      <c r="BQ23" s="326">
        <v>40278</v>
      </c>
      <c r="BR23" s="327">
        <v>53004</v>
      </c>
      <c r="BS23" s="328">
        <v>93282</v>
      </c>
      <c r="BT23" s="326">
        <v>0</v>
      </c>
      <c r="BU23" s="327">
        <v>468986</v>
      </c>
      <c r="BV23" s="327">
        <v>289617</v>
      </c>
      <c r="BW23" s="327">
        <v>481614</v>
      </c>
      <c r="BX23" s="327">
        <v>429996</v>
      </c>
      <c r="BY23" s="327">
        <v>449288</v>
      </c>
      <c r="BZ23" s="328">
        <v>2119501</v>
      </c>
      <c r="CA23" s="330">
        <v>2212783</v>
      </c>
      <c r="CB23" s="326">
        <v>98622</v>
      </c>
      <c r="CC23" s="327">
        <v>348773</v>
      </c>
      <c r="CD23" s="328">
        <v>447395</v>
      </c>
      <c r="CE23" s="326">
        <v>0</v>
      </c>
      <c r="CF23" s="327">
        <v>2267600</v>
      </c>
      <c r="CG23" s="327">
        <v>2606732</v>
      </c>
      <c r="CH23" s="327">
        <v>2294389</v>
      </c>
      <c r="CI23" s="327">
        <v>1879830</v>
      </c>
      <c r="CJ23" s="327">
        <v>613615</v>
      </c>
      <c r="CK23" s="328">
        <v>9662166</v>
      </c>
      <c r="CL23" s="330">
        <v>10109561</v>
      </c>
      <c r="CM23" s="326">
        <v>0</v>
      </c>
      <c r="CN23" s="327">
        <v>0</v>
      </c>
      <c r="CO23" s="328">
        <v>0</v>
      </c>
      <c r="CP23" s="332">
        <v>0</v>
      </c>
      <c r="CQ23" s="327">
        <v>1562475</v>
      </c>
      <c r="CR23" s="327">
        <v>2059878</v>
      </c>
      <c r="CS23" s="327">
        <v>1835408</v>
      </c>
      <c r="CT23" s="327">
        <v>1061729</v>
      </c>
      <c r="CU23" s="327">
        <v>488619</v>
      </c>
      <c r="CV23" s="328">
        <v>7008109</v>
      </c>
      <c r="CW23" s="330">
        <v>7008109</v>
      </c>
      <c r="CX23" s="326">
        <v>98622</v>
      </c>
      <c r="CY23" s="327">
        <v>348773</v>
      </c>
      <c r="CZ23" s="328">
        <v>447395</v>
      </c>
      <c r="DA23" s="326">
        <v>0</v>
      </c>
      <c r="DB23" s="327">
        <v>705125</v>
      </c>
      <c r="DC23" s="327">
        <v>546854</v>
      </c>
      <c r="DD23" s="327">
        <v>458981</v>
      </c>
      <c r="DE23" s="327">
        <v>818101</v>
      </c>
      <c r="DF23" s="327">
        <v>124996</v>
      </c>
      <c r="DG23" s="328">
        <v>2654057</v>
      </c>
      <c r="DH23" s="330">
        <v>3101452</v>
      </c>
      <c r="DI23" s="326">
        <v>0</v>
      </c>
      <c r="DJ23" s="327">
        <v>112893</v>
      </c>
      <c r="DK23" s="331">
        <v>112893</v>
      </c>
      <c r="DL23" s="332">
        <v>0</v>
      </c>
      <c r="DM23" s="327">
        <v>121308</v>
      </c>
      <c r="DN23" s="327">
        <v>613426</v>
      </c>
      <c r="DO23" s="327">
        <v>968136</v>
      </c>
      <c r="DP23" s="327">
        <v>681846</v>
      </c>
      <c r="DQ23" s="327">
        <v>729996</v>
      </c>
      <c r="DR23" s="328">
        <v>3114712</v>
      </c>
      <c r="DS23" s="330">
        <v>3227605</v>
      </c>
      <c r="DT23" s="326">
        <v>0</v>
      </c>
      <c r="DU23" s="327">
        <v>112893</v>
      </c>
      <c r="DV23" s="328">
        <v>112893</v>
      </c>
      <c r="DW23" s="326">
        <v>0</v>
      </c>
      <c r="DX23" s="327">
        <v>121308</v>
      </c>
      <c r="DY23" s="327">
        <v>579756</v>
      </c>
      <c r="DZ23" s="327">
        <v>968136</v>
      </c>
      <c r="EA23" s="327">
        <v>681846</v>
      </c>
      <c r="EB23" s="327">
        <v>729996</v>
      </c>
      <c r="EC23" s="328">
        <v>3081042</v>
      </c>
      <c r="ED23" s="330">
        <v>3193935</v>
      </c>
      <c r="EE23" s="326">
        <v>0</v>
      </c>
      <c r="EF23" s="331">
        <v>0</v>
      </c>
      <c r="EG23" s="328">
        <v>0</v>
      </c>
      <c r="EH23" s="326">
        <v>0</v>
      </c>
      <c r="EI23" s="327">
        <v>0</v>
      </c>
      <c r="EJ23" s="327">
        <v>33670</v>
      </c>
      <c r="EK23" s="327">
        <v>0</v>
      </c>
      <c r="EL23" s="327">
        <v>0</v>
      </c>
      <c r="EM23" s="327">
        <v>0</v>
      </c>
      <c r="EN23" s="331">
        <v>33670</v>
      </c>
      <c r="EO23" s="330">
        <v>33670</v>
      </c>
      <c r="EP23" s="326">
        <v>0</v>
      </c>
      <c r="EQ23" s="327">
        <v>0</v>
      </c>
      <c r="ER23" s="331">
        <v>0</v>
      </c>
      <c r="ES23" s="332">
        <v>0</v>
      </c>
      <c r="ET23" s="327">
        <v>0</v>
      </c>
      <c r="EU23" s="327">
        <v>0</v>
      </c>
      <c r="EV23" s="327">
        <v>0</v>
      </c>
      <c r="EW23" s="327">
        <v>0</v>
      </c>
      <c r="EX23" s="327">
        <v>0</v>
      </c>
      <c r="EY23" s="328">
        <v>0</v>
      </c>
      <c r="EZ23" s="330">
        <v>0</v>
      </c>
      <c r="FA23" s="326">
        <v>0</v>
      </c>
      <c r="FB23" s="327">
        <v>0</v>
      </c>
      <c r="FC23" s="331">
        <v>0</v>
      </c>
      <c r="FD23" s="404">
        <v>0</v>
      </c>
      <c r="FE23" s="327">
        <v>0</v>
      </c>
      <c r="FF23" s="327">
        <v>0</v>
      </c>
      <c r="FG23" s="327">
        <v>0</v>
      </c>
      <c r="FH23" s="327">
        <v>0</v>
      </c>
      <c r="FI23" s="327">
        <v>0</v>
      </c>
      <c r="FJ23" s="328">
        <v>0</v>
      </c>
      <c r="FK23" s="330">
        <v>0</v>
      </c>
      <c r="FL23" s="326">
        <v>21056</v>
      </c>
      <c r="FM23" s="327">
        <v>126805</v>
      </c>
      <c r="FN23" s="328">
        <v>147861</v>
      </c>
      <c r="FO23" s="326">
        <v>0</v>
      </c>
      <c r="FP23" s="327">
        <v>276962</v>
      </c>
      <c r="FQ23" s="327">
        <v>682942</v>
      </c>
      <c r="FR23" s="327">
        <v>556129</v>
      </c>
      <c r="FS23" s="327">
        <v>566741</v>
      </c>
      <c r="FT23" s="327">
        <v>322042</v>
      </c>
      <c r="FU23" s="328">
        <v>2404816</v>
      </c>
      <c r="FV23" s="330">
        <v>2552677</v>
      </c>
      <c r="FW23" s="333">
        <v>21056</v>
      </c>
      <c r="FX23" s="327">
        <v>126805</v>
      </c>
      <c r="FY23" s="331">
        <v>147861</v>
      </c>
      <c r="FZ23" s="332">
        <v>0</v>
      </c>
      <c r="GA23" s="327">
        <v>276962</v>
      </c>
      <c r="GB23" s="327">
        <v>669737</v>
      </c>
      <c r="GC23" s="327">
        <v>533414</v>
      </c>
      <c r="GD23" s="327">
        <v>453551</v>
      </c>
      <c r="GE23" s="327">
        <v>322042</v>
      </c>
      <c r="GF23" s="328">
        <v>2255706</v>
      </c>
      <c r="GG23" s="334">
        <v>2403567</v>
      </c>
      <c r="GH23" s="333">
        <v>0</v>
      </c>
      <c r="GI23" s="327">
        <v>0</v>
      </c>
      <c r="GJ23" s="331">
        <v>0</v>
      </c>
      <c r="GK23" s="332">
        <v>0</v>
      </c>
      <c r="GL23" s="327">
        <v>0</v>
      </c>
      <c r="GM23" s="327">
        <v>13205</v>
      </c>
      <c r="GN23" s="327">
        <v>22715</v>
      </c>
      <c r="GO23" s="327">
        <v>0</v>
      </c>
      <c r="GP23" s="327">
        <v>0</v>
      </c>
      <c r="GQ23" s="328">
        <v>35920</v>
      </c>
      <c r="GR23" s="330">
        <v>35920</v>
      </c>
      <c r="GS23" s="326">
        <v>0</v>
      </c>
      <c r="GT23" s="327">
        <v>0</v>
      </c>
      <c r="GU23" s="328">
        <v>0</v>
      </c>
      <c r="GV23" s="326">
        <v>0</v>
      </c>
      <c r="GW23" s="327">
        <v>0</v>
      </c>
      <c r="GX23" s="327">
        <v>0</v>
      </c>
      <c r="GY23" s="327">
        <v>0</v>
      </c>
      <c r="GZ23" s="327">
        <v>113190</v>
      </c>
      <c r="HA23" s="327">
        <v>0</v>
      </c>
      <c r="HB23" s="331">
        <v>113190</v>
      </c>
      <c r="HC23" s="330">
        <v>113190</v>
      </c>
      <c r="HD23" s="326">
        <v>138593</v>
      </c>
      <c r="HE23" s="327">
        <v>250996</v>
      </c>
      <c r="HF23" s="331">
        <v>389589</v>
      </c>
      <c r="HG23" s="332">
        <v>0</v>
      </c>
      <c r="HH23" s="327">
        <v>2405260</v>
      </c>
      <c r="HI23" s="327">
        <v>1552778</v>
      </c>
      <c r="HJ23" s="327">
        <v>2495791</v>
      </c>
      <c r="HK23" s="327">
        <v>2143533</v>
      </c>
      <c r="HL23" s="327">
        <v>3247519</v>
      </c>
      <c r="HM23" s="328">
        <v>11844881</v>
      </c>
      <c r="HN23" s="329">
        <v>12234470</v>
      </c>
      <c r="HO23" s="333">
        <v>0</v>
      </c>
      <c r="HP23" s="327">
        <v>0</v>
      </c>
      <c r="HQ23" s="328">
        <v>0</v>
      </c>
      <c r="HR23" s="326">
        <v>0</v>
      </c>
      <c r="HS23" s="327">
        <v>0</v>
      </c>
      <c r="HT23" s="327">
        <v>0</v>
      </c>
      <c r="HU23" s="327">
        <v>0</v>
      </c>
      <c r="HV23" s="327">
        <v>0</v>
      </c>
      <c r="HW23" s="327">
        <v>0</v>
      </c>
      <c r="HX23" s="331">
        <v>0</v>
      </c>
      <c r="HY23" s="330">
        <v>0</v>
      </c>
      <c r="HZ23" s="335">
        <v>0</v>
      </c>
      <c r="IA23" s="336">
        <v>0</v>
      </c>
      <c r="IB23" s="337">
        <v>0</v>
      </c>
      <c r="IC23" s="338">
        <v>0</v>
      </c>
      <c r="ID23" s="336">
        <v>1377234</v>
      </c>
      <c r="IE23" s="339">
        <v>1815151</v>
      </c>
      <c r="IF23" s="337">
        <v>2454577</v>
      </c>
      <c r="IG23" s="336">
        <v>653219</v>
      </c>
      <c r="IH23" s="337">
        <v>1252087</v>
      </c>
      <c r="II23" s="340">
        <v>7552268</v>
      </c>
      <c r="IJ23" s="341">
        <v>7552268</v>
      </c>
      <c r="IK23" s="342">
        <v>0</v>
      </c>
      <c r="IL23" s="343">
        <v>0</v>
      </c>
      <c r="IM23" s="344">
        <v>0</v>
      </c>
      <c r="IN23" s="404">
        <v>0</v>
      </c>
      <c r="IO23" s="345">
        <v>67027</v>
      </c>
      <c r="IP23" s="345">
        <v>207499</v>
      </c>
      <c r="IQ23" s="345">
        <v>0</v>
      </c>
      <c r="IR23" s="345">
        <v>0</v>
      </c>
      <c r="IS23" s="345">
        <v>0</v>
      </c>
      <c r="IT23" s="346">
        <v>274526</v>
      </c>
      <c r="IU23" s="347">
        <v>274526</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871628</v>
      </c>
      <c r="JL23" s="345">
        <v>539485</v>
      </c>
      <c r="JM23" s="345">
        <v>181790</v>
      </c>
      <c r="JN23" s="345">
        <v>154177</v>
      </c>
      <c r="JO23" s="345">
        <v>0</v>
      </c>
      <c r="JP23" s="349">
        <v>1747080</v>
      </c>
      <c r="JQ23" s="347">
        <v>1747080</v>
      </c>
      <c r="JR23" s="348">
        <v>0</v>
      </c>
      <c r="JS23" s="345">
        <v>0</v>
      </c>
      <c r="JT23" s="346">
        <v>0</v>
      </c>
      <c r="JU23" s="351">
        <v>0</v>
      </c>
      <c r="JV23" s="345">
        <v>0</v>
      </c>
      <c r="JW23" s="345">
        <v>30699</v>
      </c>
      <c r="JX23" s="345">
        <v>50062</v>
      </c>
      <c r="JY23" s="345">
        <v>0</v>
      </c>
      <c r="JZ23" s="345">
        <v>0</v>
      </c>
      <c r="KA23" s="349">
        <v>80761</v>
      </c>
      <c r="KB23" s="347">
        <v>80761</v>
      </c>
      <c r="KC23" s="352">
        <v>0</v>
      </c>
      <c r="KD23" s="353">
        <v>0</v>
      </c>
      <c r="KE23" s="349">
        <v>0</v>
      </c>
      <c r="KF23" s="351">
        <v>0</v>
      </c>
      <c r="KG23" s="345">
        <v>227205</v>
      </c>
      <c r="KH23" s="345">
        <v>145905</v>
      </c>
      <c r="KI23" s="345">
        <v>0</v>
      </c>
      <c r="KJ23" s="345">
        <v>0</v>
      </c>
      <c r="KK23" s="345">
        <v>0</v>
      </c>
      <c r="KL23" s="349">
        <v>373110</v>
      </c>
      <c r="KM23" s="354">
        <v>373110</v>
      </c>
      <c r="KN23" s="342">
        <v>0</v>
      </c>
      <c r="KO23" s="343">
        <v>0</v>
      </c>
      <c r="KP23" s="344">
        <v>0</v>
      </c>
      <c r="KQ23" s="404">
        <v>0</v>
      </c>
      <c r="KR23" s="345">
        <v>211374</v>
      </c>
      <c r="KS23" s="345">
        <v>891563</v>
      </c>
      <c r="KT23" s="345">
        <v>1722970</v>
      </c>
      <c r="KU23" s="345">
        <v>234035</v>
      </c>
      <c r="KV23" s="345">
        <v>235952</v>
      </c>
      <c r="KW23" s="349">
        <v>3295894</v>
      </c>
      <c r="KX23" s="347">
        <v>3295894</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0</v>
      </c>
      <c r="LQ23" s="345">
        <v>265007</v>
      </c>
      <c r="LR23" s="345">
        <v>0</v>
      </c>
      <c r="LS23" s="349">
        <v>265007</v>
      </c>
      <c r="LT23" s="347">
        <v>265007</v>
      </c>
      <c r="LU23" s="348">
        <v>0</v>
      </c>
      <c r="LV23" s="345">
        <v>0</v>
      </c>
      <c r="LW23" s="349">
        <v>0</v>
      </c>
      <c r="LX23" s="404">
        <v>0</v>
      </c>
      <c r="LY23" s="345">
        <v>0</v>
      </c>
      <c r="LZ23" s="345">
        <v>0</v>
      </c>
      <c r="MA23" s="345">
        <v>499755</v>
      </c>
      <c r="MB23" s="345">
        <v>0</v>
      </c>
      <c r="MC23" s="345">
        <v>1016135</v>
      </c>
      <c r="MD23" s="349">
        <v>1515890</v>
      </c>
      <c r="ME23" s="350">
        <v>1515890</v>
      </c>
      <c r="MF23" s="348">
        <v>0</v>
      </c>
      <c r="MG23" s="345">
        <v>0</v>
      </c>
      <c r="MH23" s="349">
        <v>0</v>
      </c>
      <c r="MI23" s="404">
        <v>0</v>
      </c>
      <c r="MJ23" s="345">
        <v>185464</v>
      </c>
      <c r="MK23" s="345">
        <v>205856</v>
      </c>
      <c r="ML23" s="345">
        <v>3058774</v>
      </c>
      <c r="MM23" s="345">
        <v>3045218</v>
      </c>
      <c r="MN23" s="345">
        <v>3346455</v>
      </c>
      <c r="MO23" s="349">
        <v>9841767</v>
      </c>
      <c r="MP23" s="354">
        <v>9841767</v>
      </c>
      <c r="MQ23" s="348">
        <v>0</v>
      </c>
      <c r="MR23" s="345">
        <v>0</v>
      </c>
      <c r="MS23" s="349">
        <v>0</v>
      </c>
      <c r="MT23" s="404">
        <v>0</v>
      </c>
      <c r="MU23" s="345">
        <v>0</v>
      </c>
      <c r="MV23" s="345">
        <v>205856</v>
      </c>
      <c r="MW23" s="345">
        <v>1773320</v>
      </c>
      <c r="MX23" s="345">
        <v>1688765</v>
      </c>
      <c r="MY23" s="345">
        <v>2242327</v>
      </c>
      <c r="MZ23" s="349">
        <v>5910268</v>
      </c>
      <c r="NA23" s="354">
        <v>5910268</v>
      </c>
      <c r="NB23" s="348">
        <v>0</v>
      </c>
      <c r="NC23" s="345">
        <v>0</v>
      </c>
      <c r="ND23" s="349">
        <v>0</v>
      </c>
      <c r="NE23" s="404">
        <v>0</v>
      </c>
      <c r="NF23" s="345">
        <v>185464</v>
      </c>
      <c r="NG23" s="345">
        <v>0</v>
      </c>
      <c r="NH23" s="345">
        <v>1285454</v>
      </c>
      <c r="NI23" s="345">
        <v>1356453</v>
      </c>
      <c r="NJ23" s="345">
        <v>754422</v>
      </c>
      <c r="NK23" s="349">
        <v>3581793</v>
      </c>
      <c r="NL23" s="347">
        <v>3581793</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0</v>
      </c>
      <c r="OF23" s="345">
        <v>349706</v>
      </c>
      <c r="OG23" s="349">
        <v>349706</v>
      </c>
      <c r="OH23" s="350">
        <v>349706</v>
      </c>
      <c r="OI23" s="348">
        <v>453152</v>
      </c>
      <c r="OJ23" s="345">
        <v>939972</v>
      </c>
      <c r="OK23" s="346">
        <v>1393124</v>
      </c>
      <c r="OL23" s="351">
        <v>0</v>
      </c>
      <c r="OM23" s="345">
        <v>9091241</v>
      </c>
      <c r="ON23" s="345">
        <v>10071667</v>
      </c>
      <c r="OO23" s="345">
        <v>14739336</v>
      </c>
      <c r="OP23" s="345">
        <v>11145216</v>
      </c>
      <c r="OQ23" s="345">
        <v>12251185</v>
      </c>
      <c r="OR23" s="349">
        <v>57298645</v>
      </c>
      <c r="OS23" s="354">
        <v>58691769</v>
      </c>
    </row>
    <row r="24" spans="2:409" s="70" customFormat="1" ht="21" customHeight="1" x14ac:dyDescent="0.2">
      <c r="B24" s="106" t="s">
        <v>19</v>
      </c>
      <c r="C24" s="326">
        <v>300977</v>
      </c>
      <c r="D24" s="327">
        <v>421931</v>
      </c>
      <c r="E24" s="328">
        <v>722908</v>
      </c>
      <c r="F24" s="329">
        <v>0</v>
      </c>
      <c r="G24" s="327">
        <v>2812055</v>
      </c>
      <c r="H24" s="327">
        <v>3517474</v>
      </c>
      <c r="I24" s="327">
        <v>2378301</v>
      </c>
      <c r="J24" s="327">
        <v>1693734</v>
      </c>
      <c r="K24" s="327">
        <v>1376620</v>
      </c>
      <c r="L24" s="329">
        <v>11778184</v>
      </c>
      <c r="M24" s="330">
        <v>12501092</v>
      </c>
      <c r="N24" s="326">
        <v>62450</v>
      </c>
      <c r="O24" s="327">
        <v>98326</v>
      </c>
      <c r="P24" s="328">
        <v>160776</v>
      </c>
      <c r="Q24" s="326">
        <v>0</v>
      </c>
      <c r="R24" s="327">
        <v>973309</v>
      </c>
      <c r="S24" s="327">
        <v>974789</v>
      </c>
      <c r="T24" s="327">
        <v>875680</v>
      </c>
      <c r="U24" s="327">
        <v>842968</v>
      </c>
      <c r="V24" s="327">
        <v>455164</v>
      </c>
      <c r="W24" s="328">
        <v>4121910</v>
      </c>
      <c r="X24" s="330">
        <v>4282686</v>
      </c>
      <c r="Y24" s="326">
        <v>0</v>
      </c>
      <c r="Z24" s="327">
        <v>0</v>
      </c>
      <c r="AA24" s="328">
        <v>0</v>
      </c>
      <c r="AB24" s="326">
        <v>0</v>
      </c>
      <c r="AC24" s="327">
        <v>168656</v>
      </c>
      <c r="AD24" s="327">
        <v>483404</v>
      </c>
      <c r="AE24" s="327">
        <v>342111</v>
      </c>
      <c r="AF24" s="327">
        <v>301516</v>
      </c>
      <c r="AG24" s="327">
        <v>247597</v>
      </c>
      <c r="AH24" s="328">
        <v>1543284</v>
      </c>
      <c r="AI24" s="330">
        <v>1543284</v>
      </c>
      <c r="AJ24" s="326">
        <v>0</v>
      </c>
      <c r="AK24" s="327">
        <v>0</v>
      </c>
      <c r="AL24" s="328">
        <v>0</v>
      </c>
      <c r="AM24" s="326">
        <v>0</v>
      </c>
      <c r="AN24" s="327">
        <v>0</v>
      </c>
      <c r="AO24" s="327">
        <v>0</v>
      </c>
      <c r="AP24" s="327">
        <v>20747</v>
      </c>
      <c r="AQ24" s="327">
        <v>70714</v>
      </c>
      <c r="AR24" s="327">
        <v>0</v>
      </c>
      <c r="AS24" s="328">
        <v>91461</v>
      </c>
      <c r="AT24" s="330">
        <v>91461</v>
      </c>
      <c r="AU24" s="326">
        <v>21632</v>
      </c>
      <c r="AV24" s="327">
        <v>73168</v>
      </c>
      <c r="AW24" s="328">
        <v>94800</v>
      </c>
      <c r="AX24" s="326">
        <v>0</v>
      </c>
      <c r="AY24" s="327">
        <v>570305</v>
      </c>
      <c r="AZ24" s="327">
        <v>225640</v>
      </c>
      <c r="BA24" s="327">
        <v>266007</v>
      </c>
      <c r="BB24" s="327">
        <v>366167</v>
      </c>
      <c r="BC24" s="327">
        <v>139723</v>
      </c>
      <c r="BD24" s="328">
        <v>1567842</v>
      </c>
      <c r="BE24" s="330">
        <v>1662642</v>
      </c>
      <c r="BF24" s="326">
        <v>11019</v>
      </c>
      <c r="BG24" s="327">
        <v>0</v>
      </c>
      <c r="BH24" s="331">
        <v>11019</v>
      </c>
      <c r="BI24" s="332">
        <v>0</v>
      </c>
      <c r="BJ24" s="327">
        <v>124742</v>
      </c>
      <c r="BK24" s="327">
        <v>22117</v>
      </c>
      <c r="BL24" s="327">
        <v>85591</v>
      </c>
      <c r="BM24" s="327">
        <v>62410</v>
      </c>
      <c r="BN24" s="327">
        <v>0</v>
      </c>
      <c r="BO24" s="328">
        <v>294860</v>
      </c>
      <c r="BP24" s="330">
        <v>305879</v>
      </c>
      <c r="BQ24" s="326">
        <v>29799</v>
      </c>
      <c r="BR24" s="327">
        <v>25158</v>
      </c>
      <c r="BS24" s="328">
        <v>54957</v>
      </c>
      <c r="BT24" s="326">
        <v>0</v>
      </c>
      <c r="BU24" s="327">
        <v>109606</v>
      </c>
      <c r="BV24" s="327">
        <v>243628</v>
      </c>
      <c r="BW24" s="327">
        <v>161224</v>
      </c>
      <c r="BX24" s="327">
        <v>42161</v>
      </c>
      <c r="BY24" s="327">
        <v>67844</v>
      </c>
      <c r="BZ24" s="328">
        <v>624463</v>
      </c>
      <c r="CA24" s="330">
        <v>679420</v>
      </c>
      <c r="CB24" s="326">
        <v>75426</v>
      </c>
      <c r="CC24" s="327">
        <v>67571</v>
      </c>
      <c r="CD24" s="328">
        <v>142997</v>
      </c>
      <c r="CE24" s="326">
        <v>0</v>
      </c>
      <c r="CF24" s="327">
        <v>1151103</v>
      </c>
      <c r="CG24" s="327">
        <v>957407</v>
      </c>
      <c r="CH24" s="327">
        <v>333431</v>
      </c>
      <c r="CI24" s="327">
        <v>377949</v>
      </c>
      <c r="CJ24" s="327">
        <v>270584</v>
      </c>
      <c r="CK24" s="328">
        <v>3090474</v>
      </c>
      <c r="CL24" s="330">
        <v>3233471</v>
      </c>
      <c r="CM24" s="326">
        <v>0</v>
      </c>
      <c r="CN24" s="327">
        <v>0</v>
      </c>
      <c r="CO24" s="328">
        <v>0</v>
      </c>
      <c r="CP24" s="332">
        <v>0</v>
      </c>
      <c r="CQ24" s="327">
        <v>669074</v>
      </c>
      <c r="CR24" s="327">
        <v>614070</v>
      </c>
      <c r="CS24" s="327">
        <v>137162</v>
      </c>
      <c r="CT24" s="327">
        <v>102752</v>
      </c>
      <c r="CU24" s="327">
        <v>235026</v>
      </c>
      <c r="CV24" s="328">
        <v>1758084</v>
      </c>
      <c r="CW24" s="330">
        <v>1758084</v>
      </c>
      <c r="CX24" s="326">
        <v>75426</v>
      </c>
      <c r="CY24" s="327">
        <v>67571</v>
      </c>
      <c r="CZ24" s="328">
        <v>142997</v>
      </c>
      <c r="DA24" s="326">
        <v>0</v>
      </c>
      <c r="DB24" s="327">
        <v>482029</v>
      </c>
      <c r="DC24" s="327">
        <v>343337</v>
      </c>
      <c r="DD24" s="327">
        <v>196269</v>
      </c>
      <c r="DE24" s="327">
        <v>275197</v>
      </c>
      <c r="DF24" s="327">
        <v>35558</v>
      </c>
      <c r="DG24" s="328">
        <v>1332390</v>
      </c>
      <c r="DH24" s="330">
        <v>1475387</v>
      </c>
      <c r="DI24" s="326">
        <v>0</v>
      </c>
      <c r="DJ24" s="327">
        <v>0</v>
      </c>
      <c r="DK24" s="331">
        <v>0</v>
      </c>
      <c r="DL24" s="332">
        <v>0</v>
      </c>
      <c r="DM24" s="327">
        <v>148939</v>
      </c>
      <c r="DN24" s="327">
        <v>0</v>
      </c>
      <c r="DO24" s="327">
        <v>84269</v>
      </c>
      <c r="DP24" s="327">
        <v>212738</v>
      </c>
      <c r="DQ24" s="327">
        <v>0</v>
      </c>
      <c r="DR24" s="328">
        <v>445946</v>
      </c>
      <c r="DS24" s="330">
        <v>445946</v>
      </c>
      <c r="DT24" s="326">
        <v>0</v>
      </c>
      <c r="DU24" s="327">
        <v>0</v>
      </c>
      <c r="DV24" s="328">
        <v>0</v>
      </c>
      <c r="DW24" s="326">
        <v>0</v>
      </c>
      <c r="DX24" s="327">
        <v>69044</v>
      </c>
      <c r="DY24" s="327">
        <v>0</v>
      </c>
      <c r="DZ24" s="327">
        <v>84269</v>
      </c>
      <c r="EA24" s="327">
        <v>14707</v>
      </c>
      <c r="EB24" s="327">
        <v>0</v>
      </c>
      <c r="EC24" s="328">
        <v>168020</v>
      </c>
      <c r="ED24" s="330">
        <v>168020</v>
      </c>
      <c r="EE24" s="326">
        <v>0</v>
      </c>
      <c r="EF24" s="331">
        <v>0</v>
      </c>
      <c r="EG24" s="328">
        <v>0</v>
      </c>
      <c r="EH24" s="326">
        <v>0</v>
      </c>
      <c r="EI24" s="327">
        <v>79895</v>
      </c>
      <c r="EJ24" s="327">
        <v>0</v>
      </c>
      <c r="EK24" s="327">
        <v>0</v>
      </c>
      <c r="EL24" s="327">
        <v>198031</v>
      </c>
      <c r="EM24" s="327">
        <v>0</v>
      </c>
      <c r="EN24" s="331">
        <v>277926</v>
      </c>
      <c r="EO24" s="330">
        <v>277926</v>
      </c>
      <c r="EP24" s="326">
        <v>0</v>
      </c>
      <c r="EQ24" s="327">
        <v>0</v>
      </c>
      <c r="ER24" s="331">
        <v>0</v>
      </c>
      <c r="ES24" s="332">
        <v>0</v>
      </c>
      <c r="ET24" s="327">
        <v>0</v>
      </c>
      <c r="EU24" s="327">
        <v>0</v>
      </c>
      <c r="EV24" s="327">
        <v>0</v>
      </c>
      <c r="EW24" s="327">
        <v>0</v>
      </c>
      <c r="EX24" s="327">
        <v>0</v>
      </c>
      <c r="EY24" s="328">
        <v>0</v>
      </c>
      <c r="EZ24" s="330">
        <v>0</v>
      </c>
      <c r="FA24" s="326">
        <v>0</v>
      </c>
      <c r="FB24" s="327">
        <v>0</v>
      </c>
      <c r="FC24" s="331">
        <v>0</v>
      </c>
      <c r="FD24" s="404">
        <v>0</v>
      </c>
      <c r="FE24" s="327">
        <v>0</v>
      </c>
      <c r="FF24" s="327">
        <v>0</v>
      </c>
      <c r="FG24" s="327">
        <v>0</v>
      </c>
      <c r="FH24" s="327">
        <v>0</v>
      </c>
      <c r="FI24" s="327">
        <v>0</v>
      </c>
      <c r="FJ24" s="328">
        <v>0</v>
      </c>
      <c r="FK24" s="330">
        <v>0</v>
      </c>
      <c r="FL24" s="326">
        <v>61530</v>
      </c>
      <c r="FM24" s="327">
        <v>172900</v>
      </c>
      <c r="FN24" s="328">
        <v>234430</v>
      </c>
      <c r="FO24" s="326">
        <v>0</v>
      </c>
      <c r="FP24" s="327">
        <v>243677</v>
      </c>
      <c r="FQ24" s="327">
        <v>278531</v>
      </c>
      <c r="FR24" s="327">
        <v>168574</v>
      </c>
      <c r="FS24" s="327">
        <v>246196</v>
      </c>
      <c r="FT24" s="327">
        <v>72982</v>
      </c>
      <c r="FU24" s="328">
        <v>1009960</v>
      </c>
      <c r="FV24" s="330">
        <v>1244390</v>
      </c>
      <c r="FW24" s="333">
        <v>32270</v>
      </c>
      <c r="FX24" s="327">
        <v>32900</v>
      </c>
      <c r="FY24" s="331">
        <v>65170</v>
      </c>
      <c r="FZ24" s="332">
        <v>0</v>
      </c>
      <c r="GA24" s="327">
        <v>196553</v>
      </c>
      <c r="GB24" s="327">
        <v>240639</v>
      </c>
      <c r="GC24" s="327">
        <v>168574</v>
      </c>
      <c r="GD24" s="327">
        <v>213003</v>
      </c>
      <c r="GE24" s="327">
        <v>72982</v>
      </c>
      <c r="GF24" s="328">
        <v>891751</v>
      </c>
      <c r="GG24" s="334">
        <v>956921</v>
      </c>
      <c r="GH24" s="333">
        <v>29260</v>
      </c>
      <c r="GI24" s="327">
        <v>0</v>
      </c>
      <c r="GJ24" s="331">
        <v>29260</v>
      </c>
      <c r="GK24" s="332">
        <v>0</v>
      </c>
      <c r="GL24" s="327">
        <v>47124</v>
      </c>
      <c r="GM24" s="327">
        <v>0</v>
      </c>
      <c r="GN24" s="327">
        <v>0</v>
      </c>
      <c r="GO24" s="327">
        <v>0</v>
      </c>
      <c r="GP24" s="327">
        <v>0</v>
      </c>
      <c r="GQ24" s="328">
        <v>47124</v>
      </c>
      <c r="GR24" s="330">
        <v>76384</v>
      </c>
      <c r="GS24" s="326">
        <v>0</v>
      </c>
      <c r="GT24" s="327">
        <v>140000</v>
      </c>
      <c r="GU24" s="328">
        <v>140000</v>
      </c>
      <c r="GV24" s="326">
        <v>0</v>
      </c>
      <c r="GW24" s="327">
        <v>0</v>
      </c>
      <c r="GX24" s="327">
        <v>37892</v>
      </c>
      <c r="GY24" s="327">
        <v>0</v>
      </c>
      <c r="GZ24" s="327">
        <v>33193</v>
      </c>
      <c r="HA24" s="327">
        <v>0</v>
      </c>
      <c r="HB24" s="331">
        <v>71085</v>
      </c>
      <c r="HC24" s="330">
        <v>211085</v>
      </c>
      <c r="HD24" s="326">
        <v>101571</v>
      </c>
      <c r="HE24" s="327">
        <v>83134</v>
      </c>
      <c r="HF24" s="331">
        <v>184705</v>
      </c>
      <c r="HG24" s="332">
        <v>0</v>
      </c>
      <c r="HH24" s="327">
        <v>295027</v>
      </c>
      <c r="HI24" s="327">
        <v>1306747</v>
      </c>
      <c r="HJ24" s="327">
        <v>916347</v>
      </c>
      <c r="HK24" s="327">
        <v>13883</v>
      </c>
      <c r="HL24" s="327">
        <v>577890</v>
      </c>
      <c r="HM24" s="328">
        <v>3109894</v>
      </c>
      <c r="HN24" s="329">
        <v>3294599</v>
      </c>
      <c r="HO24" s="333">
        <v>0</v>
      </c>
      <c r="HP24" s="327">
        <v>0</v>
      </c>
      <c r="HQ24" s="328">
        <v>0</v>
      </c>
      <c r="HR24" s="326">
        <v>0</v>
      </c>
      <c r="HS24" s="327">
        <v>0</v>
      </c>
      <c r="HT24" s="327">
        <v>0</v>
      </c>
      <c r="HU24" s="327">
        <v>0</v>
      </c>
      <c r="HV24" s="327">
        <v>0</v>
      </c>
      <c r="HW24" s="327">
        <v>0</v>
      </c>
      <c r="HX24" s="331">
        <v>0</v>
      </c>
      <c r="HY24" s="330">
        <v>0</v>
      </c>
      <c r="HZ24" s="358">
        <v>25817</v>
      </c>
      <c r="IA24" s="356">
        <v>0</v>
      </c>
      <c r="IB24" s="358">
        <v>25817</v>
      </c>
      <c r="IC24" s="355">
        <v>0</v>
      </c>
      <c r="ID24" s="356">
        <v>922127</v>
      </c>
      <c r="IE24" s="357">
        <v>608103</v>
      </c>
      <c r="IF24" s="358">
        <v>606964</v>
      </c>
      <c r="IG24" s="356">
        <v>562318</v>
      </c>
      <c r="IH24" s="358">
        <v>0</v>
      </c>
      <c r="II24" s="359">
        <v>2699512</v>
      </c>
      <c r="IJ24" s="358">
        <v>2725329</v>
      </c>
      <c r="IK24" s="342">
        <v>0</v>
      </c>
      <c r="IL24" s="343">
        <v>0</v>
      </c>
      <c r="IM24" s="344">
        <v>0</v>
      </c>
      <c r="IN24" s="404">
        <v>0</v>
      </c>
      <c r="IO24" s="345">
        <v>0</v>
      </c>
      <c r="IP24" s="345">
        <v>98852</v>
      </c>
      <c r="IQ24" s="345">
        <v>0</v>
      </c>
      <c r="IR24" s="345">
        <v>178950</v>
      </c>
      <c r="IS24" s="345">
        <v>0</v>
      </c>
      <c r="IT24" s="346">
        <v>277802</v>
      </c>
      <c r="IU24" s="347">
        <v>277802</v>
      </c>
      <c r="IV24" s="348">
        <v>0</v>
      </c>
      <c r="IW24" s="345">
        <v>0</v>
      </c>
      <c r="IX24" s="349">
        <v>0</v>
      </c>
      <c r="IY24" s="404">
        <v>0</v>
      </c>
      <c r="IZ24" s="345">
        <v>0</v>
      </c>
      <c r="JA24" s="345">
        <v>9069</v>
      </c>
      <c r="JB24" s="345">
        <v>0</v>
      </c>
      <c r="JC24" s="345">
        <v>9069</v>
      </c>
      <c r="JD24" s="345">
        <v>0</v>
      </c>
      <c r="JE24" s="349">
        <v>18138</v>
      </c>
      <c r="JF24" s="350">
        <v>18138</v>
      </c>
      <c r="JG24" s="348">
        <v>0</v>
      </c>
      <c r="JH24" s="345">
        <v>0</v>
      </c>
      <c r="JI24" s="346">
        <v>0</v>
      </c>
      <c r="JJ24" s="351">
        <v>0</v>
      </c>
      <c r="JK24" s="345">
        <v>540236</v>
      </c>
      <c r="JL24" s="345">
        <v>163790</v>
      </c>
      <c r="JM24" s="345">
        <v>9692</v>
      </c>
      <c r="JN24" s="345">
        <v>133593</v>
      </c>
      <c r="JO24" s="345">
        <v>0</v>
      </c>
      <c r="JP24" s="349">
        <v>847311</v>
      </c>
      <c r="JQ24" s="347">
        <v>847311</v>
      </c>
      <c r="JR24" s="348">
        <v>25817</v>
      </c>
      <c r="JS24" s="345">
        <v>0</v>
      </c>
      <c r="JT24" s="346">
        <v>25817</v>
      </c>
      <c r="JU24" s="351">
        <v>0</v>
      </c>
      <c r="JV24" s="345">
        <v>44656</v>
      </c>
      <c r="JW24" s="345">
        <v>173391</v>
      </c>
      <c r="JX24" s="345">
        <v>155889</v>
      </c>
      <c r="JY24" s="345">
        <v>0</v>
      </c>
      <c r="JZ24" s="345">
        <v>0</v>
      </c>
      <c r="KA24" s="349">
        <v>373936</v>
      </c>
      <c r="KB24" s="347">
        <v>399753</v>
      </c>
      <c r="KC24" s="352">
        <v>0</v>
      </c>
      <c r="KD24" s="353">
        <v>0</v>
      </c>
      <c r="KE24" s="349">
        <v>0</v>
      </c>
      <c r="KF24" s="351">
        <v>0</v>
      </c>
      <c r="KG24" s="345">
        <v>122672</v>
      </c>
      <c r="KH24" s="345">
        <v>163001</v>
      </c>
      <c r="KI24" s="345">
        <v>214246</v>
      </c>
      <c r="KJ24" s="345">
        <v>240706</v>
      </c>
      <c r="KK24" s="345">
        <v>0</v>
      </c>
      <c r="KL24" s="349">
        <v>740625</v>
      </c>
      <c r="KM24" s="354">
        <v>740625</v>
      </c>
      <c r="KN24" s="342">
        <v>0</v>
      </c>
      <c r="KO24" s="343">
        <v>0</v>
      </c>
      <c r="KP24" s="344">
        <v>0</v>
      </c>
      <c r="KQ24" s="404">
        <v>0</v>
      </c>
      <c r="KR24" s="345">
        <v>214563</v>
      </c>
      <c r="KS24" s="345">
        <v>0</v>
      </c>
      <c r="KT24" s="345">
        <v>227137</v>
      </c>
      <c r="KU24" s="345">
        <v>0</v>
      </c>
      <c r="KV24" s="345">
        <v>0</v>
      </c>
      <c r="KW24" s="349">
        <v>441700</v>
      </c>
      <c r="KX24" s="347">
        <v>441700</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0</v>
      </c>
      <c r="MB24" s="345">
        <v>0</v>
      </c>
      <c r="MC24" s="345">
        <v>0</v>
      </c>
      <c r="MD24" s="349">
        <v>0</v>
      </c>
      <c r="ME24" s="350">
        <v>0</v>
      </c>
      <c r="MF24" s="348">
        <v>0</v>
      </c>
      <c r="MG24" s="345">
        <v>0</v>
      </c>
      <c r="MH24" s="349">
        <v>0</v>
      </c>
      <c r="MI24" s="404">
        <v>0</v>
      </c>
      <c r="MJ24" s="345">
        <v>254437</v>
      </c>
      <c r="MK24" s="345">
        <v>268665</v>
      </c>
      <c r="ML24" s="345">
        <v>1607603</v>
      </c>
      <c r="MM24" s="345">
        <v>656182</v>
      </c>
      <c r="MN24" s="345">
        <v>561789</v>
      </c>
      <c r="MO24" s="349">
        <v>3348676</v>
      </c>
      <c r="MP24" s="354">
        <v>3348676</v>
      </c>
      <c r="MQ24" s="348">
        <v>0</v>
      </c>
      <c r="MR24" s="345">
        <v>0</v>
      </c>
      <c r="MS24" s="349">
        <v>0</v>
      </c>
      <c r="MT24" s="404">
        <v>0</v>
      </c>
      <c r="MU24" s="345">
        <v>0</v>
      </c>
      <c r="MV24" s="345">
        <v>0</v>
      </c>
      <c r="MW24" s="345">
        <v>864644</v>
      </c>
      <c r="MX24" s="345">
        <v>656182</v>
      </c>
      <c r="MY24" s="345">
        <v>508215</v>
      </c>
      <c r="MZ24" s="349">
        <v>2029041</v>
      </c>
      <c r="NA24" s="354">
        <v>2029041</v>
      </c>
      <c r="NB24" s="348">
        <v>0</v>
      </c>
      <c r="NC24" s="345">
        <v>0</v>
      </c>
      <c r="ND24" s="349">
        <v>0</v>
      </c>
      <c r="NE24" s="404">
        <v>0</v>
      </c>
      <c r="NF24" s="345">
        <v>254437</v>
      </c>
      <c r="NG24" s="345">
        <v>268665</v>
      </c>
      <c r="NH24" s="345">
        <v>742959</v>
      </c>
      <c r="NI24" s="345">
        <v>0</v>
      </c>
      <c r="NJ24" s="345">
        <v>53574</v>
      </c>
      <c r="NK24" s="349">
        <v>1319635</v>
      </c>
      <c r="NL24" s="347">
        <v>1319635</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0</v>
      </c>
      <c r="OG24" s="349">
        <v>0</v>
      </c>
      <c r="OH24" s="350">
        <v>0</v>
      </c>
      <c r="OI24" s="348">
        <v>326794</v>
      </c>
      <c r="OJ24" s="345">
        <v>421931</v>
      </c>
      <c r="OK24" s="346">
        <v>748725</v>
      </c>
      <c r="OL24" s="351">
        <v>0</v>
      </c>
      <c r="OM24" s="345">
        <v>3988619</v>
      </c>
      <c r="ON24" s="345">
        <v>4394242</v>
      </c>
      <c r="OO24" s="345">
        <v>4592868</v>
      </c>
      <c r="OP24" s="345">
        <v>2912234</v>
      </c>
      <c r="OQ24" s="345">
        <v>1938409</v>
      </c>
      <c r="OR24" s="349">
        <v>17826372</v>
      </c>
      <c r="OS24" s="354">
        <v>18575097</v>
      </c>
    </row>
    <row r="25" spans="2:409" s="70" customFormat="1" ht="21" customHeight="1" x14ac:dyDescent="0.2">
      <c r="B25" s="106" t="s">
        <v>20</v>
      </c>
      <c r="C25" s="326">
        <v>329905</v>
      </c>
      <c r="D25" s="327">
        <v>525946</v>
      </c>
      <c r="E25" s="328">
        <v>855851</v>
      </c>
      <c r="F25" s="326">
        <v>0</v>
      </c>
      <c r="G25" s="327">
        <v>3949843</v>
      </c>
      <c r="H25" s="327">
        <v>4509780</v>
      </c>
      <c r="I25" s="327">
        <v>4372808</v>
      </c>
      <c r="J25" s="327">
        <v>3461650</v>
      </c>
      <c r="K25" s="327">
        <v>2888009</v>
      </c>
      <c r="L25" s="367">
        <v>19182090</v>
      </c>
      <c r="M25" s="330">
        <v>20037941</v>
      </c>
      <c r="N25" s="326">
        <v>119664</v>
      </c>
      <c r="O25" s="327">
        <v>212624</v>
      </c>
      <c r="P25" s="328">
        <v>332288</v>
      </c>
      <c r="Q25" s="326">
        <v>0</v>
      </c>
      <c r="R25" s="327">
        <v>1501549</v>
      </c>
      <c r="S25" s="327">
        <v>1559168</v>
      </c>
      <c r="T25" s="327">
        <v>1354758</v>
      </c>
      <c r="U25" s="327">
        <v>1542259</v>
      </c>
      <c r="V25" s="327">
        <v>1210524</v>
      </c>
      <c r="W25" s="328">
        <v>7168258</v>
      </c>
      <c r="X25" s="330">
        <v>7500546</v>
      </c>
      <c r="Y25" s="326">
        <v>0</v>
      </c>
      <c r="Z25" s="327">
        <v>0</v>
      </c>
      <c r="AA25" s="328">
        <v>0</v>
      </c>
      <c r="AB25" s="326">
        <v>0</v>
      </c>
      <c r="AC25" s="327">
        <v>541833</v>
      </c>
      <c r="AD25" s="327">
        <v>653356</v>
      </c>
      <c r="AE25" s="327">
        <v>542039</v>
      </c>
      <c r="AF25" s="327">
        <v>1085600</v>
      </c>
      <c r="AG25" s="327">
        <v>744020</v>
      </c>
      <c r="AH25" s="328">
        <v>3566848</v>
      </c>
      <c r="AI25" s="330">
        <v>3566848</v>
      </c>
      <c r="AJ25" s="326">
        <v>0</v>
      </c>
      <c r="AK25" s="327">
        <v>0</v>
      </c>
      <c r="AL25" s="328">
        <v>0</v>
      </c>
      <c r="AM25" s="326">
        <v>0</v>
      </c>
      <c r="AN25" s="327">
        <v>0</v>
      </c>
      <c r="AO25" s="327">
        <v>12170</v>
      </c>
      <c r="AP25" s="327">
        <v>42037</v>
      </c>
      <c r="AQ25" s="327">
        <v>65531</v>
      </c>
      <c r="AR25" s="327">
        <v>186665</v>
      </c>
      <c r="AS25" s="328">
        <v>306403</v>
      </c>
      <c r="AT25" s="330">
        <v>306403</v>
      </c>
      <c r="AU25" s="326">
        <v>76509</v>
      </c>
      <c r="AV25" s="327">
        <v>61938</v>
      </c>
      <c r="AW25" s="328">
        <v>138447</v>
      </c>
      <c r="AX25" s="326">
        <v>0</v>
      </c>
      <c r="AY25" s="327">
        <v>637381</v>
      </c>
      <c r="AZ25" s="327">
        <v>631689</v>
      </c>
      <c r="BA25" s="327">
        <v>410782</v>
      </c>
      <c r="BB25" s="327">
        <v>254362</v>
      </c>
      <c r="BC25" s="327">
        <v>31490</v>
      </c>
      <c r="BD25" s="328">
        <v>1965704</v>
      </c>
      <c r="BE25" s="330">
        <v>2104151</v>
      </c>
      <c r="BF25" s="326">
        <v>0</v>
      </c>
      <c r="BG25" s="327">
        <v>137792</v>
      </c>
      <c r="BH25" s="331">
        <v>137792</v>
      </c>
      <c r="BI25" s="332">
        <v>0</v>
      </c>
      <c r="BJ25" s="327">
        <v>151339</v>
      </c>
      <c r="BK25" s="327">
        <v>74976</v>
      </c>
      <c r="BL25" s="327">
        <v>104540</v>
      </c>
      <c r="BM25" s="327">
        <v>0</v>
      </c>
      <c r="BN25" s="327">
        <v>36830</v>
      </c>
      <c r="BO25" s="328">
        <v>367685</v>
      </c>
      <c r="BP25" s="330">
        <v>505477</v>
      </c>
      <c r="BQ25" s="326">
        <v>43155</v>
      </c>
      <c r="BR25" s="327">
        <v>12894</v>
      </c>
      <c r="BS25" s="328">
        <v>56049</v>
      </c>
      <c r="BT25" s="326">
        <v>0</v>
      </c>
      <c r="BU25" s="327">
        <v>170996</v>
      </c>
      <c r="BV25" s="327">
        <v>186977</v>
      </c>
      <c r="BW25" s="327">
        <v>255360</v>
      </c>
      <c r="BX25" s="327">
        <v>136766</v>
      </c>
      <c r="BY25" s="327">
        <v>211519</v>
      </c>
      <c r="BZ25" s="328">
        <v>961618</v>
      </c>
      <c r="CA25" s="330">
        <v>1017667</v>
      </c>
      <c r="CB25" s="326">
        <v>0</v>
      </c>
      <c r="CC25" s="327">
        <v>108986</v>
      </c>
      <c r="CD25" s="328">
        <v>108986</v>
      </c>
      <c r="CE25" s="326">
        <v>0</v>
      </c>
      <c r="CF25" s="327">
        <v>940266</v>
      </c>
      <c r="CG25" s="327">
        <v>1371266</v>
      </c>
      <c r="CH25" s="327">
        <v>1346082</v>
      </c>
      <c r="CI25" s="327">
        <v>667761</v>
      </c>
      <c r="CJ25" s="327">
        <v>309346</v>
      </c>
      <c r="CK25" s="328">
        <v>4634721</v>
      </c>
      <c r="CL25" s="330">
        <v>4743707</v>
      </c>
      <c r="CM25" s="326">
        <v>0</v>
      </c>
      <c r="CN25" s="327">
        <v>0</v>
      </c>
      <c r="CO25" s="328">
        <v>0</v>
      </c>
      <c r="CP25" s="332">
        <v>0</v>
      </c>
      <c r="CQ25" s="327">
        <v>720611</v>
      </c>
      <c r="CR25" s="327">
        <v>715336</v>
      </c>
      <c r="CS25" s="327">
        <v>1080611</v>
      </c>
      <c r="CT25" s="327">
        <v>500711</v>
      </c>
      <c r="CU25" s="327">
        <v>309346</v>
      </c>
      <c r="CV25" s="328">
        <v>3326615</v>
      </c>
      <c r="CW25" s="330">
        <v>3326615</v>
      </c>
      <c r="CX25" s="326">
        <v>0</v>
      </c>
      <c r="CY25" s="327">
        <v>108986</v>
      </c>
      <c r="CZ25" s="328">
        <v>108986</v>
      </c>
      <c r="DA25" s="326">
        <v>0</v>
      </c>
      <c r="DB25" s="327">
        <v>219655</v>
      </c>
      <c r="DC25" s="327">
        <v>655930</v>
      </c>
      <c r="DD25" s="327">
        <v>265471</v>
      </c>
      <c r="DE25" s="327">
        <v>167050</v>
      </c>
      <c r="DF25" s="327">
        <v>0</v>
      </c>
      <c r="DG25" s="328">
        <v>1308106</v>
      </c>
      <c r="DH25" s="330">
        <v>1417092</v>
      </c>
      <c r="DI25" s="326">
        <v>0</v>
      </c>
      <c r="DJ25" s="327">
        <v>16916</v>
      </c>
      <c r="DK25" s="331">
        <v>16916</v>
      </c>
      <c r="DL25" s="332">
        <v>0</v>
      </c>
      <c r="DM25" s="327">
        <v>147970</v>
      </c>
      <c r="DN25" s="327">
        <v>138963</v>
      </c>
      <c r="DO25" s="327">
        <v>643095</v>
      </c>
      <c r="DP25" s="327">
        <v>214743</v>
      </c>
      <c r="DQ25" s="327">
        <v>145269</v>
      </c>
      <c r="DR25" s="328">
        <v>1290040</v>
      </c>
      <c r="DS25" s="330">
        <v>1306956</v>
      </c>
      <c r="DT25" s="326">
        <v>0</v>
      </c>
      <c r="DU25" s="327">
        <v>16916</v>
      </c>
      <c r="DV25" s="328">
        <v>16916</v>
      </c>
      <c r="DW25" s="326">
        <v>0</v>
      </c>
      <c r="DX25" s="327">
        <v>115707</v>
      </c>
      <c r="DY25" s="327">
        <v>138963</v>
      </c>
      <c r="DZ25" s="327">
        <v>544483</v>
      </c>
      <c r="EA25" s="327">
        <v>214743</v>
      </c>
      <c r="EB25" s="327">
        <v>145269</v>
      </c>
      <c r="EC25" s="328">
        <v>1159165</v>
      </c>
      <c r="ED25" s="330">
        <v>1176081</v>
      </c>
      <c r="EE25" s="326">
        <v>0</v>
      </c>
      <c r="EF25" s="331">
        <v>0</v>
      </c>
      <c r="EG25" s="328">
        <v>0</v>
      </c>
      <c r="EH25" s="326">
        <v>0</v>
      </c>
      <c r="EI25" s="327">
        <v>32263</v>
      </c>
      <c r="EJ25" s="327">
        <v>0</v>
      </c>
      <c r="EK25" s="327">
        <v>98612</v>
      </c>
      <c r="EL25" s="327">
        <v>0</v>
      </c>
      <c r="EM25" s="327">
        <v>0</v>
      </c>
      <c r="EN25" s="331">
        <v>130875</v>
      </c>
      <c r="EO25" s="330">
        <v>130875</v>
      </c>
      <c r="EP25" s="326">
        <v>0</v>
      </c>
      <c r="EQ25" s="327">
        <v>0</v>
      </c>
      <c r="ER25" s="331">
        <v>0</v>
      </c>
      <c r="ES25" s="332">
        <v>0</v>
      </c>
      <c r="ET25" s="327">
        <v>0</v>
      </c>
      <c r="EU25" s="327">
        <v>0</v>
      </c>
      <c r="EV25" s="327">
        <v>0</v>
      </c>
      <c r="EW25" s="327">
        <v>0</v>
      </c>
      <c r="EX25" s="327">
        <v>0</v>
      </c>
      <c r="EY25" s="328">
        <v>0</v>
      </c>
      <c r="EZ25" s="330">
        <v>0</v>
      </c>
      <c r="FA25" s="326">
        <v>0</v>
      </c>
      <c r="FB25" s="327">
        <v>0</v>
      </c>
      <c r="FC25" s="331">
        <v>0</v>
      </c>
      <c r="FD25" s="404">
        <v>0</v>
      </c>
      <c r="FE25" s="327">
        <v>0</v>
      </c>
      <c r="FF25" s="327">
        <v>0</v>
      </c>
      <c r="FG25" s="327">
        <v>0</v>
      </c>
      <c r="FH25" s="327">
        <v>0</v>
      </c>
      <c r="FI25" s="327">
        <v>0</v>
      </c>
      <c r="FJ25" s="328">
        <v>0</v>
      </c>
      <c r="FK25" s="330">
        <v>0</v>
      </c>
      <c r="FL25" s="326">
        <v>57610</v>
      </c>
      <c r="FM25" s="327">
        <v>106883</v>
      </c>
      <c r="FN25" s="328">
        <v>164493</v>
      </c>
      <c r="FO25" s="326">
        <v>0</v>
      </c>
      <c r="FP25" s="327">
        <v>207907</v>
      </c>
      <c r="FQ25" s="327">
        <v>278376</v>
      </c>
      <c r="FR25" s="327">
        <v>468398</v>
      </c>
      <c r="FS25" s="327">
        <v>237538</v>
      </c>
      <c r="FT25" s="327">
        <v>141477</v>
      </c>
      <c r="FU25" s="328">
        <v>1333696</v>
      </c>
      <c r="FV25" s="330">
        <v>1498189</v>
      </c>
      <c r="FW25" s="333">
        <v>57610</v>
      </c>
      <c r="FX25" s="327">
        <v>106883</v>
      </c>
      <c r="FY25" s="331">
        <v>164493</v>
      </c>
      <c r="FZ25" s="332">
        <v>0</v>
      </c>
      <c r="GA25" s="327">
        <v>122367</v>
      </c>
      <c r="GB25" s="327">
        <v>264516</v>
      </c>
      <c r="GC25" s="327">
        <v>401198</v>
      </c>
      <c r="GD25" s="327">
        <v>206738</v>
      </c>
      <c r="GE25" s="327">
        <v>141477</v>
      </c>
      <c r="GF25" s="328">
        <v>1136296</v>
      </c>
      <c r="GG25" s="334">
        <v>1300789</v>
      </c>
      <c r="GH25" s="333">
        <v>0</v>
      </c>
      <c r="GI25" s="327">
        <v>0</v>
      </c>
      <c r="GJ25" s="331">
        <v>0</v>
      </c>
      <c r="GK25" s="332">
        <v>0</v>
      </c>
      <c r="GL25" s="327">
        <v>14070</v>
      </c>
      <c r="GM25" s="327">
        <v>0</v>
      </c>
      <c r="GN25" s="327">
        <v>67200</v>
      </c>
      <c r="GO25" s="327">
        <v>0</v>
      </c>
      <c r="GP25" s="327">
        <v>0</v>
      </c>
      <c r="GQ25" s="328">
        <v>81270</v>
      </c>
      <c r="GR25" s="330">
        <v>81270</v>
      </c>
      <c r="GS25" s="326">
        <v>0</v>
      </c>
      <c r="GT25" s="327">
        <v>0</v>
      </c>
      <c r="GU25" s="328">
        <v>0</v>
      </c>
      <c r="GV25" s="326">
        <v>0</v>
      </c>
      <c r="GW25" s="327">
        <v>71470</v>
      </c>
      <c r="GX25" s="327">
        <v>13860</v>
      </c>
      <c r="GY25" s="327">
        <v>0</v>
      </c>
      <c r="GZ25" s="327">
        <v>30800</v>
      </c>
      <c r="HA25" s="327">
        <v>0</v>
      </c>
      <c r="HB25" s="331">
        <v>116130</v>
      </c>
      <c r="HC25" s="330">
        <v>116130</v>
      </c>
      <c r="HD25" s="326">
        <v>152631</v>
      </c>
      <c r="HE25" s="327">
        <v>80537</v>
      </c>
      <c r="HF25" s="331">
        <v>233168</v>
      </c>
      <c r="HG25" s="332">
        <v>0</v>
      </c>
      <c r="HH25" s="327">
        <v>1152151</v>
      </c>
      <c r="HI25" s="327">
        <v>1162007</v>
      </c>
      <c r="HJ25" s="327">
        <v>560475</v>
      </c>
      <c r="HK25" s="327">
        <v>799349</v>
      </c>
      <c r="HL25" s="327">
        <v>1081393</v>
      </c>
      <c r="HM25" s="328">
        <v>4755375</v>
      </c>
      <c r="HN25" s="329">
        <v>4988543</v>
      </c>
      <c r="HO25" s="333">
        <v>0</v>
      </c>
      <c r="HP25" s="327">
        <v>0</v>
      </c>
      <c r="HQ25" s="328">
        <v>0</v>
      </c>
      <c r="HR25" s="326">
        <v>0</v>
      </c>
      <c r="HS25" s="327">
        <v>0</v>
      </c>
      <c r="HT25" s="327">
        <v>0</v>
      </c>
      <c r="HU25" s="327">
        <v>0</v>
      </c>
      <c r="HV25" s="327">
        <v>0</v>
      </c>
      <c r="HW25" s="327">
        <v>0</v>
      </c>
      <c r="HX25" s="331">
        <v>0</v>
      </c>
      <c r="HY25" s="330">
        <v>0</v>
      </c>
      <c r="HZ25" s="335">
        <v>0</v>
      </c>
      <c r="IA25" s="336">
        <v>188868</v>
      </c>
      <c r="IB25" s="337">
        <v>188868</v>
      </c>
      <c r="IC25" s="338">
        <v>0</v>
      </c>
      <c r="ID25" s="336">
        <v>541188</v>
      </c>
      <c r="IE25" s="339">
        <v>1205276</v>
      </c>
      <c r="IF25" s="337">
        <v>1114032</v>
      </c>
      <c r="IG25" s="336">
        <v>29290</v>
      </c>
      <c r="IH25" s="337">
        <v>0</v>
      </c>
      <c r="II25" s="340">
        <v>2889786</v>
      </c>
      <c r="IJ25" s="341">
        <v>3078654</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326865</v>
      </c>
      <c r="JL25" s="345">
        <v>597457</v>
      </c>
      <c r="JM25" s="345">
        <v>62622</v>
      </c>
      <c r="JN25" s="345">
        <v>29290</v>
      </c>
      <c r="JO25" s="345">
        <v>0</v>
      </c>
      <c r="JP25" s="349">
        <v>1016234</v>
      </c>
      <c r="JQ25" s="347">
        <v>1016234</v>
      </c>
      <c r="JR25" s="348">
        <v>0</v>
      </c>
      <c r="JS25" s="345">
        <v>0</v>
      </c>
      <c r="JT25" s="346">
        <v>0</v>
      </c>
      <c r="JU25" s="351">
        <v>0</v>
      </c>
      <c r="JV25" s="345">
        <v>0</v>
      </c>
      <c r="JW25" s="345">
        <v>0</v>
      </c>
      <c r="JX25" s="345">
        <v>75485</v>
      </c>
      <c r="JY25" s="345">
        <v>0</v>
      </c>
      <c r="JZ25" s="345">
        <v>0</v>
      </c>
      <c r="KA25" s="349">
        <v>75485</v>
      </c>
      <c r="KB25" s="347">
        <v>75485</v>
      </c>
      <c r="KC25" s="352">
        <v>0</v>
      </c>
      <c r="KD25" s="353">
        <v>188868</v>
      </c>
      <c r="KE25" s="349">
        <v>188868</v>
      </c>
      <c r="KF25" s="351">
        <v>0</v>
      </c>
      <c r="KG25" s="345">
        <v>0</v>
      </c>
      <c r="KH25" s="345">
        <v>158545</v>
      </c>
      <c r="KI25" s="345">
        <v>60031</v>
      </c>
      <c r="KJ25" s="345">
        <v>0</v>
      </c>
      <c r="KK25" s="345">
        <v>0</v>
      </c>
      <c r="KL25" s="349">
        <v>218576</v>
      </c>
      <c r="KM25" s="354">
        <v>407444</v>
      </c>
      <c r="KN25" s="342">
        <v>0</v>
      </c>
      <c r="KO25" s="343">
        <v>0</v>
      </c>
      <c r="KP25" s="344">
        <v>0</v>
      </c>
      <c r="KQ25" s="404">
        <v>0</v>
      </c>
      <c r="KR25" s="345">
        <v>214323</v>
      </c>
      <c r="KS25" s="345">
        <v>449274</v>
      </c>
      <c r="KT25" s="345">
        <v>915894</v>
      </c>
      <c r="KU25" s="345">
        <v>0</v>
      </c>
      <c r="KV25" s="345">
        <v>0</v>
      </c>
      <c r="KW25" s="349">
        <v>1579491</v>
      </c>
      <c r="KX25" s="347">
        <v>1579491</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205300</v>
      </c>
      <c r="MK25" s="345">
        <v>685731</v>
      </c>
      <c r="ML25" s="345">
        <v>246635</v>
      </c>
      <c r="MM25" s="345">
        <v>2926889</v>
      </c>
      <c r="MN25" s="345">
        <v>1508267</v>
      </c>
      <c r="MO25" s="349">
        <v>5572822</v>
      </c>
      <c r="MP25" s="354">
        <v>5572822</v>
      </c>
      <c r="MQ25" s="348">
        <v>0</v>
      </c>
      <c r="MR25" s="345">
        <v>0</v>
      </c>
      <c r="MS25" s="349">
        <v>0</v>
      </c>
      <c r="MT25" s="404">
        <v>0</v>
      </c>
      <c r="MU25" s="345">
        <v>0</v>
      </c>
      <c r="MV25" s="345">
        <v>444242</v>
      </c>
      <c r="MW25" s="345">
        <v>218897</v>
      </c>
      <c r="MX25" s="345">
        <v>1721784</v>
      </c>
      <c r="MY25" s="345">
        <v>1110136</v>
      </c>
      <c r="MZ25" s="349">
        <v>3495059</v>
      </c>
      <c r="NA25" s="354">
        <v>3495059</v>
      </c>
      <c r="NB25" s="348">
        <v>0</v>
      </c>
      <c r="NC25" s="345">
        <v>0</v>
      </c>
      <c r="ND25" s="349">
        <v>0</v>
      </c>
      <c r="NE25" s="404">
        <v>0</v>
      </c>
      <c r="NF25" s="345">
        <v>205300</v>
      </c>
      <c r="NG25" s="345">
        <v>241489</v>
      </c>
      <c r="NH25" s="345">
        <v>27738</v>
      </c>
      <c r="NI25" s="345">
        <v>1205105</v>
      </c>
      <c r="NJ25" s="345">
        <v>398131</v>
      </c>
      <c r="NK25" s="349">
        <v>2077763</v>
      </c>
      <c r="NL25" s="347">
        <v>2077763</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0</v>
      </c>
      <c r="OE25" s="345">
        <v>0</v>
      </c>
      <c r="OF25" s="345">
        <v>0</v>
      </c>
      <c r="OG25" s="349">
        <v>0</v>
      </c>
      <c r="OH25" s="350">
        <v>0</v>
      </c>
      <c r="OI25" s="348">
        <v>329905</v>
      </c>
      <c r="OJ25" s="345">
        <v>714814</v>
      </c>
      <c r="OK25" s="346">
        <v>1044719</v>
      </c>
      <c r="OL25" s="351">
        <v>0</v>
      </c>
      <c r="OM25" s="345">
        <v>4696331</v>
      </c>
      <c r="ON25" s="345">
        <v>6400787</v>
      </c>
      <c r="OO25" s="345">
        <v>5733475</v>
      </c>
      <c r="OP25" s="345">
        <v>6417829</v>
      </c>
      <c r="OQ25" s="345">
        <v>4396276</v>
      </c>
      <c r="OR25" s="349">
        <v>27644698</v>
      </c>
      <c r="OS25" s="354">
        <v>28689417</v>
      </c>
    </row>
    <row r="26" spans="2:409" s="70" customFormat="1" ht="21" customHeight="1" x14ac:dyDescent="0.2">
      <c r="B26" s="106" t="s">
        <v>21</v>
      </c>
      <c r="C26" s="326">
        <v>287083</v>
      </c>
      <c r="D26" s="327">
        <v>371630</v>
      </c>
      <c r="E26" s="328">
        <v>658713</v>
      </c>
      <c r="F26" s="329">
        <v>0</v>
      </c>
      <c r="G26" s="327">
        <v>2942553</v>
      </c>
      <c r="H26" s="327">
        <v>3519161</v>
      </c>
      <c r="I26" s="327">
        <v>3222951</v>
      </c>
      <c r="J26" s="327">
        <v>2276969</v>
      </c>
      <c r="K26" s="327">
        <v>2635859</v>
      </c>
      <c r="L26" s="367">
        <v>14597493</v>
      </c>
      <c r="M26" s="330">
        <v>15256206</v>
      </c>
      <c r="N26" s="326">
        <v>110231</v>
      </c>
      <c r="O26" s="327">
        <v>141242</v>
      </c>
      <c r="P26" s="328">
        <v>251473</v>
      </c>
      <c r="Q26" s="326">
        <v>0</v>
      </c>
      <c r="R26" s="327">
        <v>1187519</v>
      </c>
      <c r="S26" s="327">
        <v>1566481</v>
      </c>
      <c r="T26" s="327">
        <v>661581</v>
      </c>
      <c r="U26" s="327">
        <v>1205304</v>
      </c>
      <c r="V26" s="327">
        <v>965149</v>
      </c>
      <c r="W26" s="328">
        <v>5586034</v>
      </c>
      <c r="X26" s="330">
        <v>5837507</v>
      </c>
      <c r="Y26" s="326">
        <v>0</v>
      </c>
      <c r="Z26" s="327">
        <v>0</v>
      </c>
      <c r="AA26" s="328">
        <v>0</v>
      </c>
      <c r="AB26" s="326">
        <v>0</v>
      </c>
      <c r="AC26" s="327">
        <v>462644</v>
      </c>
      <c r="AD26" s="327">
        <v>806915</v>
      </c>
      <c r="AE26" s="327">
        <v>217694</v>
      </c>
      <c r="AF26" s="327">
        <v>508325</v>
      </c>
      <c r="AG26" s="327">
        <v>495218</v>
      </c>
      <c r="AH26" s="328">
        <v>2490796</v>
      </c>
      <c r="AI26" s="330">
        <v>2490796</v>
      </c>
      <c r="AJ26" s="326">
        <v>0</v>
      </c>
      <c r="AK26" s="327">
        <v>0</v>
      </c>
      <c r="AL26" s="328">
        <v>0</v>
      </c>
      <c r="AM26" s="326">
        <v>0</v>
      </c>
      <c r="AN26" s="327">
        <v>0</v>
      </c>
      <c r="AO26" s="327">
        <v>0</v>
      </c>
      <c r="AP26" s="327">
        <v>0</v>
      </c>
      <c r="AQ26" s="327">
        <v>137660</v>
      </c>
      <c r="AR26" s="327">
        <v>156707</v>
      </c>
      <c r="AS26" s="328">
        <v>294367</v>
      </c>
      <c r="AT26" s="330">
        <v>294367</v>
      </c>
      <c r="AU26" s="326">
        <v>24364</v>
      </c>
      <c r="AV26" s="327">
        <v>31832</v>
      </c>
      <c r="AW26" s="328">
        <v>56196</v>
      </c>
      <c r="AX26" s="326">
        <v>0</v>
      </c>
      <c r="AY26" s="327">
        <v>561019</v>
      </c>
      <c r="AZ26" s="327">
        <v>490626</v>
      </c>
      <c r="BA26" s="327">
        <v>178573</v>
      </c>
      <c r="BB26" s="327">
        <v>436819</v>
      </c>
      <c r="BC26" s="327">
        <v>153997</v>
      </c>
      <c r="BD26" s="328">
        <v>1821034</v>
      </c>
      <c r="BE26" s="330">
        <v>1877230</v>
      </c>
      <c r="BF26" s="326">
        <v>31785</v>
      </c>
      <c r="BG26" s="327">
        <v>47145</v>
      </c>
      <c r="BH26" s="331">
        <v>78930</v>
      </c>
      <c r="BI26" s="332">
        <v>0</v>
      </c>
      <c r="BJ26" s="327">
        <v>0</v>
      </c>
      <c r="BK26" s="327">
        <v>0</v>
      </c>
      <c r="BL26" s="327">
        <v>101815</v>
      </c>
      <c r="BM26" s="327">
        <v>0</v>
      </c>
      <c r="BN26" s="327">
        <v>33143</v>
      </c>
      <c r="BO26" s="328">
        <v>134958</v>
      </c>
      <c r="BP26" s="330">
        <v>213888</v>
      </c>
      <c r="BQ26" s="326">
        <v>54082</v>
      </c>
      <c r="BR26" s="327">
        <v>62265</v>
      </c>
      <c r="BS26" s="328">
        <v>116347</v>
      </c>
      <c r="BT26" s="326">
        <v>0</v>
      </c>
      <c r="BU26" s="327">
        <v>163856</v>
      </c>
      <c r="BV26" s="327">
        <v>268940</v>
      </c>
      <c r="BW26" s="327">
        <v>163499</v>
      </c>
      <c r="BX26" s="327">
        <v>122500</v>
      </c>
      <c r="BY26" s="327">
        <v>126084</v>
      </c>
      <c r="BZ26" s="328">
        <v>844879</v>
      </c>
      <c r="CA26" s="330">
        <v>961226</v>
      </c>
      <c r="CB26" s="326">
        <v>0</v>
      </c>
      <c r="CC26" s="327">
        <v>0</v>
      </c>
      <c r="CD26" s="328">
        <v>0</v>
      </c>
      <c r="CE26" s="326">
        <v>0</v>
      </c>
      <c r="CF26" s="327">
        <v>818954</v>
      </c>
      <c r="CG26" s="327">
        <v>791097</v>
      </c>
      <c r="CH26" s="327">
        <v>485470</v>
      </c>
      <c r="CI26" s="327">
        <v>166236</v>
      </c>
      <c r="CJ26" s="327">
        <v>448926</v>
      </c>
      <c r="CK26" s="328">
        <v>2710683</v>
      </c>
      <c r="CL26" s="330">
        <v>2710683</v>
      </c>
      <c r="CM26" s="326">
        <v>0</v>
      </c>
      <c r="CN26" s="327">
        <v>0</v>
      </c>
      <c r="CO26" s="328">
        <v>0</v>
      </c>
      <c r="CP26" s="332">
        <v>0</v>
      </c>
      <c r="CQ26" s="327">
        <v>728083</v>
      </c>
      <c r="CR26" s="327">
        <v>598336</v>
      </c>
      <c r="CS26" s="327">
        <v>402228</v>
      </c>
      <c r="CT26" s="327">
        <v>84356</v>
      </c>
      <c r="CU26" s="327">
        <v>224746</v>
      </c>
      <c r="CV26" s="328">
        <v>2037749</v>
      </c>
      <c r="CW26" s="330">
        <v>2037749</v>
      </c>
      <c r="CX26" s="326">
        <v>0</v>
      </c>
      <c r="CY26" s="327">
        <v>0</v>
      </c>
      <c r="CZ26" s="328">
        <v>0</v>
      </c>
      <c r="DA26" s="326">
        <v>0</v>
      </c>
      <c r="DB26" s="327">
        <v>90871</v>
      </c>
      <c r="DC26" s="327">
        <v>192761</v>
      </c>
      <c r="DD26" s="327">
        <v>83242</v>
      </c>
      <c r="DE26" s="327">
        <v>81880</v>
      </c>
      <c r="DF26" s="327">
        <v>224180</v>
      </c>
      <c r="DG26" s="328">
        <v>672934</v>
      </c>
      <c r="DH26" s="330">
        <v>672934</v>
      </c>
      <c r="DI26" s="326">
        <v>0</v>
      </c>
      <c r="DJ26" s="327">
        <v>0</v>
      </c>
      <c r="DK26" s="331">
        <v>0</v>
      </c>
      <c r="DL26" s="332">
        <v>0</v>
      </c>
      <c r="DM26" s="327">
        <v>76848</v>
      </c>
      <c r="DN26" s="327">
        <v>279224</v>
      </c>
      <c r="DO26" s="327">
        <v>203001</v>
      </c>
      <c r="DP26" s="327">
        <v>0</v>
      </c>
      <c r="DQ26" s="327">
        <v>270917</v>
      </c>
      <c r="DR26" s="328">
        <v>829990</v>
      </c>
      <c r="DS26" s="330">
        <v>829990</v>
      </c>
      <c r="DT26" s="326">
        <v>0</v>
      </c>
      <c r="DU26" s="327">
        <v>0</v>
      </c>
      <c r="DV26" s="328">
        <v>0</v>
      </c>
      <c r="DW26" s="326">
        <v>0</v>
      </c>
      <c r="DX26" s="327">
        <v>76848</v>
      </c>
      <c r="DY26" s="327">
        <v>279224</v>
      </c>
      <c r="DZ26" s="327">
        <v>136114</v>
      </c>
      <c r="EA26" s="327">
        <v>0</v>
      </c>
      <c r="EB26" s="327">
        <v>270917</v>
      </c>
      <c r="EC26" s="328">
        <v>763103</v>
      </c>
      <c r="ED26" s="330">
        <v>763103</v>
      </c>
      <c r="EE26" s="326">
        <v>0</v>
      </c>
      <c r="EF26" s="331">
        <v>0</v>
      </c>
      <c r="EG26" s="328">
        <v>0</v>
      </c>
      <c r="EH26" s="326">
        <v>0</v>
      </c>
      <c r="EI26" s="327">
        <v>0</v>
      </c>
      <c r="EJ26" s="327">
        <v>0</v>
      </c>
      <c r="EK26" s="327">
        <v>66887</v>
      </c>
      <c r="EL26" s="327">
        <v>0</v>
      </c>
      <c r="EM26" s="327">
        <v>0</v>
      </c>
      <c r="EN26" s="331">
        <v>66887</v>
      </c>
      <c r="EO26" s="330">
        <v>66887</v>
      </c>
      <c r="EP26" s="326">
        <v>0</v>
      </c>
      <c r="EQ26" s="327">
        <v>0</v>
      </c>
      <c r="ER26" s="331">
        <v>0</v>
      </c>
      <c r="ES26" s="332">
        <v>0</v>
      </c>
      <c r="ET26" s="327">
        <v>0</v>
      </c>
      <c r="EU26" s="327">
        <v>0</v>
      </c>
      <c r="EV26" s="327">
        <v>0</v>
      </c>
      <c r="EW26" s="327">
        <v>0</v>
      </c>
      <c r="EX26" s="327">
        <v>0</v>
      </c>
      <c r="EY26" s="328">
        <v>0</v>
      </c>
      <c r="EZ26" s="330">
        <v>0</v>
      </c>
      <c r="FA26" s="326">
        <v>0</v>
      </c>
      <c r="FB26" s="327">
        <v>0</v>
      </c>
      <c r="FC26" s="331">
        <v>0</v>
      </c>
      <c r="FD26" s="404">
        <v>0</v>
      </c>
      <c r="FE26" s="327">
        <v>0</v>
      </c>
      <c r="FF26" s="327">
        <v>0</v>
      </c>
      <c r="FG26" s="327">
        <v>0</v>
      </c>
      <c r="FH26" s="327">
        <v>0</v>
      </c>
      <c r="FI26" s="327">
        <v>0</v>
      </c>
      <c r="FJ26" s="328">
        <v>0</v>
      </c>
      <c r="FK26" s="330">
        <v>0</v>
      </c>
      <c r="FL26" s="326">
        <v>27286</v>
      </c>
      <c r="FM26" s="327">
        <v>64120</v>
      </c>
      <c r="FN26" s="328">
        <v>91406</v>
      </c>
      <c r="FO26" s="326">
        <v>0</v>
      </c>
      <c r="FP26" s="327">
        <v>182084</v>
      </c>
      <c r="FQ26" s="327">
        <v>206812</v>
      </c>
      <c r="FR26" s="327">
        <v>224483</v>
      </c>
      <c r="FS26" s="327">
        <v>112245</v>
      </c>
      <c r="FT26" s="327">
        <v>108367</v>
      </c>
      <c r="FU26" s="328">
        <v>833991</v>
      </c>
      <c r="FV26" s="330">
        <v>925397</v>
      </c>
      <c r="FW26" s="333">
        <v>27286</v>
      </c>
      <c r="FX26" s="327">
        <v>39900</v>
      </c>
      <c r="FY26" s="331">
        <v>67186</v>
      </c>
      <c r="FZ26" s="332">
        <v>0</v>
      </c>
      <c r="GA26" s="327">
        <v>81984</v>
      </c>
      <c r="GB26" s="327">
        <v>188622</v>
      </c>
      <c r="GC26" s="327">
        <v>212933</v>
      </c>
      <c r="GD26" s="327">
        <v>112245</v>
      </c>
      <c r="GE26" s="327">
        <v>108367</v>
      </c>
      <c r="GF26" s="328">
        <v>704151</v>
      </c>
      <c r="GG26" s="334">
        <v>771337</v>
      </c>
      <c r="GH26" s="333">
        <v>0</v>
      </c>
      <c r="GI26" s="327">
        <v>24220</v>
      </c>
      <c r="GJ26" s="331">
        <v>24220</v>
      </c>
      <c r="GK26" s="332">
        <v>0</v>
      </c>
      <c r="GL26" s="327">
        <v>23800</v>
      </c>
      <c r="GM26" s="327">
        <v>18190</v>
      </c>
      <c r="GN26" s="327">
        <v>11550</v>
      </c>
      <c r="GO26" s="327">
        <v>0</v>
      </c>
      <c r="GP26" s="327">
        <v>0</v>
      </c>
      <c r="GQ26" s="328">
        <v>53540</v>
      </c>
      <c r="GR26" s="330">
        <v>77760</v>
      </c>
      <c r="GS26" s="326">
        <v>0</v>
      </c>
      <c r="GT26" s="327">
        <v>0</v>
      </c>
      <c r="GU26" s="328">
        <v>0</v>
      </c>
      <c r="GV26" s="326">
        <v>0</v>
      </c>
      <c r="GW26" s="327">
        <v>76300</v>
      </c>
      <c r="GX26" s="327">
        <v>0</v>
      </c>
      <c r="GY26" s="327">
        <v>0</v>
      </c>
      <c r="GZ26" s="327">
        <v>0</v>
      </c>
      <c r="HA26" s="327">
        <v>0</v>
      </c>
      <c r="HB26" s="331">
        <v>76300</v>
      </c>
      <c r="HC26" s="330">
        <v>76300</v>
      </c>
      <c r="HD26" s="326">
        <v>149566</v>
      </c>
      <c r="HE26" s="327">
        <v>166268</v>
      </c>
      <c r="HF26" s="331">
        <v>315834</v>
      </c>
      <c r="HG26" s="332">
        <v>0</v>
      </c>
      <c r="HH26" s="327">
        <v>677148</v>
      </c>
      <c r="HI26" s="327">
        <v>675547</v>
      </c>
      <c r="HJ26" s="327">
        <v>1648416</v>
      </c>
      <c r="HK26" s="327">
        <v>793184</v>
      </c>
      <c r="HL26" s="327">
        <v>842500</v>
      </c>
      <c r="HM26" s="328">
        <v>4636795</v>
      </c>
      <c r="HN26" s="329">
        <v>4952629</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596867</v>
      </c>
      <c r="IE26" s="357">
        <v>1119575</v>
      </c>
      <c r="IF26" s="358">
        <v>1054011</v>
      </c>
      <c r="IG26" s="356">
        <v>573456</v>
      </c>
      <c r="IH26" s="358">
        <v>0</v>
      </c>
      <c r="II26" s="359">
        <v>3343909</v>
      </c>
      <c r="IJ26" s="358">
        <v>3343909</v>
      </c>
      <c r="IK26" s="342">
        <v>0</v>
      </c>
      <c r="IL26" s="343">
        <v>0</v>
      </c>
      <c r="IM26" s="344">
        <v>0</v>
      </c>
      <c r="IN26" s="404">
        <v>0</v>
      </c>
      <c r="IO26" s="345">
        <v>0</v>
      </c>
      <c r="IP26" s="345">
        <v>0</v>
      </c>
      <c r="IQ26" s="345">
        <v>0</v>
      </c>
      <c r="IR26" s="345">
        <v>0</v>
      </c>
      <c r="IS26" s="345">
        <v>0</v>
      </c>
      <c r="IT26" s="346">
        <v>0</v>
      </c>
      <c r="IU26" s="347">
        <v>0</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498204</v>
      </c>
      <c r="JL26" s="345">
        <v>894061</v>
      </c>
      <c r="JM26" s="345">
        <v>854624</v>
      </c>
      <c r="JN26" s="345">
        <v>109343</v>
      </c>
      <c r="JO26" s="345">
        <v>0</v>
      </c>
      <c r="JP26" s="349">
        <v>2356232</v>
      </c>
      <c r="JQ26" s="347">
        <v>2356232</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98663</v>
      </c>
      <c r="KH26" s="345">
        <v>0</v>
      </c>
      <c r="KI26" s="345">
        <v>199387</v>
      </c>
      <c r="KJ26" s="345">
        <v>0</v>
      </c>
      <c r="KK26" s="345">
        <v>0</v>
      </c>
      <c r="KL26" s="349">
        <v>298050</v>
      </c>
      <c r="KM26" s="354">
        <v>298050</v>
      </c>
      <c r="KN26" s="342">
        <v>0</v>
      </c>
      <c r="KO26" s="343">
        <v>0</v>
      </c>
      <c r="KP26" s="344">
        <v>0</v>
      </c>
      <c r="KQ26" s="404">
        <v>0</v>
      </c>
      <c r="KR26" s="345">
        <v>0</v>
      </c>
      <c r="KS26" s="345">
        <v>225514</v>
      </c>
      <c r="KT26" s="345">
        <v>0</v>
      </c>
      <c r="KU26" s="345">
        <v>464113</v>
      </c>
      <c r="KV26" s="345">
        <v>0</v>
      </c>
      <c r="KW26" s="349">
        <v>689627</v>
      </c>
      <c r="KX26" s="347">
        <v>689627</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0</v>
      </c>
      <c r="MK26" s="345">
        <v>684490</v>
      </c>
      <c r="ML26" s="345">
        <v>1766830</v>
      </c>
      <c r="MM26" s="345">
        <v>2272409</v>
      </c>
      <c r="MN26" s="345">
        <v>434999</v>
      </c>
      <c r="MO26" s="349">
        <v>5158728</v>
      </c>
      <c r="MP26" s="354">
        <v>5158728</v>
      </c>
      <c r="MQ26" s="348">
        <v>0</v>
      </c>
      <c r="MR26" s="345">
        <v>0</v>
      </c>
      <c r="MS26" s="349">
        <v>0</v>
      </c>
      <c r="MT26" s="404">
        <v>0</v>
      </c>
      <c r="MU26" s="345">
        <v>0</v>
      </c>
      <c r="MV26" s="345">
        <v>0</v>
      </c>
      <c r="MW26" s="345">
        <v>1355495</v>
      </c>
      <c r="MX26" s="345">
        <v>1642841</v>
      </c>
      <c r="MY26" s="345">
        <v>434999</v>
      </c>
      <c r="MZ26" s="349">
        <v>3433335</v>
      </c>
      <c r="NA26" s="354">
        <v>3433335</v>
      </c>
      <c r="NB26" s="348">
        <v>0</v>
      </c>
      <c r="NC26" s="345">
        <v>0</v>
      </c>
      <c r="ND26" s="349">
        <v>0</v>
      </c>
      <c r="NE26" s="404">
        <v>0</v>
      </c>
      <c r="NF26" s="345">
        <v>0</v>
      </c>
      <c r="NG26" s="345">
        <v>684490</v>
      </c>
      <c r="NH26" s="345">
        <v>411335</v>
      </c>
      <c r="NI26" s="345">
        <v>307528</v>
      </c>
      <c r="NJ26" s="345">
        <v>0</v>
      </c>
      <c r="NK26" s="349">
        <v>1403353</v>
      </c>
      <c r="NL26" s="347">
        <v>1403353</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322040</v>
      </c>
      <c r="OF26" s="345">
        <v>0</v>
      </c>
      <c r="OG26" s="349">
        <v>322040</v>
      </c>
      <c r="OH26" s="350">
        <v>322040</v>
      </c>
      <c r="OI26" s="348">
        <v>287083</v>
      </c>
      <c r="OJ26" s="345">
        <v>371630</v>
      </c>
      <c r="OK26" s="346">
        <v>658713</v>
      </c>
      <c r="OL26" s="351">
        <v>0</v>
      </c>
      <c r="OM26" s="345">
        <v>3539420</v>
      </c>
      <c r="ON26" s="345">
        <v>5323226</v>
      </c>
      <c r="OO26" s="345">
        <v>6043792</v>
      </c>
      <c r="OP26" s="345">
        <v>5122834</v>
      </c>
      <c r="OQ26" s="345">
        <v>3070858</v>
      </c>
      <c r="OR26" s="349">
        <v>23100130</v>
      </c>
      <c r="OS26" s="354">
        <v>23758843</v>
      </c>
    </row>
    <row r="27" spans="2:409" s="70" customFormat="1" ht="21" customHeight="1" x14ac:dyDescent="0.2">
      <c r="B27" s="106" t="s">
        <v>22</v>
      </c>
      <c r="C27" s="326">
        <v>65352</v>
      </c>
      <c r="D27" s="327">
        <v>91431</v>
      </c>
      <c r="E27" s="328">
        <v>156783</v>
      </c>
      <c r="F27" s="329">
        <v>0</v>
      </c>
      <c r="G27" s="327">
        <v>1437835</v>
      </c>
      <c r="H27" s="327">
        <v>998051</v>
      </c>
      <c r="I27" s="327">
        <v>625091</v>
      </c>
      <c r="J27" s="327">
        <v>1646149</v>
      </c>
      <c r="K27" s="327">
        <v>1119780</v>
      </c>
      <c r="L27" s="367">
        <v>5826906</v>
      </c>
      <c r="M27" s="330">
        <v>5983689</v>
      </c>
      <c r="N27" s="326">
        <v>0</v>
      </c>
      <c r="O27" s="327">
        <v>20255</v>
      </c>
      <c r="P27" s="328">
        <v>20255</v>
      </c>
      <c r="Q27" s="326">
        <v>0</v>
      </c>
      <c r="R27" s="327">
        <v>326037</v>
      </c>
      <c r="S27" s="327">
        <v>213558</v>
      </c>
      <c r="T27" s="327">
        <v>139717</v>
      </c>
      <c r="U27" s="327">
        <v>290543</v>
      </c>
      <c r="V27" s="327">
        <v>491482</v>
      </c>
      <c r="W27" s="328">
        <v>1461337</v>
      </c>
      <c r="X27" s="330">
        <v>1481592</v>
      </c>
      <c r="Y27" s="326">
        <v>0</v>
      </c>
      <c r="Z27" s="327">
        <v>0</v>
      </c>
      <c r="AA27" s="328">
        <v>0</v>
      </c>
      <c r="AB27" s="326">
        <v>0</v>
      </c>
      <c r="AC27" s="327">
        <v>50269</v>
      </c>
      <c r="AD27" s="327">
        <v>54785</v>
      </c>
      <c r="AE27" s="327">
        <v>65072</v>
      </c>
      <c r="AF27" s="327">
        <v>21097</v>
      </c>
      <c r="AG27" s="327">
        <v>121689</v>
      </c>
      <c r="AH27" s="328">
        <v>312912</v>
      </c>
      <c r="AI27" s="330">
        <v>312912</v>
      </c>
      <c r="AJ27" s="326">
        <v>0</v>
      </c>
      <c r="AK27" s="327">
        <v>0</v>
      </c>
      <c r="AL27" s="328">
        <v>0</v>
      </c>
      <c r="AM27" s="326">
        <v>0</v>
      </c>
      <c r="AN27" s="327">
        <v>0</v>
      </c>
      <c r="AO27" s="327">
        <v>0</v>
      </c>
      <c r="AP27" s="327">
        <v>0</v>
      </c>
      <c r="AQ27" s="327">
        <v>79188</v>
      </c>
      <c r="AR27" s="327">
        <v>140003</v>
      </c>
      <c r="AS27" s="328">
        <v>219191</v>
      </c>
      <c r="AT27" s="330">
        <v>219191</v>
      </c>
      <c r="AU27" s="326">
        <v>0</v>
      </c>
      <c r="AV27" s="327">
        <v>16237</v>
      </c>
      <c r="AW27" s="328">
        <v>16237</v>
      </c>
      <c r="AX27" s="326">
        <v>0</v>
      </c>
      <c r="AY27" s="327">
        <v>201155</v>
      </c>
      <c r="AZ27" s="327">
        <v>94570</v>
      </c>
      <c r="BA27" s="327">
        <v>19653</v>
      </c>
      <c r="BB27" s="327">
        <v>83213</v>
      </c>
      <c r="BC27" s="327">
        <v>179936</v>
      </c>
      <c r="BD27" s="328">
        <v>578527</v>
      </c>
      <c r="BE27" s="330">
        <v>594764</v>
      </c>
      <c r="BF27" s="326">
        <v>0</v>
      </c>
      <c r="BG27" s="327">
        <v>0</v>
      </c>
      <c r="BH27" s="331">
        <v>0</v>
      </c>
      <c r="BI27" s="332">
        <v>0</v>
      </c>
      <c r="BJ27" s="327">
        <v>47789</v>
      </c>
      <c r="BK27" s="327">
        <v>20481</v>
      </c>
      <c r="BL27" s="327">
        <v>0</v>
      </c>
      <c r="BM27" s="327">
        <v>27308</v>
      </c>
      <c r="BN27" s="327">
        <v>0</v>
      </c>
      <c r="BO27" s="328">
        <v>95578</v>
      </c>
      <c r="BP27" s="330">
        <v>95578</v>
      </c>
      <c r="BQ27" s="326">
        <v>0</v>
      </c>
      <c r="BR27" s="327">
        <v>4018</v>
      </c>
      <c r="BS27" s="328">
        <v>4018</v>
      </c>
      <c r="BT27" s="326">
        <v>0</v>
      </c>
      <c r="BU27" s="327">
        <v>26824</v>
      </c>
      <c r="BV27" s="327">
        <v>43722</v>
      </c>
      <c r="BW27" s="327">
        <v>54992</v>
      </c>
      <c r="BX27" s="327">
        <v>79737</v>
      </c>
      <c r="BY27" s="327">
        <v>49854</v>
      </c>
      <c r="BZ27" s="328">
        <v>255129</v>
      </c>
      <c r="CA27" s="330">
        <v>259147</v>
      </c>
      <c r="CB27" s="326">
        <v>54642</v>
      </c>
      <c r="CC27" s="327">
        <v>0</v>
      </c>
      <c r="CD27" s="328">
        <v>54642</v>
      </c>
      <c r="CE27" s="326">
        <v>0</v>
      </c>
      <c r="CF27" s="327">
        <v>293790</v>
      </c>
      <c r="CG27" s="327">
        <v>396237</v>
      </c>
      <c r="CH27" s="327">
        <v>36596</v>
      </c>
      <c r="CI27" s="327">
        <v>534366</v>
      </c>
      <c r="CJ27" s="327">
        <v>97171</v>
      </c>
      <c r="CK27" s="328">
        <v>1358160</v>
      </c>
      <c r="CL27" s="330">
        <v>1412802</v>
      </c>
      <c r="CM27" s="326">
        <v>0</v>
      </c>
      <c r="CN27" s="327">
        <v>0</v>
      </c>
      <c r="CO27" s="328">
        <v>0</v>
      </c>
      <c r="CP27" s="332">
        <v>0</v>
      </c>
      <c r="CQ27" s="327">
        <v>132338</v>
      </c>
      <c r="CR27" s="327">
        <v>246243</v>
      </c>
      <c r="CS27" s="327">
        <v>36596</v>
      </c>
      <c r="CT27" s="327">
        <v>534366</v>
      </c>
      <c r="CU27" s="327">
        <v>97171</v>
      </c>
      <c r="CV27" s="328">
        <v>1046714</v>
      </c>
      <c r="CW27" s="330">
        <v>1046714</v>
      </c>
      <c r="CX27" s="326">
        <v>54642</v>
      </c>
      <c r="CY27" s="327">
        <v>0</v>
      </c>
      <c r="CZ27" s="328">
        <v>54642</v>
      </c>
      <c r="DA27" s="326">
        <v>0</v>
      </c>
      <c r="DB27" s="327">
        <v>161452</v>
      </c>
      <c r="DC27" s="327">
        <v>149994</v>
      </c>
      <c r="DD27" s="327">
        <v>0</v>
      </c>
      <c r="DE27" s="327">
        <v>0</v>
      </c>
      <c r="DF27" s="327">
        <v>0</v>
      </c>
      <c r="DG27" s="328">
        <v>311446</v>
      </c>
      <c r="DH27" s="330">
        <v>366088</v>
      </c>
      <c r="DI27" s="326">
        <v>0</v>
      </c>
      <c r="DJ27" s="327">
        <v>0</v>
      </c>
      <c r="DK27" s="331">
        <v>0</v>
      </c>
      <c r="DL27" s="332">
        <v>0</v>
      </c>
      <c r="DM27" s="327">
        <v>0</v>
      </c>
      <c r="DN27" s="327">
        <v>143161</v>
      </c>
      <c r="DO27" s="327">
        <v>17967</v>
      </c>
      <c r="DP27" s="327">
        <v>0</v>
      </c>
      <c r="DQ27" s="327">
        <v>0</v>
      </c>
      <c r="DR27" s="328">
        <v>161128</v>
      </c>
      <c r="DS27" s="330">
        <v>161128</v>
      </c>
      <c r="DT27" s="326">
        <v>0</v>
      </c>
      <c r="DU27" s="327">
        <v>0</v>
      </c>
      <c r="DV27" s="328">
        <v>0</v>
      </c>
      <c r="DW27" s="326">
        <v>0</v>
      </c>
      <c r="DX27" s="327">
        <v>0</v>
      </c>
      <c r="DY27" s="327">
        <v>143161</v>
      </c>
      <c r="DZ27" s="327">
        <v>17967</v>
      </c>
      <c r="EA27" s="327">
        <v>0</v>
      </c>
      <c r="EB27" s="327">
        <v>0</v>
      </c>
      <c r="EC27" s="328">
        <v>161128</v>
      </c>
      <c r="ED27" s="330">
        <v>161128</v>
      </c>
      <c r="EE27" s="326">
        <v>0</v>
      </c>
      <c r="EF27" s="331">
        <v>0</v>
      </c>
      <c r="EG27" s="328">
        <v>0</v>
      </c>
      <c r="EH27" s="326">
        <v>0</v>
      </c>
      <c r="EI27" s="327">
        <v>0</v>
      </c>
      <c r="EJ27" s="327">
        <v>0</v>
      </c>
      <c r="EK27" s="327">
        <v>0</v>
      </c>
      <c r="EL27" s="327">
        <v>0</v>
      </c>
      <c r="EM27" s="327">
        <v>0</v>
      </c>
      <c r="EN27" s="331">
        <v>0</v>
      </c>
      <c r="EO27" s="330">
        <v>0</v>
      </c>
      <c r="EP27" s="326">
        <v>0</v>
      </c>
      <c r="EQ27" s="327">
        <v>0</v>
      </c>
      <c r="ER27" s="331">
        <v>0</v>
      </c>
      <c r="ES27" s="332">
        <v>0</v>
      </c>
      <c r="ET27" s="327">
        <v>0</v>
      </c>
      <c r="EU27" s="327">
        <v>0</v>
      </c>
      <c r="EV27" s="327">
        <v>0</v>
      </c>
      <c r="EW27" s="327">
        <v>0</v>
      </c>
      <c r="EX27" s="327">
        <v>0</v>
      </c>
      <c r="EY27" s="328">
        <v>0</v>
      </c>
      <c r="EZ27" s="330">
        <v>0</v>
      </c>
      <c r="FA27" s="326">
        <v>0</v>
      </c>
      <c r="FB27" s="327">
        <v>0</v>
      </c>
      <c r="FC27" s="331">
        <v>0</v>
      </c>
      <c r="FD27" s="404">
        <v>0</v>
      </c>
      <c r="FE27" s="327">
        <v>0</v>
      </c>
      <c r="FF27" s="327">
        <v>0</v>
      </c>
      <c r="FG27" s="327">
        <v>0</v>
      </c>
      <c r="FH27" s="327">
        <v>0</v>
      </c>
      <c r="FI27" s="327">
        <v>0</v>
      </c>
      <c r="FJ27" s="328">
        <v>0</v>
      </c>
      <c r="FK27" s="330">
        <v>0</v>
      </c>
      <c r="FL27" s="326">
        <v>10710</v>
      </c>
      <c r="FM27" s="327">
        <v>71176</v>
      </c>
      <c r="FN27" s="328">
        <v>81886</v>
      </c>
      <c r="FO27" s="326">
        <v>0</v>
      </c>
      <c r="FP27" s="327">
        <v>273980</v>
      </c>
      <c r="FQ27" s="327">
        <v>81606</v>
      </c>
      <c r="FR27" s="327">
        <v>46760</v>
      </c>
      <c r="FS27" s="327">
        <v>52472</v>
      </c>
      <c r="FT27" s="327">
        <v>114100</v>
      </c>
      <c r="FU27" s="328">
        <v>568918</v>
      </c>
      <c r="FV27" s="330">
        <v>650804</v>
      </c>
      <c r="FW27" s="333">
        <v>10710</v>
      </c>
      <c r="FX27" s="327">
        <v>49000</v>
      </c>
      <c r="FY27" s="331">
        <v>59710</v>
      </c>
      <c r="FZ27" s="332">
        <v>0</v>
      </c>
      <c r="GA27" s="327">
        <v>39620</v>
      </c>
      <c r="GB27" s="327">
        <v>50806</v>
      </c>
      <c r="GC27" s="327">
        <v>46760</v>
      </c>
      <c r="GD27" s="327">
        <v>52472</v>
      </c>
      <c r="GE27" s="327">
        <v>114100</v>
      </c>
      <c r="GF27" s="328">
        <v>303758</v>
      </c>
      <c r="GG27" s="334">
        <v>363468</v>
      </c>
      <c r="GH27" s="333">
        <v>0</v>
      </c>
      <c r="GI27" s="327">
        <v>22176</v>
      </c>
      <c r="GJ27" s="331">
        <v>22176</v>
      </c>
      <c r="GK27" s="332">
        <v>0</v>
      </c>
      <c r="GL27" s="327">
        <v>27720</v>
      </c>
      <c r="GM27" s="327">
        <v>30800</v>
      </c>
      <c r="GN27" s="327">
        <v>0</v>
      </c>
      <c r="GO27" s="327">
        <v>0</v>
      </c>
      <c r="GP27" s="327">
        <v>0</v>
      </c>
      <c r="GQ27" s="328">
        <v>58520</v>
      </c>
      <c r="GR27" s="330">
        <v>80696</v>
      </c>
      <c r="GS27" s="326">
        <v>0</v>
      </c>
      <c r="GT27" s="327">
        <v>0</v>
      </c>
      <c r="GU27" s="328">
        <v>0</v>
      </c>
      <c r="GV27" s="326">
        <v>0</v>
      </c>
      <c r="GW27" s="327">
        <v>206640</v>
      </c>
      <c r="GX27" s="327">
        <v>0</v>
      </c>
      <c r="GY27" s="327">
        <v>0</v>
      </c>
      <c r="GZ27" s="327">
        <v>0</v>
      </c>
      <c r="HA27" s="327">
        <v>0</v>
      </c>
      <c r="HB27" s="331">
        <v>206640</v>
      </c>
      <c r="HC27" s="330">
        <v>206640</v>
      </c>
      <c r="HD27" s="326">
        <v>0</v>
      </c>
      <c r="HE27" s="327">
        <v>0</v>
      </c>
      <c r="HF27" s="331">
        <v>0</v>
      </c>
      <c r="HG27" s="332">
        <v>0</v>
      </c>
      <c r="HH27" s="327">
        <v>544028</v>
      </c>
      <c r="HI27" s="327">
        <v>163489</v>
      </c>
      <c r="HJ27" s="327">
        <v>384051</v>
      </c>
      <c r="HK27" s="327">
        <v>768768</v>
      </c>
      <c r="HL27" s="327">
        <v>417027</v>
      </c>
      <c r="HM27" s="328">
        <v>2277363</v>
      </c>
      <c r="HN27" s="329">
        <v>2277363</v>
      </c>
      <c r="HO27" s="333">
        <v>0</v>
      </c>
      <c r="HP27" s="327">
        <v>0</v>
      </c>
      <c r="HQ27" s="328">
        <v>0</v>
      </c>
      <c r="HR27" s="326">
        <v>0</v>
      </c>
      <c r="HS27" s="327">
        <v>0</v>
      </c>
      <c r="HT27" s="327">
        <v>0</v>
      </c>
      <c r="HU27" s="327">
        <v>0</v>
      </c>
      <c r="HV27" s="327">
        <v>0</v>
      </c>
      <c r="HW27" s="327">
        <v>0</v>
      </c>
      <c r="HX27" s="331">
        <v>0</v>
      </c>
      <c r="HY27" s="330">
        <v>0</v>
      </c>
      <c r="HZ27" s="335">
        <v>0</v>
      </c>
      <c r="IA27" s="336">
        <v>202412</v>
      </c>
      <c r="IB27" s="337">
        <v>202412</v>
      </c>
      <c r="IC27" s="338">
        <v>0</v>
      </c>
      <c r="ID27" s="336">
        <v>245926</v>
      </c>
      <c r="IE27" s="339">
        <v>445758</v>
      </c>
      <c r="IF27" s="337">
        <v>19370</v>
      </c>
      <c r="IG27" s="336">
        <v>188741</v>
      </c>
      <c r="IH27" s="337">
        <v>0</v>
      </c>
      <c r="II27" s="340">
        <v>899795</v>
      </c>
      <c r="IJ27" s="341">
        <v>1102207</v>
      </c>
      <c r="IK27" s="342">
        <v>0</v>
      </c>
      <c r="IL27" s="343">
        <v>0</v>
      </c>
      <c r="IM27" s="344">
        <v>0</v>
      </c>
      <c r="IN27" s="404">
        <v>0</v>
      </c>
      <c r="IO27" s="345">
        <v>0</v>
      </c>
      <c r="IP27" s="345">
        <v>0</v>
      </c>
      <c r="IQ27" s="345">
        <v>0</v>
      </c>
      <c r="IR27" s="345">
        <v>188741</v>
      </c>
      <c r="IS27" s="345">
        <v>0</v>
      </c>
      <c r="IT27" s="346">
        <v>188741</v>
      </c>
      <c r="IU27" s="347">
        <v>188741</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233960</v>
      </c>
      <c r="JL27" s="345">
        <v>313345</v>
      </c>
      <c r="JM27" s="345">
        <v>19370</v>
      </c>
      <c r="JN27" s="345">
        <v>0</v>
      </c>
      <c r="JO27" s="345">
        <v>0</v>
      </c>
      <c r="JP27" s="349">
        <v>566675</v>
      </c>
      <c r="JQ27" s="347">
        <v>566675</v>
      </c>
      <c r="JR27" s="348">
        <v>0</v>
      </c>
      <c r="JS27" s="345">
        <v>0</v>
      </c>
      <c r="JT27" s="346">
        <v>0</v>
      </c>
      <c r="JU27" s="351">
        <v>0</v>
      </c>
      <c r="JV27" s="345">
        <v>11966</v>
      </c>
      <c r="JW27" s="345">
        <v>0</v>
      </c>
      <c r="JX27" s="345">
        <v>0</v>
      </c>
      <c r="JY27" s="345">
        <v>0</v>
      </c>
      <c r="JZ27" s="345">
        <v>0</v>
      </c>
      <c r="KA27" s="349">
        <v>11966</v>
      </c>
      <c r="KB27" s="347">
        <v>11966</v>
      </c>
      <c r="KC27" s="352">
        <v>0</v>
      </c>
      <c r="KD27" s="353">
        <v>0</v>
      </c>
      <c r="KE27" s="349">
        <v>0</v>
      </c>
      <c r="KF27" s="351">
        <v>0</v>
      </c>
      <c r="KG27" s="345">
        <v>0</v>
      </c>
      <c r="KH27" s="345">
        <v>132413</v>
      </c>
      <c r="KI27" s="345">
        <v>0</v>
      </c>
      <c r="KJ27" s="345">
        <v>0</v>
      </c>
      <c r="KK27" s="345">
        <v>0</v>
      </c>
      <c r="KL27" s="349">
        <v>132413</v>
      </c>
      <c r="KM27" s="354">
        <v>132413</v>
      </c>
      <c r="KN27" s="342">
        <v>0</v>
      </c>
      <c r="KO27" s="343">
        <v>202412</v>
      </c>
      <c r="KP27" s="344">
        <v>202412</v>
      </c>
      <c r="KQ27" s="404">
        <v>0</v>
      </c>
      <c r="KR27" s="345">
        <v>0</v>
      </c>
      <c r="KS27" s="345">
        <v>0</v>
      </c>
      <c r="KT27" s="345">
        <v>0</v>
      </c>
      <c r="KU27" s="345">
        <v>0</v>
      </c>
      <c r="KV27" s="345">
        <v>0</v>
      </c>
      <c r="KW27" s="349">
        <v>0</v>
      </c>
      <c r="KX27" s="347">
        <v>202412</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0</v>
      </c>
      <c r="LP27" s="345">
        <v>0</v>
      </c>
      <c r="LQ27" s="345">
        <v>0</v>
      </c>
      <c r="LR27" s="345">
        <v>0</v>
      </c>
      <c r="LS27" s="349">
        <v>0</v>
      </c>
      <c r="LT27" s="347">
        <v>0</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37401</v>
      </c>
      <c r="MK27" s="345">
        <v>421177</v>
      </c>
      <c r="ML27" s="345">
        <v>209568</v>
      </c>
      <c r="MM27" s="345">
        <v>245349</v>
      </c>
      <c r="MN27" s="345">
        <v>289593</v>
      </c>
      <c r="MO27" s="349">
        <v>1203088</v>
      </c>
      <c r="MP27" s="354">
        <v>1203088</v>
      </c>
      <c r="MQ27" s="348">
        <v>0</v>
      </c>
      <c r="MR27" s="345">
        <v>0</v>
      </c>
      <c r="MS27" s="349">
        <v>0</v>
      </c>
      <c r="MT27" s="404">
        <v>0</v>
      </c>
      <c r="MU27" s="345">
        <v>0</v>
      </c>
      <c r="MV27" s="345">
        <v>205437</v>
      </c>
      <c r="MW27" s="345">
        <v>209568</v>
      </c>
      <c r="MX27" s="345">
        <v>0</v>
      </c>
      <c r="MY27" s="345">
        <v>0</v>
      </c>
      <c r="MZ27" s="349">
        <v>415005</v>
      </c>
      <c r="NA27" s="354">
        <v>415005</v>
      </c>
      <c r="NB27" s="348">
        <v>0</v>
      </c>
      <c r="NC27" s="345">
        <v>0</v>
      </c>
      <c r="ND27" s="349">
        <v>0</v>
      </c>
      <c r="NE27" s="404">
        <v>0</v>
      </c>
      <c r="NF27" s="345">
        <v>37401</v>
      </c>
      <c r="NG27" s="345">
        <v>215740</v>
      </c>
      <c r="NH27" s="345">
        <v>0</v>
      </c>
      <c r="NI27" s="345">
        <v>245349</v>
      </c>
      <c r="NJ27" s="345">
        <v>289593</v>
      </c>
      <c r="NK27" s="349">
        <v>788083</v>
      </c>
      <c r="NL27" s="347">
        <v>788083</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0</v>
      </c>
      <c r="OF27" s="345">
        <v>0</v>
      </c>
      <c r="OG27" s="349">
        <v>0</v>
      </c>
      <c r="OH27" s="350">
        <v>0</v>
      </c>
      <c r="OI27" s="348">
        <v>65352</v>
      </c>
      <c r="OJ27" s="345">
        <v>293843</v>
      </c>
      <c r="OK27" s="346">
        <v>359195</v>
      </c>
      <c r="OL27" s="351">
        <v>0</v>
      </c>
      <c r="OM27" s="345">
        <v>1721162</v>
      </c>
      <c r="ON27" s="345">
        <v>1864986</v>
      </c>
      <c r="OO27" s="345">
        <v>854029</v>
      </c>
      <c r="OP27" s="345">
        <v>2080239</v>
      </c>
      <c r="OQ27" s="345">
        <v>1409373</v>
      </c>
      <c r="OR27" s="349">
        <v>7929789</v>
      </c>
      <c r="OS27" s="354">
        <v>8288984</v>
      </c>
    </row>
    <row r="28" spans="2:409" s="70" customFormat="1" ht="21" customHeight="1" x14ac:dyDescent="0.2">
      <c r="B28" s="106" t="s">
        <v>23</v>
      </c>
      <c r="C28" s="326">
        <v>166661</v>
      </c>
      <c r="D28" s="327">
        <v>486451</v>
      </c>
      <c r="E28" s="328">
        <v>653112</v>
      </c>
      <c r="F28" s="329">
        <v>0</v>
      </c>
      <c r="G28" s="327">
        <v>873697</v>
      </c>
      <c r="H28" s="327">
        <v>2742126</v>
      </c>
      <c r="I28" s="327">
        <v>2334625</v>
      </c>
      <c r="J28" s="327">
        <v>1618595</v>
      </c>
      <c r="K28" s="327">
        <v>2424584</v>
      </c>
      <c r="L28" s="367">
        <v>9993627</v>
      </c>
      <c r="M28" s="330">
        <v>10646739</v>
      </c>
      <c r="N28" s="326">
        <v>94264</v>
      </c>
      <c r="O28" s="327">
        <v>165331</v>
      </c>
      <c r="P28" s="328">
        <v>259595</v>
      </c>
      <c r="Q28" s="326">
        <v>0</v>
      </c>
      <c r="R28" s="327">
        <v>130797</v>
      </c>
      <c r="S28" s="327">
        <v>684614</v>
      </c>
      <c r="T28" s="327">
        <v>921925</v>
      </c>
      <c r="U28" s="327">
        <v>479144</v>
      </c>
      <c r="V28" s="327">
        <v>1116034</v>
      </c>
      <c r="W28" s="328">
        <v>3332514</v>
      </c>
      <c r="X28" s="330">
        <v>3592109</v>
      </c>
      <c r="Y28" s="326">
        <v>0</v>
      </c>
      <c r="Z28" s="327">
        <v>0</v>
      </c>
      <c r="AA28" s="328">
        <v>0</v>
      </c>
      <c r="AB28" s="326">
        <v>0</v>
      </c>
      <c r="AC28" s="327">
        <v>15579</v>
      </c>
      <c r="AD28" s="327">
        <v>107715</v>
      </c>
      <c r="AE28" s="327">
        <v>457199</v>
      </c>
      <c r="AF28" s="327">
        <v>22492</v>
      </c>
      <c r="AG28" s="327">
        <v>894356</v>
      </c>
      <c r="AH28" s="328">
        <v>1497341</v>
      </c>
      <c r="AI28" s="330">
        <v>1497341</v>
      </c>
      <c r="AJ28" s="326">
        <v>0</v>
      </c>
      <c r="AK28" s="327">
        <v>0</v>
      </c>
      <c r="AL28" s="328">
        <v>0</v>
      </c>
      <c r="AM28" s="326">
        <v>0</v>
      </c>
      <c r="AN28" s="327">
        <v>0</v>
      </c>
      <c r="AO28" s="327">
        <v>40982</v>
      </c>
      <c r="AP28" s="327">
        <v>52546</v>
      </c>
      <c r="AQ28" s="327">
        <v>103702</v>
      </c>
      <c r="AR28" s="327">
        <v>0</v>
      </c>
      <c r="AS28" s="328">
        <v>197230</v>
      </c>
      <c r="AT28" s="330">
        <v>197230</v>
      </c>
      <c r="AU28" s="326">
        <v>79039</v>
      </c>
      <c r="AV28" s="327">
        <v>101223</v>
      </c>
      <c r="AW28" s="328">
        <v>180262</v>
      </c>
      <c r="AX28" s="326">
        <v>0</v>
      </c>
      <c r="AY28" s="327">
        <v>59125</v>
      </c>
      <c r="AZ28" s="327">
        <v>392783</v>
      </c>
      <c r="BA28" s="327">
        <v>294384</v>
      </c>
      <c r="BB28" s="327">
        <v>214392</v>
      </c>
      <c r="BC28" s="327">
        <v>56226</v>
      </c>
      <c r="BD28" s="328">
        <v>1016910</v>
      </c>
      <c r="BE28" s="330">
        <v>1197172</v>
      </c>
      <c r="BF28" s="326">
        <v>0</v>
      </c>
      <c r="BG28" s="327">
        <v>29997</v>
      </c>
      <c r="BH28" s="331">
        <v>29997</v>
      </c>
      <c r="BI28" s="332">
        <v>0</v>
      </c>
      <c r="BJ28" s="327">
        <v>15647</v>
      </c>
      <c r="BK28" s="327">
        <v>66176</v>
      </c>
      <c r="BL28" s="327">
        <v>0</v>
      </c>
      <c r="BM28" s="327">
        <v>0</v>
      </c>
      <c r="BN28" s="327">
        <v>0</v>
      </c>
      <c r="BO28" s="328">
        <v>81823</v>
      </c>
      <c r="BP28" s="330">
        <v>111820</v>
      </c>
      <c r="BQ28" s="326">
        <v>15225</v>
      </c>
      <c r="BR28" s="327">
        <v>34111</v>
      </c>
      <c r="BS28" s="328">
        <v>49336</v>
      </c>
      <c r="BT28" s="326">
        <v>0</v>
      </c>
      <c r="BU28" s="327">
        <v>40446</v>
      </c>
      <c r="BV28" s="327">
        <v>76958</v>
      </c>
      <c r="BW28" s="327">
        <v>117796</v>
      </c>
      <c r="BX28" s="327">
        <v>138558</v>
      </c>
      <c r="BY28" s="327">
        <v>165452</v>
      </c>
      <c r="BZ28" s="328">
        <v>539210</v>
      </c>
      <c r="CA28" s="330">
        <v>588546</v>
      </c>
      <c r="CB28" s="326">
        <v>0</v>
      </c>
      <c r="CC28" s="327">
        <v>0</v>
      </c>
      <c r="CD28" s="328">
        <v>0</v>
      </c>
      <c r="CE28" s="326">
        <v>0</v>
      </c>
      <c r="CF28" s="327">
        <v>442972</v>
      </c>
      <c r="CG28" s="327">
        <v>633844</v>
      </c>
      <c r="CH28" s="327">
        <v>828302</v>
      </c>
      <c r="CI28" s="327">
        <v>169486</v>
      </c>
      <c r="CJ28" s="327">
        <v>186377</v>
      </c>
      <c r="CK28" s="328">
        <v>2260981</v>
      </c>
      <c r="CL28" s="330">
        <v>2260981</v>
      </c>
      <c r="CM28" s="326">
        <v>0</v>
      </c>
      <c r="CN28" s="327">
        <v>0</v>
      </c>
      <c r="CO28" s="328">
        <v>0</v>
      </c>
      <c r="CP28" s="332">
        <v>0</v>
      </c>
      <c r="CQ28" s="327">
        <v>442972</v>
      </c>
      <c r="CR28" s="327">
        <v>633844</v>
      </c>
      <c r="CS28" s="327">
        <v>358563</v>
      </c>
      <c r="CT28" s="327">
        <v>169486</v>
      </c>
      <c r="CU28" s="327">
        <v>186377</v>
      </c>
      <c r="CV28" s="328">
        <v>1791242</v>
      </c>
      <c r="CW28" s="330">
        <v>1791242</v>
      </c>
      <c r="CX28" s="326">
        <v>0</v>
      </c>
      <c r="CY28" s="327">
        <v>0</v>
      </c>
      <c r="CZ28" s="328">
        <v>0</v>
      </c>
      <c r="DA28" s="326">
        <v>0</v>
      </c>
      <c r="DB28" s="327">
        <v>0</v>
      </c>
      <c r="DC28" s="327">
        <v>0</v>
      </c>
      <c r="DD28" s="327">
        <v>469739</v>
      </c>
      <c r="DE28" s="327">
        <v>0</v>
      </c>
      <c r="DF28" s="327">
        <v>0</v>
      </c>
      <c r="DG28" s="328">
        <v>469739</v>
      </c>
      <c r="DH28" s="330">
        <v>469739</v>
      </c>
      <c r="DI28" s="326">
        <v>20367</v>
      </c>
      <c r="DJ28" s="327">
        <v>0</v>
      </c>
      <c r="DK28" s="331">
        <v>20367</v>
      </c>
      <c r="DL28" s="332">
        <v>0</v>
      </c>
      <c r="DM28" s="327">
        <v>65253</v>
      </c>
      <c r="DN28" s="327">
        <v>315415</v>
      </c>
      <c r="DO28" s="327">
        <v>146688</v>
      </c>
      <c r="DP28" s="327">
        <v>52248</v>
      </c>
      <c r="DQ28" s="327">
        <v>0</v>
      </c>
      <c r="DR28" s="328">
        <v>579604</v>
      </c>
      <c r="DS28" s="330">
        <v>599971</v>
      </c>
      <c r="DT28" s="326">
        <v>20367</v>
      </c>
      <c r="DU28" s="327">
        <v>0</v>
      </c>
      <c r="DV28" s="328">
        <v>20367</v>
      </c>
      <c r="DW28" s="326">
        <v>0</v>
      </c>
      <c r="DX28" s="327">
        <v>65253</v>
      </c>
      <c r="DY28" s="327">
        <v>315415</v>
      </c>
      <c r="DZ28" s="327">
        <v>146688</v>
      </c>
      <c r="EA28" s="327">
        <v>52248</v>
      </c>
      <c r="EB28" s="327">
        <v>0</v>
      </c>
      <c r="EC28" s="328">
        <v>579604</v>
      </c>
      <c r="ED28" s="330">
        <v>599971</v>
      </c>
      <c r="EE28" s="326">
        <v>0</v>
      </c>
      <c r="EF28" s="331">
        <v>0</v>
      </c>
      <c r="EG28" s="328">
        <v>0</v>
      </c>
      <c r="EH28" s="326">
        <v>0</v>
      </c>
      <c r="EI28" s="327">
        <v>0</v>
      </c>
      <c r="EJ28" s="327">
        <v>0</v>
      </c>
      <c r="EK28" s="327">
        <v>0</v>
      </c>
      <c r="EL28" s="327">
        <v>0</v>
      </c>
      <c r="EM28" s="327">
        <v>0</v>
      </c>
      <c r="EN28" s="331">
        <v>0</v>
      </c>
      <c r="EO28" s="330">
        <v>0</v>
      </c>
      <c r="EP28" s="326">
        <v>0</v>
      </c>
      <c r="EQ28" s="327">
        <v>0</v>
      </c>
      <c r="ER28" s="331">
        <v>0</v>
      </c>
      <c r="ES28" s="332">
        <v>0</v>
      </c>
      <c r="ET28" s="327">
        <v>0</v>
      </c>
      <c r="EU28" s="327">
        <v>0</v>
      </c>
      <c r="EV28" s="327">
        <v>0</v>
      </c>
      <c r="EW28" s="327">
        <v>0</v>
      </c>
      <c r="EX28" s="327">
        <v>0</v>
      </c>
      <c r="EY28" s="328">
        <v>0</v>
      </c>
      <c r="EZ28" s="330">
        <v>0</v>
      </c>
      <c r="FA28" s="326">
        <v>0</v>
      </c>
      <c r="FB28" s="327">
        <v>0</v>
      </c>
      <c r="FC28" s="331">
        <v>0</v>
      </c>
      <c r="FD28" s="404">
        <v>0</v>
      </c>
      <c r="FE28" s="327">
        <v>0</v>
      </c>
      <c r="FF28" s="327">
        <v>0</v>
      </c>
      <c r="FG28" s="327">
        <v>0</v>
      </c>
      <c r="FH28" s="327">
        <v>0</v>
      </c>
      <c r="FI28" s="327">
        <v>0</v>
      </c>
      <c r="FJ28" s="328">
        <v>0</v>
      </c>
      <c r="FK28" s="330">
        <v>0</v>
      </c>
      <c r="FL28" s="326">
        <v>2184</v>
      </c>
      <c r="FM28" s="327">
        <v>240254</v>
      </c>
      <c r="FN28" s="328">
        <v>242438</v>
      </c>
      <c r="FO28" s="326">
        <v>0</v>
      </c>
      <c r="FP28" s="327">
        <v>93086</v>
      </c>
      <c r="FQ28" s="327">
        <v>187964</v>
      </c>
      <c r="FR28" s="327">
        <v>250395</v>
      </c>
      <c r="FS28" s="327">
        <v>116858</v>
      </c>
      <c r="FT28" s="327">
        <v>53746</v>
      </c>
      <c r="FU28" s="328">
        <v>702049</v>
      </c>
      <c r="FV28" s="330">
        <v>944487</v>
      </c>
      <c r="FW28" s="333">
        <v>2184</v>
      </c>
      <c r="FX28" s="327">
        <v>53424</v>
      </c>
      <c r="FY28" s="331">
        <v>55608</v>
      </c>
      <c r="FZ28" s="332">
        <v>0</v>
      </c>
      <c r="GA28" s="327">
        <v>68166</v>
      </c>
      <c r="GB28" s="327">
        <v>187964</v>
      </c>
      <c r="GC28" s="327">
        <v>224754</v>
      </c>
      <c r="GD28" s="327">
        <v>116858</v>
      </c>
      <c r="GE28" s="327">
        <v>53746</v>
      </c>
      <c r="GF28" s="328">
        <v>651488</v>
      </c>
      <c r="GG28" s="334">
        <v>707096</v>
      </c>
      <c r="GH28" s="333">
        <v>0</v>
      </c>
      <c r="GI28" s="327">
        <v>0</v>
      </c>
      <c r="GJ28" s="331">
        <v>0</v>
      </c>
      <c r="GK28" s="332">
        <v>0</v>
      </c>
      <c r="GL28" s="327">
        <v>24920</v>
      </c>
      <c r="GM28" s="327">
        <v>0</v>
      </c>
      <c r="GN28" s="327">
        <v>25641</v>
      </c>
      <c r="GO28" s="327">
        <v>0</v>
      </c>
      <c r="GP28" s="327">
        <v>0</v>
      </c>
      <c r="GQ28" s="328">
        <v>50561</v>
      </c>
      <c r="GR28" s="330">
        <v>50561</v>
      </c>
      <c r="GS28" s="326">
        <v>0</v>
      </c>
      <c r="GT28" s="327">
        <v>186830</v>
      </c>
      <c r="GU28" s="328">
        <v>186830</v>
      </c>
      <c r="GV28" s="326">
        <v>0</v>
      </c>
      <c r="GW28" s="327">
        <v>0</v>
      </c>
      <c r="GX28" s="327">
        <v>0</v>
      </c>
      <c r="GY28" s="327">
        <v>0</v>
      </c>
      <c r="GZ28" s="327">
        <v>0</v>
      </c>
      <c r="HA28" s="327">
        <v>0</v>
      </c>
      <c r="HB28" s="331">
        <v>0</v>
      </c>
      <c r="HC28" s="330">
        <v>186830</v>
      </c>
      <c r="HD28" s="326">
        <v>49846</v>
      </c>
      <c r="HE28" s="327">
        <v>80866</v>
      </c>
      <c r="HF28" s="331">
        <v>130712</v>
      </c>
      <c r="HG28" s="332">
        <v>0</v>
      </c>
      <c r="HH28" s="327">
        <v>141589</v>
      </c>
      <c r="HI28" s="327">
        <v>920289</v>
      </c>
      <c r="HJ28" s="327">
        <v>187315</v>
      </c>
      <c r="HK28" s="327">
        <v>800859</v>
      </c>
      <c r="HL28" s="327">
        <v>1068427</v>
      </c>
      <c r="HM28" s="328">
        <v>3118479</v>
      </c>
      <c r="HN28" s="329">
        <v>3249191</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323857</v>
      </c>
      <c r="IE28" s="357">
        <v>172827</v>
      </c>
      <c r="IF28" s="358">
        <v>724891</v>
      </c>
      <c r="IG28" s="356">
        <v>219629</v>
      </c>
      <c r="IH28" s="358">
        <v>756993</v>
      </c>
      <c r="II28" s="359">
        <v>2198197</v>
      </c>
      <c r="IJ28" s="358">
        <v>2198197</v>
      </c>
      <c r="IK28" s="342">
        <v>0</v>
      </c>
      <c r="IL28" s="343">
        <v>0</v>
      </c>
      <c r="IM28" s="344">
        <v>0</v>
      </c>
      <c r="IN28" s="404">
        <v>0</v>
      </c>
      <c r="IO28" s="345">
        <v>0</v>
      </c>
      <c r="IP28" s="345">
        <v>0</v>
      </c>
      <c r="IQ28" s="345">
        <v>0</v>
      </c>
      <c r="IR28" s="345">
        <v>0</v>
      </c>
      <c r="IS28" s="345">
        <v>278616</v>
      </c>
      <c r="IT28" s="346">
        <v>278616</v>
      </c>
      <c r="IU28" s="347">
        <v>278616</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107693</v>
      </c>
      <c r="JL28" s="345">
        <v>29640</v>
      </c>
      <c r="JM28" s="345">
        <v>27782</v>
      </c>
      <c r="JN28" s="345">
        <v>0</v>
      </c>
      <c r="JO28" s="345">
        <v>0</v>
      </c>
      <c r="JP28" s="349">
        <v>165115</v>
      </c>
      <c r="JQ28" s="347">
        <v>165115</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0</v>
      </c>
      <c r="KJ28" s="345">
        <v>0</v>
      </c>
      <c r="KK28" s="345">
        <v>0</v>
      </c>
      <c r="KL28" s="349">
        <v>0</v>
      </c>
      <c r="KM28" s="354">
        <v>0</v>
      </c>
      <c r="KN28" s="342">
        <v>0</v>
      </c>
      <c r="KO28" s="343">
        <v>0</v>
      </c>
      <c r="KP28" s="344">
        <v>0</v>
      </c>
      <c r="KQ28" s="404">
        <v>0</v>
      </c>
      <c r="KR28" s="345">
        <v>216164</v>
      </c>
      <c r="KS28" s="345">
        <v>0</v>
      </c>
      <c r="KT28" s="345">
        <v>697109</v>
      </c>
      <c r="KU28" s="345">
        <v>0</v>
      </c>
      <c r="KV28" s="345">
        <v>478377</v>
      </c>
      <c r="KW28" s="349">
        <v>1391650</v>
      </c>
      <c r="KX28" s="347">
        <v>1391650</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143187</v>
      </c>
      <c r="MA28" s="345">
        <v>0</v>
      </c>
      <c r="MB28" s="345">
        <v>219629</v>
      </c>
      <c r="MC28" s="345">
        <v>0</v>
      </c>
      <c r="MD28" s="349">
        <v>362816</v>
      </c>
      <c r="ME28" s="350">
        <v>362816</v>
      </c>
      <c r="MF28" s="348">
        <v>0</v>
      </c>
      <c r="MG28" s="345">
        <v>0</v>
      </c>
      <c r="MH28" s="349">
        <v>0</v>
      </c>
      <c r="MI28" s="404">
        <v>0</v>
      </c>
      <c r="MJ28" s="345">
        <v>0</v>
      </c>
      <c r="MK28" s="345">
        <v>0</v>
      </c>
      <c r="ML28" s="345">
        <v>745579</v>
      </c>
      <c r="MM28" s="345">
        <v>361973</v>
      </c>
      <c r="MN28" s="345">
        <v>1380754</v>
      </c>
      <c r="MO28" s="349">
        <v>2488306</v>
      </c>
      <c r="MP28" s="354">
        <v>2488306</v>
      </c>
      <c r="MQ28" s="348">
        <v>0</v>
      </c>
      <c r="MR28" s="345">
        <v>0</v>
      </c>
      <c r="MS28" s="349">
        <v>0</v>
      </c>
      <c r="MT28" s="404">
        <v>0</v>
      </c>
      <c r="MU28" s="345">
        <v>0</v>
      </c>
      <c r="MV28" s="345">
        <v>0</v>
      </c>
      <c r="MW28" s="345">
        <v>745579</v>
      </c>
      <c r="MX28" s="345">
        <v>361973</v>
      </c>
      <c r="MY28" s="345">
        <v>508288</v>
      </c>
      <c r="MZ28" s="349">
        <v>1615840</v>
      </c>
      <c r="NA28" s="354">
        <v>1615840</v>
      </c>
      <c r="NB28" s="348">
        <v>0</v>
      </c>
      <c r="NC28" s="345">
        <v>0</v>
      </c>
      <c r="ND28" s="349">
        <v>0</v>
      </c>
      <c r="NE28" s="404">
        <v>0</v>
      </c>
      <c r="NF28" s="345">
        <v>0</v>
      </c>
      <c r="NG28" s="345">
        <v>0</v>
      </c>
      <c r="NH28" s="345">
        <v>0</v>
      </c>
      <c r="NI28" s="345">
        <v>0</v>
      </c>
      <c r="NJ28" s="345">
        <v>529382</v>
      </c>
      <c r="NK28" s="349">
        <v>529382</v>
      </c>
      <c r="NL28" s="347">
        <v>529382</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343084</v>
      </c>
      <c r="OG28" s="349">
        <v>343084</v>
      </c>
      <c r="OH28" s="350">
        <v>343084</v>
      </c>
      <c r="OI28" s="348">
        <v>166661</v>
      </c>
      <c r="OJ28" s="345">
        <v>486451</v>
      </c>
      <c r="OK28" s="346">
        <v>653112</v>
      </c>
      <c r="OL28" s="351">
        <v>0</v>
      </c>
      <c r="OM28" s="345">
        <v>1197554</v>
      </c>
      <c r="ON28" s="345">
        <v>2914953</v>
      </c>
      <c r="OO28" s="345">
        <v>3805095</v>
      </c>
      <c r="OP28" s="345">
        <v>2200197</v>
      </c>
      <c r="OQ28" s="345">
        <v>4562331</v>
      </c>
      <c r="OR28" s="349">
        <v>14680130</v>
      </c>
      <c r="OS28" s="354">
        <v>15333242</v>
      </c>
    </row>
    <row r="29" spans="2:409" s="70" customFormat="1" ht="21" customHeight="1" x14ac:dyDescent="0.2">
      <c r="B29" s="106" t="s">
        <v>24</v>
      </c>
      <c r="C29" s="326">
        <v>361972</v>
      </c>
      <c r="D29" s="327">
        <v>321308</v>
      </c>
      <c r="E29" s="328">
        <v>683280</v>
      </c>
      <c r="F29" s="329">
        <v>0</v>
      </c>
      <c r="G29" s="327">
        <v>2103385</v>
      </c>
      <c r="H29" s="327">
        <v>2184240</v>
      </c>
      <c r="I29" s="327">
        <v>1592178</v>
      </c>
      <c r="J29" s="327">
        <v>1669319</v>
      </c>
      <c r="K29" s="327">
        <v>3201935</v>
      </c>
      <c r="L29" s="367">
        <v>10751057</v>
      </c>
      <c r="M29" s="330">
        <v>11434337</v>
      </c>
      <c r="N29" s="326">
        <v>102693</v>
      </c>
      <c r="O29" s="327">
        <v>99941</v>
      </c>
      <c r="P29" s="328">
        <v>202634</v>
      </c>
      <c r="Q29" s="326">
        <v>0</v>
      </c>
      <c r="R29" s="327">
        <v>702877</v>
      </c>
      <c r="S29" s="327">
        <v>809946</v>
      </c>
      <c r="T29" s="327">
        <v>385888</v>
      </c>
      <c r="U29" s="327">
        <v>567081</v>
      </c>
      <c r="V29" s="327">
        <v>1729742</v>
      </c>
      <c r="W29" s="328">
        <v>4195534</v>
      </c>
      <c r="X29" s="330">
        <v>4398168</v>
      </c>
      <c r="Y29" s="326">
        <v>0</v>
      </c>
      <c r="Z29" s="327">
        <v>0</v>
      </c>
      <c r="AA29" s="328">
        <v>0</v>
      </c>
      <c r="AB29" s="326">
        <v>0</v>
      </c>
      <c r="AC29" s="327">
        <v>324722</v>
      </c>
      <c r="AD29" s="327">
        <v>312866</v>
      </c>
      <c r="AE29" s="327">
        <v>72189</v>
      </c>
      <c r="AF29" s="327">
        <v>328422</v>
      </c>
      <c r="AG29" s="327">
        <v>939437</v>
      </c>
      <c r="AH29" s="328">
        <v>1977636</v>
      </c>
      <c r="AI29" s="330">
        <v>1977636</v>
      </c>
      <c r="AJ29" s="326">
        <v>0</v>
      </c>
      <c r="AK29" s="327">
        <v>0</v>
      </c>
      <c r="AL29" s="328">
        <v>0</v>
      </c>
      <c r="AM29" s="326">
        <v>0</v>
      </c>
      <c r="AN29" s="327">
        <v>0</v>
      </c>
      <c r="AO29" s="327">
        <v>0</v>
      </c>
      <c r="AP29" s="327">
        <v>0</v>
      </c>
      <c r="AQ29" s="327">
        <v>0</v>
      </c>
      <c r="AR29" s="327">
        <v>180285</v>
      </c>
      <c r="AS29" s="328">
        <v>180285</v>
      </c>
      <c r="AT29" s="330">
        <v>180285</v>
      </c>
      <c r="AU29" s="326">
        <v>52769</v>
      </c>
      <c r="AV29" s="327">
        <v>91513</v>
      </c>
      <c r="AW29" s="328">
        <v>144282</v>
      </c>
      <c r="AX29" s="326">
        <v>0</v>
      </c>
      <c r="AY29" s="327">
        <v>258490</v>
      </c>
      <c r="AZ29" s="327">
        <v>384758</v>
      </c>
      <c r="BA29" s="327">
        <v>175617</v>
      </c>
      <c r="BB29" s="327">
        <v>67824</v>
      </c>
      <c r="BC29" s="327">
        <v>370067</v>
      </c>
      <c r="BD29" s="328">
        <v>1256756</v>
      </c>
      <c r="BE29" s="330">
        <v>1401038</v>
      </c>
      <c r="BF29" s="326">
        <v>0</v>
      </c>
      <c r="BG29" s="327">
        <v>0</v>
      </c>
      <c r="BH29" s="331">
        <v>0</v>
      </c>
      <c r="BI29" s="332">
        <v>0</v>
      </c>
      <c r="BJ29" s="327">
        <v>0</v>
      </c>
      <c r="BK29" s="327">
        <v>0</v>
      </c>
      <c r="BL29" s="327">
        <v>0</v>
      </c>
      <c r="BM29" s="327">
        <v>0</v>
      </c>
      <c r="BN29" s="327">
        <v>0</v>
      </c>
      <c r="BO29" s="328">
        <v>0</v>
      </c>
      <c r="BP29" s="330">
        <v>0</v>
      </c>
      <c r="BQ29" s="326">
        <v>49924</v>
      </c>
      <c r="BR29" s="327">
        <v>8428</v>
      </c>
      <c r="BS29" s="328">
        <v>58352</v>
      </c>
      <c r="BT29" s="326">
        <v>0</v>
      </c>
      <c r="BU29" s="327">
        <v>119665</v>
      </c>
      <c r="BV29" s="327">
        <v>112322</v>
      </c>
      <c r="BW29" s="327">
        <v>138082</v>
      </c>
      <c r="BX29" s="327">
        <v>170835</v>
      </c>
      <c r="BY29" s="327">
        <v>239953</v>
      </c>
      <c r="BZ29" s="328">
        <v>780857</v>
      </c>
      <c r="CA29" s="330">
        <v>839209</v>
      </c>
      <c r="CB29" s="326">
        <v>37527</v>
      </c>
      <c r="CC29" s="327">
        <v>34794</v>
      </c>
      <c r="CD29" s="328">
        <v>72321</v>
      </c>
      <c r="CE29" s="326">
        <v>0</v>
      </c>
      <c r="CF29" s="327">
        <v>571456</v>
      </c>
      <c r="CG29" s="327">
        <v>505251</v>
      </c>
      <c r="CH29" s="327">
        <v>134056</v>
      </c>
      <c r="CI29" s="327">
        <v>36428</v>
      </c>
      <c r="CJ29" s="327">
        <v>36511</v>
      </c>
      <c r="CK29" s="328">
        <v>1283702</v>
      </c>
      <c r="CL29" s="330">
        <v>1356023</v>
      </c>
      <c r="CM29" s="326">
        <v>0</v>
      </c>
      <c r="CN29" s="327">
        <v>0</v>
      </c>
      <c r="CO29" s="328">
        <v>0</v>
      </c>
      <c r="CP29" s="332">
        <v>0</v>
      </c>
      <c r="CQ29" s="327">
        <v>266121</v>
      </c>
      <c r="CR29" s="327">
        <v>405308</v>
      </c>
      <c r="CS29" s="327">
        <v>134056</v>
      </c>
      <c r="CT29" s="327">
        <v>36428</v>
      </c>
      <c r="CU29" s="327">
        <v>0</v>
      </c>
      <c r="CV29" s="328">
        <v>841913</v>
      </c>
      <c r="CW29" s="330">
        <v>841913</v>
      </c>
      <c r="CX29" s="326">
        <v>37527</v>
      </c>
      <c r="CY29" s="327">
        <v>34794</v>
      </c>
      <c r="CZ29" s="328">
        <v>72321</v>
      </c>
      <c r="DA29" s="326">
        <v>0</v>
      </c>
      <c r="DB29" s="327">
        <v>305335</v>
      </c>
      <c r="DC29" s="327">
        <v>99943</v>
      </c>
      <c r="DD29" s="327">
        <v>0</v>
      </c>
      <c r="DE29" s="327">
        <v>0</v>
      </c>
      <c r="DF29" s="327">
        <v>36511</v>
      </c>
      <c r="DG29" s="328">
        <v>441789</v>
      </c>
      <c r="DH29" s="330">
        <v>514110</v>
      </c>
      <c r="DI29" s="326">
        <v>0</v>
      </c>
      <c r="DJ29" s="327">
        <v>0</v>
      </c>
      <c r="DK29" s="331">
        <v>0</v>
      </c>
      <c r="DL29" s="332">
        <v>0</v>
      </c>
      <c r="DM29" s="327">
        <v>0</v>
      </c>
      <c r="DN29" s="327">
        <v>129694</v>
      </c>
      <c r="DO29" s="327">
        <v>148493</v>
      </c>
      <c r="DP29" s="327">
        <v>0</v>
      </c>
      <c r="DQ29" s="327">
        <v>0</v>
      </c>
      <c r="DR29" s="328">
        <v>278187</v>
      </c>
      <c r="DS29" s="330">
        <v>278187</v>
      </c>
      <c r="DT29" s="326">
        <v>0</v>
      </c>
      <c r="DU29" s="327">
        <v>0</v>
      </c>
      <c r="DV29" s="328">
        <v>0</v>
      </c>
      <c r="DW29" s="326">
        <v>0</v>
      </c>
      <c r="DX29" s="327">
        <v>0</v>
      </c>
      <c r="DY29" s="327">
        <v>129694</v>
      </c>
      <c r="DZ29" s="327">
        <v>148493</v>
      </c>
      <c r="EA29" s="327">
        <v>0</v>
      </c>
      <c r="EB29" s="327">
        <v>0</v>
      </c>
      <c r="EC29" s="328">
        <v>278187</v>
      </c>
      <c r="ED29" s="330">
        <v>278187</v>
      </c>
      <c r="EE29" s="326">
        <v>0</v>
      </c>
      <c r="EF29" s="331">
        <v>0</v>
      </c>
      <c r="EG29" s="328">
        <v>0</v>
      </c>
      <c r="EH29" s="326">
        <v>0</v>
      </c>
      <c r="EI29" s="327">
        <v>0</v>
      </c>
      <c r="EJ29" s="327">
        <v>0</v>
      </c>
      <c r="EK29" s="327">
        <v>0</v>
      </c>
      <c r="EL29" s="327">
        <v>0</v>
      </c>
      <c r="EM29" s="327">
        <v>0</v>
      </c>
      <c r="EN29" s="331">
        <v>0</v>
      </c>
      <c r="EO29" s="330">
        <v>0</v>
      </c>
      <c r="EP29" s="326">
        <v>0</v>
      </c>
      <c r="EQ29" s="327">
        <v>0</v>
      </c>
      <c r="ER29" s="331">
        <v>0</v>
      </c>
      <c r="ES29" s="332">
        <v>0</v>
      </c>
      <c r="ET29" s="327">
        <v>0</v>
      </c>
      <c r="EU29" s="327">
        <v>0</v>
      </c>
      <c r="EV29" s="327">
        <v>0</v>
      </c>
      <c r="EW29" s="327">
        <v>0</v>
      </c>
      <c r="EX29" s="327">
        <v>0</v>
      </c>
      <c r="EY29" s="328">
        <v>0</v>
      </c>
      <c r="EZ29" s="330">
        <v>0</v>
      </c>
      <c r="FA29" s="326">
        <v>0</v>
      </c>
      <c r="FB29" s="327">
        <v>0</v>
      </c>
      <c r="FC29" s="331">
        <v>0</v>
      </c>
      <c r="FD29" s="404">
        <v>0</v>
      </c>
      <c r="FE29" s="327">
        <v>0</v>
      </c>
      <c r="FF29" s="327">
        <v>0</v>
      </c>
      <c r="FG29" s="327">
        <v>0</v>
      </c>
      <c r="FH29" s="327">
        <v>0</v>
      </c>
      <c r="FI29" s="327">
        <v>0</v>
      </c>
      <c r="FJ29" s="328">
        <v>0</v>
      </c>
      <c r="FK29" s="330">
        <v>0</v>
      </c>
      <c r="FL29" s="326">
        <v>25480</v>
      </c>
      <c r="FM29" s="327">
        <v>30884</v>
      </c>
      <c r="FN29" s="328">
        <v>56364</v>
      </c>
      <c r="FO29" s="326">
        <v>0</v>
      </c>
      <c r="FP29" s="327">
        <v>44590</v>
      </c>
      <c r="FQ29" s="327">
        <v>243729</v>
      </c>
      <c r="FR29" s="327">
        <v>86646</v>
      </c>
      <c r="FS29" s="327">
        <v>72016</v>
      </c>
      <c r="FT29" s="327">
        <v>123732</v>
      </c>
      <c r="FU29" s="328">
        <v>570713</v>
      </c>
      <c r="FV29" s="330">
        <v>627077</v>
      </c>
      <c r="FW29" s="333">
        <v>25480</v>
      </c>
      <c r="FX29" s="327">
        <v>25774</v>
      </c>
      <c r="FY29" s="331">
        <v>51254</v>
      </c>
      <c r="FZ29" s="332">
        <v>0</v>
      </c>
      <c r="GA29" s="327">
        <v>44590</v>
      </c>
      <c r="GB29" s="327">
        <v>230524</v>
      </c>
      <c r="GC29" s="327">
        <v>86646</v>
      </c>
      <c r="GD29" s="327">
        <v>72016</v>
      </c>
      <c r="GE29" s="327">
        <v>123732</v>
      </c>
      <c r="GF29" s="328">
        <v>557508</v>
      </c>
      <c r="GG29" s="334">
        <v>608762</v>
      </c>
      <c r="GH29" s="333">
        <v>0</v>
      </c>
      <c r="GI29" s="327">
        <v>5110</v>
      </c>
      <c r="GJ29" s="331">
        <v>5110</v>
      </c>
      <c r="GK29" s="332">
        <v>0</v>
      </c>
      <c r="GL29" s="327">
        <v>0</v>
      </c>
      <c r="GM29" s="327">
        <v>13205</v>
      </c>
      <c r="GN29" s="327">
        <v>0</v>
      </c>
      <c r="GO29" s="327">
        <v>0</v>
      </c>
      <c r="GP29" s="327">
        <v>0</v>
      </c>
      <c r="GQ29" s="328">
        <v>13205</v>
      </c>
      <c r="GR29" s="330">
        <v>18315</v>
      </c>
      <c r="GS29" s="326">
        <v>0</v>
      </c>
      <c r="GT29" s="327">
        <v>0</v>
      </c>
      <c r="GU29" s="328">
        <v>0</v>
      </c>
      <c r="GV29" s="326">
        <v>0</v>
      </c>
      <c r="GW29" s="327">
        <v>0</v>
      </c>
      <c r="GX29" s="327">
        <v>0</v>
      </c>
      <c r="GY29" s="327">
        <v>0</v>
      </c>
      <c r="GZ29" s="327">
        <v>0</v>
      </c>
      <c r="HA29" s="327">
        <v>0</v>
      </c>
      <c r="HB29" s="331">
        <v>0</v>
      </c>
      <c r="HC29" s="330">
        <v>0</v>
      </c>
      <c r="HD29" s="326">
        <v>196272</v>
      </c>
      <c r="HE29" s="327">
        <v>155689</v>
      </c>
      <c r="HF29" s="331">
        <v>351961</v>
      </c>
      <c r="HG29" s="332">
        <v>0</v>
      </c>
      <c r="HH29" s="327">
        <v>784462</v>
      </c>
      <c r="HI29" s="327">
        <v>495620</v>
      </c>
      <c r="HJ29" s="327">
        <v>837095</v>
      </c>
      <c r="HK29" s="327">
        <v>993794</v>
      </c>
      <c r="HL29" s="327">
        <v>1311950</v>
      </c>
      <c r="HM29" s="328">
        <v>4422921</v>
      </c>
      <c r="HN29" s="329">
        <v>4774882</v>
      </c>
      <c r="HO29" s="333">
        <v>0</v>
      </c>
      <c r="HP29" s="327">
        <v>0</v>
      </c>
      <c r="HQ29" s="328">
        <v>0</v>
      </c>
      <c r="HR29" s="326">
        <v>0</v>
      </c>
      <c r="HS29" s="327">
        <v>0</v>
      </c>
      <c r="HT29" s="327">
        <v>0</v>
      </c>
      <c r="HU29" s="327">
        <v>0</v>
      </c>
      <c r="HV29" s="327">
        <v>0</v>
      </c>
      <c r="HW29" s="327">
        <v>0</v>
      </c>
      <c r="HX29" s="331">
        <v>0</v>
      </c>
      <c r="HY29" s="330">
        <v>0</v>
      </c>
      <c r="HZ29" s="335">
        <v>0</v>
      </c>
      <c r="IA29" s="336">
        <v>0</v>
      </c>
      <c r="IB29" s="337">
        <v>0</v>
      </c>
      <c r="IC29" s="338">
        <v>0</v>
      </c>
      <c r="ID29" s="336">
        <v>249424</v>
      </c>
      <c r="IE29" s="339">
        <v>147815</v>
      </c>
      <c r="IF29" s="337">
        <v>0</v>
      </c>
      <c r="IG29" s="336">
        <v>470746</v>
      </c>
      <c r="IH29" s="337">
        <v>689674</v>
      </c>
      <c r="II29" s="340">
        <v>1557659</v>
      </c>
      <c r="IJ29" s="341">
        <v>1557659</v>
      </c>
      <c r="IK29" s="342">
        <v>0</v>
      </c>
      <c r="IL29" s="343">
        <v>0</v>
      </c>
      <c r="IM29" s="344">
        <v>0</v>
      </c>
      <c r="IN29" s="404">
        <v>0</v>
      </c>
      <c r="IO29" s="345">
        <v>57260</v>
      </c>
      <c r="IP29" s="345">
        <v>0</v>
      </c>
      <c r="IQ29" s="345">
        <v>0</v>
      </c>
      <c r="IR29" s="345">
        <v>187175</v>
      </c>
      <c r="IS29" s="345">
        <v>233702</v>
      </c>
      <c r="IT29" s="346">
        <v>478137</v>
      </c>
      <c r="IU29" s="347">
        <v>478137</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0</v>
      </c>
      <c r="JL29" s="345">
        <v>17493</v>
      </c>
      <c r="JM29" s="345">
        <v>0</v>
      </c>
      <c r="JN29" s="345">
        <v>283571</v>
      </c>
      <c r="JO29" s="345">
        <v>0</v>
      </c>
      <c r="JP29" s="349">
        <v>301064</v>
      </c>
      <c r="JQ29" s="347">
        <v>301064</v>
      </c>
      <c r="JR29" s="348">
        <v>0</v>
      </c>
      <c r="JS29" s="345">
        <v>0</v>
      </c>
      <c r="JT29" s="346">
        <v>0</v>
      </c>
      <c r="JU29" s="351">
        <v>0</v>
      </c>
      <c r="JV29" s="345">
        <v>0</v>
      </c>
      <c r="JW29" s="345">
        <v>0</v>
      </c>
      <c r="JX29" s="345">
        <v>0</v>
      </c>
      <c r="JY29" s="345">
        <v>0</v>
      </c>
      <c r="JZ29" s="345">
        <v>0</v>
      </c>
      <c r="KA29" s="349">
        <v>0</v>
      </c>
      <c r="KB29" s="347">
        <v>0</v>
      </c>
      <c r="KC29" s="352">
        <v>0</v>
      </c>
      <c r="KD29" s="353">
        <v>0</v>
      </c>
      <c r="KE29" s="349">
        <v>0</v>
      </c>
      <c r="KF29" s="351">
        <v>0</v>
      </c>
      <c r="KG29" s="345">
        <v>192164</v>
      </c>
      <c r="KH29" s="345">
        <v>130322</v>
      </c>
      <c r="KI29" s="345">
        <v>0</v>
      </c>
      <c r="KJ29" s="345">
        <v>0</v>
      </c>
      <c r="KK29" s="345">
        <v>0</v>
      </c>
      <c r="KL29" s="349">
        <v>322486</v>
      </c>
      <c r="KM29" s="354">
        <v>322486</v>
      </c>
      <c r="KN29" s="342">
        <v>0</v>
      </c>
      <c r="KO29" s="343">
        <v>0</v>
      </c>
      <c r="KP29" s="344">
        <v>0</v>
      </c>
      <c r="KQ29" s="404">
        <v>0</v>
      </c>
      <c r="KR29" s="345">
        <v>0</v>
      </c>
      <c r="KS29" s="345">
        <v>0</v>
      </c>
      <c r="KT29" s="345">
        <v>0</v>
      </c>
      <c r="KU29" s="345">
        <v>0</v>
      </c>
      <c r="KV29" s="345">
        <v>455972</v>
      </c>
      <c r="KW29" s="349">
        <v>455972</v>
      </c>
      <c r="KX29" s="347">
        <v>455972</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0</v>
      </c>
      <c r="MK29" s="345">
        <v>0</v>
      </c>
      <c r="ML29" s="345">
        <v>411202</v>
      </c>
      <c r="MM29" s="345">
        <v>742227</v>
      </c>
      <c r="MN29" s="345">
        <v>302481</v>
      </c>
      <c r="MO29" s="349">
        <v>1455910</v>
      </c>
      <c r="MP29" s="354">
        <v>1455910</v>
      </c>
      <c r="MQ29" s="348">
        <v>0</v>
      </c>
      <c r="MR29" s="345">
        <v>0</v>
      </c>
      <c r="MS29" s="349">
        <v>0</v>
      </c>
      <c r="MT29" s="404">
        <v>0</v>
      </c>
      <c r="MU29" s="345">
        <v>0</v>
      </c>
      <c r="MV29" s="345">
        <v>0</v>
      </c>
      <c r="MW29" s="345">
        <v>336144</v>
      </c>
      <c r="MX29" s="345">
        <v>742227</v>
      </c>
      <c r="MY29" s="345">
        <v>171073</v>
      </c>
      <c r="MZ29" s="349">
        <v>1249444</v>
      </c>
      <c r="NA29" s="354">
        <v>1249444</v>
      </c>
      <c r="NB29" s="348">
        <v>0</v>
      </c>
      <c r="NC29" s="345">
        <v>0</v>
      </c>
      <c r="ND29" s="349">
        <v>0</v>
      </c>
      <c r="NE29" s="404">
        <v>0</v>
      </c>
      <c r="NF29" s="345">
        <v>0</v>
      </c>
      <c r="NG29" s="345">
        <v>0</v>
      </c>
      <c r="NH29" s="345">
        <v>75058</v>
      </c>
      <c r="NI29" s="345">
        <v>0</v>
      </c>
      <c r="NJ29" s="345">
        <v>131408</v>
      </c>
      <c r="NK29" s="349">
        <v>206466</v>
      </c>
      <c r="NL29" s="347">
        <v>206466</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361972</v>
      </c>
      <c r="OJ29" s="345">
        <v>321308</v>
      </c>
      <c r="OK29" s="346">
        <v>683280</v>
      </c>
      <c r="OL29" s="351">
        <v>0</v>
      </c>
      <c r="OM29" s="345">
        <v>2352809</v>
      </c>
      <c r="ON29" s="345">
        <v>2332055</v>
      </c>
      <c r="OO29" s="345">
        <v>2003380</v>
      </c>
      <c r="OP29" s="345">
        <v>2882292</v>
      </c>
      <c r="OQ29" s="345">
        <v>4194090</v>
      </c>
      <c r="OR29" s="349">
        <v>13764626</v>
      </c>
      <c r="OS29" s="354">
        <v>14447906</v>
      </c>
    </row>
    <row r="30" spans="2:409" s="70" customFormat="1" ht="21" customHeight="1" x14ac:dyDescent="0.2">
      <c r="B30" s="106" t="s">
        <v>25</v>
      </c>
      <c r="C30" s="326">
        <v>98864</v>
      </c>
      <c r="D30" s="327">
        <v>178001</v>
      </c>
      <c r="E30" s="328">
        <v>276865</v>
      </c>
      <c r="F30" s="329">
        <v>0</v>
      </c>
      <c r="G30" s="327">
        <v>786987</v>
      </c>
      <c r="H30" s="327">
        <v>1396353</v>
      </c>
      <c r="I30" s="327">
        <v>1375627</v>
      </c>
      <c r="J30" s="327">
        <v>672571</v>
      </c>
      <c r="K30" s="327">
        <v>769669</v>
      </c>
      <c r="L30" s="367">
        <v>5001207</v>
      </c>
      <c r="M30" s="330">
        <v>5278072</v>
      </c>
      <c r="N30" s="326">
        <v>90702</v>
      </c>
      <c r="O30" s="327">
        <v>126495</v>
      </c>
      <c r="P30" s="328">
        <v>217197</v>
      </c>
      <c r="Q30" s="326">
        <v>0</v>
      </c>
      <c r="R30" s="327">
        <v>155749</v>
      </c>
      <c r="S30" s="327">
        <v>105070</v>
      </c>
      <c r="T30" s="327">
        <v>423794</v>
      </c>
      <c r="U30" s="327">
        <v>332852</v>
      </c>
      <c r="V30" s="327">
        <v>668673</v>
      </c>
      <c r="W30" s="328">
        <v>1686138</v>
      </c>
      <c r="X30" s="330">
        <v>1903335</v>
      </c>
      <c r="Y30" s="326">
        <v>0</v>
      </c>
      <c r="Z30" s="327">
        <v>0</v>
      </c>
      <c r="AA30" s="328">
        <v>0</v>
      </c>
      <c r="AB30" s="326">
        <v>0</v>
      </c>
      <c r="AC30" s="327">
        <v>108454</v>
      </c>
      <c r="AD30" s="327">
        <v>56998</v>
      </c>
      <c r="AE30" s="327">
        <v>188678</v>
      </c>
      <c r="AF30" s="327">
        <v>195301</v>
      </c>
      <c r="AG30" s="327">
        <v>188068</v>
      </c>
      <c r="AH30" s="328">
        <v>737499</v>
      </c>
      <c r="AI30" s="330">
        <v>737499</v>
      </c>
      <c r="AJ30" s="326">
        <v>0</v>
      </c>
      <c r="AK30" s="327">
        <v>0</v>
      </c>
      <c r="AL30" s="328">
        <v>0</v>
      </c>
      <c r="AM30" s="326">
        <v>0</v>
      </c>
      <c r="AN30" s="327">
        <v>0</v>
      </c>
      <c r="AO30" s="327">
        <v>0</v>
      </c>
      <c r="AP30" s="327">
        <v>93362</v>
      </c>
      <c r="AQ30" s="327">
        <v>0</v>
      </c>
      <c r="AR30" s="327">
        <v>234091</v>
      </c>
      <c r="AS30" s="328">
        <v>327453</v>
      </c>
      <c r="AT30" s="330">
        <v>327453</v>
      </c>
      <c r="AU30" s="326">
        <v>78396</v>
      </c>
      <c r="AV30" s="327">
        <v>121049</v>
      </c>
      <c r="AW30" s="328">
        <v>199445</v>
      </c>
      <c r="AX30" s="326">
        <v>0</v>
      </c>
      <c r="AY30" s="327">
        <v>21241</v>
      </c>
      <c r="AZ30" s="327">
        <v>36004</v>
      </c>
      <c r="BA30" s="327">
        <v>130386</v>
      </c>
      <c r="BB30" s="327">
        <v>126519</v>
      </c>
      <c r="BC30" s="327">
        <v>205046</v>
      </c>
      <c r="BD30" s="328">
        <v>519196</v>
      </c>
      <c r="BE30" s="330">
        <v>718641</v>
      </c>
      <c r="BF30" s="326">
        <v>0</v>
      </c>
      <c r="BG30" s="327">
        <v>0</v>
      </c>
      <c r="BH30" s="331">
        <v>0</v>
      </c>
      <c r="BI30" s="332">
        <v>0</v>
      </c>
      <c r="BJ30" s="327">
        <v>0</v>
      </c>
      <c r="BK30" s="327">
        <v>0</v>
      </c>
      <c r="BL30" s="327">
        <v>0</v>
      </c>
      <c r="BM30" s="327">
        <v>0</v>
      </c>
      <c r="BN30" s="327">
        <v>0</v>
      </c>
      <c r="BO30" s="328">
        <v>0</v>
      </c>
      <c r="BP30" s="330">
        <v>0</v>
      </c>
      <c r="BQ30" s="326">
        <v>12306</v>
      </c>
      <c r="BR30" s="327">
        <v>5446</v>
      </c>
      <c r="BS30" s="328">
        <v>17752</v>
      </c>
      <c r="BT30" s="326">
        <v>0</v>
      </c>
      <c r="BU30" s="327">
        <v>26054</v>
      </c>
      <c r="BV30" s="327">
        <v>12068</v>
      </c>
      <c r="BW30" s="327">
        <v>11368</v>
      </c>
      <c r="BX30" s="327">
        <v>11032</v>
      </c>
      <c r="BY30" s="327">
        <v>41468</v>
      </c>
      <c r="BZ30" s="328">
        <v>101990</v>
      </c>
      <c r="CA30" s="330">
        <v>119742</v>
      </c>
      <c r="CB30" s="326">
        <v>0</v>
      </c>
      <c r="CC30" s="327">
        <v>0</v>
      </c>
      <c r="CD30" s="328">
        <v>0</v>
      </c>
      <c r="CE30" s="326">
        <v>0</v>
      </c>
      <c r="CF30" s="327">
        <v>377267</v>
      </c>
      <c r="CG30" s="327">
        <v>545006</v>
      </c>
      <c r="CH30" s="327">
        <v>261249</v>
      </c>
      <c r="CI30" s="327">
        <v>157404</v>
      </c>
      <c r="CJ30" s="327">
        <v>0</v>
      </c>
      <c r="CK30" s="328">
        <v>1340926</v>
      </c>
      <c r="CL30" s="330">
        <v>1340926</v>
      </c>
      <c r="CM30" s="326">
        <v>0</v>
      </c>
      <c r="CN30" s="327">
        <v>0</v>
      </c>
      <c r="CO30" s="328">
        <v>0</v>
      </c>
      <c r="CP30" s="332">
        <v>0</v>
      </c>
      <c r="CQ30" s="327">
        <v>168000</v>
      </c>
      <c r="CR30" s="327">
        <v>181012</v>
      </c>
      <c r="CS30" s="327">
        <v>215455</v>
      </c>
      <c r="CT30" s="327">
        <v>157404</v>
      </c>
      <c r="CU30" s="327">
        <v>0</v>
      </c>
      <c r="CV30" s="328">
        <v>721871</v>
      </c>
      <c r="CW30" s="330">
        <v>721871</v>
      </c>
      <c r="CX30" s="326">
        <v>0</v>
      </c>
      <c r="CY30" s="327">
        <v>0</v>
      </c>
      <c r="CZ30" s="328">
        <v>0</v>
      </c>
      <c r="DA30" s="326">
        <v>0</v>
      </c>
      <c r="DB30" s="327">
        <v>209267</v>
      </c>
      <c r="DC30" s="327">
        <v>363994</v>
      </c>
      <c r="DD30" s="327">
        <v>45794</v>
      </c>
      <c r="DE30" s="327">
        <v>0</v>
      </c>
      <c r="DF30" s="327">
        <v>0</v>
      </c>
      <c r="DG30" s="328">
        <v>619055</v>
      </c>
      <c r="DH30" s="330">
        <v>619055</v>
      </c>
      <c r="DI30" s="326">
        <v>0</v>
      </c>
      <c r="DJ30" s="327">
        <v>0</v>
      </c>
      <c r="DK30" s="331">
        <v>0</v>
      </c>
      <c r="DL30" s="332">
        <v>0</v>
      </c>
      <c r="DM30" s="327">
        <v>78908</v>
      </c>
      <c r="DN30" s="327">
        <v>170185</v>
      </c>
      <c r="DO30" s="327">
        <v>621312</v>
      </c>
      <c r="DP30" s="327">
        <v>0</v>
      </c>
      <c r="DQ30" s="327">
        <v>0</v>
      </c>
      <c r="DR30" s="328">
        <v>870405</v>
      </c>
      <c r="DS30" s="330">
        <v>870405</v>
      </c>
      <c r="DT30" s="326">
        <v>0</v>
      </c>
      <c r="DU30" s="327">
        <v>0</v>
      </c>
      <c r="DV30" s="328">
        <v>0</v>
      </c>
      <c r="DW30" s="326">
        <v>0</v>
      </c>
      <c r="DX30" s="327">
        <v>78908</v>
      </c>
      <c r="DY30" s="327">
        <v>170185</v>
      </c>
      <c r="DZ30" s="327">
        <v>621312</v>
      </c>
      <c r="EA30" s="327">
        <v>0</v>
      </c>
      <c r="EB30" s="327">
        <v>0</v>
      </c>
      <c r="EC30" s="328">
        <v>870405</v>
      </c>
      <c r="ED30" s="330">
        <v>870405</v>
      </c>
      <c r="EE30" s="326">
        <v>0</v>
      </c>
      <c r="EF30" s="331">
        <v>0</v>
      </c>
      <c r="EG30" s="328">
        <v>0</v>
      </c>
      <c r="EH30" s="326">
        <v>0</v>
      </c>
      <c r="EI30" s="327">
        <v>0</v>
      </c>
      <c r="EJ30" s="327">
        <v>0</v>
      </c>
      <c r="EK30" s="327">
        <v>0</v>
      </c>
      <c r="EL30" s="327">
        <v>0</v>
      </c>
      <c r="EM30" s="327">
        <v>0</v>
      </c>
      <c r="EN30" s="331">
        <v>0</v>
      </c>
      <c r="EO30" s="330">
        <v>0</v>
      </c>
      <c r="EP30" s="326">
        <v>0</v>
      </c>
      <c r="EQ30" s="327">
        <v>0</v>
      </c>
      <c r="ER30" s="331">
        <v>0</v>
      </c>
      <c r="ES30" s="332">
        <v>0</v>
      </c>
      <c r="ET30" s="327">
        <v>0</v>
      </c>
      <c r="EU30" s="327">
        <v>0</v>
      </c>
      <c r="EV30" s="327">
        <v>0</v>
      </c>
      <c r="EW30" s="327">
        <v>0</v>
      </c>
      <c r="EX30" s="327">
        <v>0</v>
      </c>
      <c r="EY30" s="328">
        <v>0</v>
      </c>
      <c r="EZ30" s="330">
        <v>0</v>
      </c>
      <c r="FA30" s="326">
        <v>0</v>
      </c>
      <c r="FB30" s="327">
        <v>0</v>
      </c>
      <c r="FC30" s="331">
        <v>0</v>
      </c>
      <c r="FD30" s="404">
        <v>0</v>
      </c>
      <c r="FE30" s="327">
        <v>0</v>
      </c>
      <c r="FF30" s="327">
        <v>0</v>
      </c>
      <c r="FG30" s="327">
        <v>0</v>
      </c>
      <c r="FH30" s="327">
        <v>0</v>
      </c>
      <c r="FI30" s="327">
        <v>0</v>
      </c>
      <c r="FJ30" s="328">
        <v>0</v>
      </c>
      <c r="FK30" s="330">
        <v>0</v>
      </c>
      <c r="FL30" s="326">
        <v>8162</v>
      </c>
      <c r="FM30" s="327">
        <v>51506</v>
      </c>
      <c r="FN30" s="328">
        <v>59668</v>
      </c>
      <c r="FO30" s="326">
        <v>0</v>
      </c>
      <c r="FP30" s="327">
        <v>23520</v>
      </c>
      <c r="FQ30" s="327">
        <v>80010</v>
      </c>
      <c r="FR30" s="327">
        <v>69272</v>
      </c>
      <c r="FS30" s="327">
        <v>124586</v>
      </c>
      <c r="FT30" s="327">
        <v>100996</v>
      </c>
      <c r="FU30" s="328">
        <v>398384</v>
      </c>
      <c r="FV30" s="330">
        <v>458052</v>
      </c>
      <c r="FW30" s="333">
        <v>8162</v>
      </c>
      <c r="FX30" s="327">
        <v>51506</v>
      </c>
      <c r="FY30" s="331">
        <v>59668</v>
      </c>
      <c r="FZ30" s="332">
        <v>0</v>
      </c>
      <c r="GA30" s="327">
        <v>23520</v>
      </c>
      <c r="GB30" s="327">
        <v>80010</v>
      </c>
      <c r="GC30" s="327">
        <v>69272</v>
      </c>
      <c r="GD30" s="327">
        <v>30086</v>
      </c>
      <c r="GE30" s="327">
        <v>100996</v>
      </c>
      <c r="GF30" s="328">
        <v>303884</v>
      </c>
      <c r="GG30" s="334">
        <v>363552</v>
      </c>
      <c r="GH30" s="333">
        <v>0</v>
      </c>
      <c r="GI30" s="327">
        <v>0</v>
      </c>
      <c r="GJ30" s="331">
        <v>0</v>
      </c>
      <c r="GK30" s="332">
        <v>0</v>
      </c>
      <c r="GL30" s="327">
        <v>0</v>
      </c>
      <c r="GM30" s="327">
        <v>0</v>
      </c>
      <c r="GN30" s="327">
        <v>0</v>
      </c>
      <c r="GO30" s="327">
        <v>0</v>
      </c>
      <c r="GP30" s="327">
        <v>0</v>
      </c>
      <c r="GQ30" s="328">
        <v>0</v>
      </c>
      <c r="GR30" s="330">
        <v>0</v>
      </c>
      <c r="GS30" s="326">
        <v>0</v>
      </c>
      <c r="GT30" s="327">
        <v>0</v>
      </c>
      <c r="GU30" s="328">
        <v>0</v>
      </c>
      <c r="GV30" s="326">
        <v>0</v>
      </c>
      <c r="GW30" s="327">
        <v>0</v>
      </c>
      <c r="GX30" s="327">
        <v>0</v>
      </c>
      <c r="GY30" s="327">
        <v>0</v>
      </c>
      <c r="GZ30" s="327">
        <v>94500</v>
      </c>
      <c r="HA30" s="327">
        <v>0</v>
      </c>
      <c r="HB30" s="331">
        <v>94500</v>
      </c>
      <c r="HC30" s="330">
        <v>94500</v>
      </c>
      <c r="HD30" s="326">
        <v>0</v>
      </c>
      <c r="HE30" s="327">
        <v>0</v>
      </c>
      <c r="HF30" s="331">
        <v>0</v>
      </c>
      <c r="HG30" s="332">
        <v>0</v>
      </c>
      <c r="HH30" s="327">
        <v>151543</v>
      </c>
      <c r="HI30" s="327">
        <v>496082</v>
      </c>
      <c r="HJ30" s="327">
        <v>0</v>
      </c>
      <c r="HK30" s="327">
        <v>57729</v>
      </c>
      <c r="HL30" s="327">
        <v>0</v>
      </c>
      <c r="HM30" s="328">
        <v>705354</v>
      </c>
      <c r="HN30" s="329">
        <v>705354</v>
      </c>
      <c r="HO30" s="333">
        <v>0</v>
      </c>
      <c r="HP30" s="327">
        <v>0</v>
      </c>
      <c r="HQ30" s="328">
        <v>0</v>
      </c>
      <c r="HR30" s="326">
        <v>0</v>
      </c>
      <c r="HS30" s="327">
        <v>0</v>
      </c>
      <c r="HT30" s="327">
        <v>0</v>
      </c>
      <c r="HU30" s="327">
        <v>0</v>
      </c>
      <c r="HV30" s="327">
        <v>0</v>
      </c>
      <c r="HW30" s="327">
        <v>0</v>
      </c>
      <c r="HX30" s="331">
        <v>0</v>
      </c>
      <c r="HY30" s="330">
        <v>0</v>
      </c>
      <c r="HZ30" s="358">
        <v>0</v>
      </c>
      <c r="IA30" s="356">
        <v>0</v>
      </c>
      <c r="IB30" s="358">
        <v>0</v>
      </c>
      <c r="IC30" s="355">
        <v>0</v>
      </c>
      <c r="ID30" s="356">
        <v>328907</v>
      </c>
      <c r="IE30" s="357">
        <v>53486</v>
      </c>
      <c r="IF30" s="358">
        <v>0</v>
      </c>
      <c r="IG30" s="356">
        <v>22054</v>
      </c>
      <c r="IH30" s="358">
        <v>0</v>
      </c>
      <c r="II30" s="359">
        <v>404447</v>
      </c>
      <c r="IJ30" s="358">
        <v>404447</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124834</v>
      </c>
      <c r="JL30" s="345">
        <v>53486</v>
      </c>
      <c r="JM30" s="345">
        <v>0</v>
      </c>
      <c r="JN30" s="345">
        <v>22054</v>
      </c>
      <c r="JO30" s="345">
        <v>0</v>
      </c>
      <c r="JP30" s="349">
        <v>200374</v>
      </c>
      <c r="JQ30" s="347">
        <v>200374</v>
      </c>
      <c r="JR30" s="348">
        <v>0</v>
      </c>
      <c r="JS30" s="345">
        <v>0</v>
      </c>
      <c r="JT30" s="346">
        <v>0</v>
      </c>
      <c r="JU30" s="351">
        <v>0</v>
      </c>
      <c r="JV30" s="345">
        <v>0</v>
      </c>
      <c r="JW30" s="345">
        <v>0</v>
      </c>
      <c r="JX30" s="345">
        <v>0</v>
      </c>
      <c r="JY30" s="345">
        <v>0</v>
      </c>
      <c r="JZ30" s="345">
        <v>0</v>
      </c>
      <c r="KA30" s="349">
        <v>0</v>
      </c>
      <c r="KB30" s="347">
        <v>0</v>
      </c>
      <c r="KC30" s="352">
        <v>0</v>
      </c>
      <c r="KD30" s="353">
        <v>0</v>
      </c>
      <c r="KE30" s="349">
        <v>0</v>
      </c>
      <c r="KF30" s="351">
        <v>0</v>
      </c>
      <c r="KG30" s="345">
        <v>0</v>
      </c>
      <c r="KH30" s="345">
        <v>0</v>
      </c>
      <c r="KI30" s="345">
        <v>0</v>
      </c>
      <c r="KJ30" s="345">
        <v>0</v>
      </c>
      <c r="KK30" s="345">
        <v>0</v>
      </c>
      <c r="KL30" s="349">
        <v>0</v>
      </c>
      <c r="KM30" s="354">
        <v>0</v>
      </c>
      <c r="KN30" s="342">
        <v>0</v>
      </c>
      <c r="KO30" s="343">
        <v>0</v>
      </c>
      <c r="KP30" s="344">
        <v>0</v>
      </c>
      <c r="KQ30" s="404">
        <v>0</v>
      </c>
      <c r="KR30" s="345">
        <v>204073</v>
      </c>
      <c r="KS30" s="345">
        <v>0</v>
      </c>
      <c r="KT30" s="345">
        <v>0</v>
      </c>
      <c r="KU30" s="345">
        <v>0</v>
      </c>
      <c r="KV30" s="345">
        <v>0</v>
      </c>
      <c r="KW30" s="349">
        <v>204073</v>
      </c>
      <c r="KX30" s="347">
        <v>204073</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303285</v>
      </c>
      <c r="MK30" s="345">
        <v>502398</v>
      </c>
      <c r="ML30" s="345">
        <v>753830</v>
      </c>
      <c r="MM30" s="345">
        <v>775592</v>
      </c>
      <c r="MN30" s="345">
        <v>1489728</v>
      </c>
      <c r="MO30" s="349">
        <v>3824833</v>
      </c>
      <c r="MP30" s="354">
        <v>3824833</v>
      </c>
      <c r="MQ30" s="348">
        <v>0</v>
      </c>
      <c r="MR30" s="345">
        <v>0</v>
      </c>
      <c r="MS30" s="349">
        <v>0</v>
      </c>
      <c r="MT30" s="404">
        <v>0</v>
      </c>
      <c r="MU30" s="345">
        <v>0</v>
      </c>
      <c r="MV30" s="345">
        <v>0</v>
      </c>
      <c r="MW30" s="345">
        <v>416850</v>
      </c>
      <c r="MX30" s="345">
        <v>214935</v>
      </c>
      <c r="MY30" s="345">
        <v>354425</v>
      </c>
      <c r="MZ30" s="349">
        <v>986210</v>
      </c>
      <c r="NA30" s="354">
        <v>986210</v>
      </c>
      <c r="NB30" s="348">
        <v>0</v>
      </c>
      <c r="NC30" s="345">
        <v>0</v>
      </c>
      <c r="ND30" s="349">
        <v>0</v>
      </c>
      <c r="NE30" s="404">
        <v>0</v>
      </c>
      <c r="NF30" s="345">
        <v>303285</v>
      </c>
      <c r="NG30" s="345">
        <v>502398</v>
      </c>
      <c r="NH30" s="345">
        <v>336980</v>
      </c>
      <c r="NI30" s="345">
        <v>560657</v>
      </c>
      <c r="NJ30" s="345">
        <v>1135303</v>
      </c>
      <c r="NK30" s="349">
        <v>2838623</v>
      </c>
      <c r="NL30" s="347">
        <v>2838623</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98864</v>
      </c>
      <c r="OJ30" s="345">
        <v>178001</v>
      </c>
      <c r="OK30" s="346">
        <v>276865</v>
      </c>
      <c r="OL30" s="351">
        <v>0</v>
      </c>
      <c r="OM30" s="345">
        <v>1419179</v>
      </c>
      <c r="ON30" s="345">
        <v>1952237</v>
      </c>
      <c r="OO30" s="345">
        <v>2129457</v>
      </c>
      <c r="OP30" s="345">
        <v>1470217</v>
      </c>
      <c r="OQ30" s="345">
        <v>2259397</v>
      </c>
      <c r="OR30" s="349">
        <v>9230487</v>
      </c>
      <c r="OS30" s="354">
        <v>9507352</v>
      </c>
    </row>
    <row r="31" spans="2:409" s="70" customFormat="1" ht="21" customHeight="1" x14ac:dyDescent="0.2">
      <c r="B31" s="106" t="s">
        <v>26</v>
      </c>
      <c r="C31" s="326">
        <v>111518</v>
      </c>
      <c r="D31" s="327">
        <v>142728</v>
      </c>
      <c r="E31" s="328">
        <v>254246</v>
      </c>
      <c r="F31" s="329">
        <v>0</v>
      </c>
      <c r="G31" s="327">
        <v>1554561</v>
      </c>
      <c r="H31" s="327">
        <v>1711662</v>
      </c>
      <c r="I31" s="327">
        <v>1451598</v>
      </c>
      <c r="J31" s="327">
        <v>683244</v>
      </c>
      <c r="K31" s="327">
        <v>1680749</v>
      </c>
      <c r="L31" s="367">
        <v>7081814</v>
      </c>
      <c r="M31" s="330">
        <v>7336060</v>
      </c>
      <c r="N31" s="326">
        <v>85457</v>
      </c>
      <c r="O31" s="327">
        <v>0</v>
      </c>
      <c r="P31" s="328">
        <v>85457</v>
      </c>
      <c r="Q31" s="326">
        <v>0</v>
      </c>
      <c r="R31" s="327">
        <v>398348</v>
      </c>
      <c r="S31" s="327">
        <v>741899</v>
      </c>
      <c r="T31" s="327">
        <v>463827</v>
      </c>
      <c r="U31" s="327">
        <v>220922</v>
      </c>
      <c r="V31" s="327">
        <v>827297</v>
      </c>
      <c r="W31" s="328">
        <v>2652293</v>
      </c>
      <c r="X31" s="330">
        <v>2737750</v>
      </c>
      <c r="Y31" s="326">
        <v>0</v>
      </c>
      <c r="Z31" s="327">
        <v>0</v>
      </c>
      <c r="AA31" s="328">
        <v>0</v>
      </c>
      <c r="AB31" s="326">
        <v>0</v>
      </c>
      <c r="AC31" s="327">
        <v>38759</v>
      </c>
      <c r="AD31" s="327">
        <v>416099</v>
      </c>
      <c r="AE31" s="327">
        <v>172123</v>
      </c>
      <c r="AF31" s="327">
        <v>133336</v>
      </c>
      <c r="AG31" s="327">
        <v>680263</v>
      </c>
      <c r="AH31" s="328">
        <v>1440580</v>
      </c>
      <c r="AI31" s="330">
        <v>1440580</v>
      </c>
      <c r="AJ31" s="326">
        <v>0</v>
      </c>
      <c r="AK31" s="327">
        <v>0</v>
      </c>
      <c r="AL31" s="328">
        <v>0</v>
      </c>
      <c r="AM31" s="326">
        <v>0</v>
      </c>
      <c r="AN31" s="327">
        <v>0</v>
      </c>
      <c r="AO31" s="327">
        <v>0</v>
      </c>
      <c r="AP31" s="327">
        <v>0</v>
      </c>
      <c r="AQ31" s="327">
        <v>41494</v>
      </c>
      <c r="AR31" s="327">
        <v>0</v>
      </c>
      <c r="AS31" s="328">
        <v>41494</v>
      </c>
      <c r="AT31" s="330">
        <v>41494</v>
      </c>
      <c r="AU31" s="326">
        <v>75157</v>
      </c>
      <c r="AV31" s="327">
        <v>0</v>
      </c>
      <c r="AW31" s="328">
        <v>75157</v>
      </c>
      <c r="AX31" s="326">
        <v>0</v>
      </c>
      <c r="AY31" s="327">
        <v>159850</v>
      </c>
      <c r="AZ31" s="327">
        <v>290485</v>
      </c>
      <c r="BA31" s="327">
        <v>132545</v>
      </c>
      <c r="BB31" s="327">
        <v>13129</v>
      </c>
      <c r="BC31" s="327">
        <v>77209</v>
      </c>
      <c r="BD31" s="328">
        <v>673218</v>
      </c>
      <c r="BE31" s="330">
        <v>748375</v>
      </c>
      <c r="BF31" s="326">
        <v>6114</v>
      </c>
      <c r="BG31" s="327">
        <v>0</v>
      </c>
      <c r="BH31" s="331">
        <v>6114</v>
      </c>
      <c r="BI31" s="332">
        <v>0</v>
      </c>
      <c r="BJ31" s="327">
        <v>62609</v>
      </c>
      <c r="BK31" s="327">
        <v>0</v>
      </c>
      <c r="BL31" s="327">
        <v>34783</v>
      </c>
      <c r="BM31" s="327">
        <v>0</v>
      </c>
      <c r="BN31" s="327">
        <v>0</v>
      </c>
      <c r="BO31" s="328">
        <v>97392</v>
      </c>
      <c r="BP31" s="330">
        <v>103506</v>
      </c>
      <c r="BQ31" s="326">
        <v>4186</v>
      </c>
      <c r="BR31" s="327">
        <v>0</v>
      </c>
      <c r="BS31" s="328">
        <v>4186</v>
      </c>
      <c r="BT31" s="326">
        <v>0</v>
      </c>
      <c r="BU31" s="327">
        <v>137130</v>
      </c>
      <c r="BV31" s="327">
        <v>35315</v>
      </c>
      <c r="BW31" s="327">
        <v>124376</v>
      </c>
      <c r="BX31" s="327">
        <v>32963</v>
      </c>
      <c r="BY31" s="327">
        <v>69825</v>
      </c>
      <c r="BZ31" s="328">
        <v>399609</v>
      </c>
      <c r="CA31" s="330">
        <v>403795</v>
      </c>
      <c r="CB31" s="326">
        <v>0</v>
      </c>
      <c r="CC31" s="327">
        <v>33431</v>
      </c>
      <c r="CD31" s="328">
        <v>33431</v>
      </c>
      <c r="CE31" s="326">
        <v>0</v>
      </c>
      <c r="CF31" s="327">
        <v>300412</v>
      </c>
      <c r="CG31" s="327">
        <v>420835</v>
      </c>
      <c r="CH31" s="327">
        <v>445357</v>
      </c>
      <c r="CI31" s="327">
        <v>91934</v>
      </c>
      <c r="CJ31" s="327">
        <v>185572</v>
      </c>
      <c r="CK31" s="328">
        <v>1444110</v>
      </c>
      <c r="CL31" s="330">
        <v>1477541</v>
      </c>
      <c r="CM31" s="326">
        <v>0</v>
      </c>
      <c r="CN31" s="327">
        <v>0</v>
      </c>
      <c r="CO31" s="328">
        <v>0</v>
      </c>
      <c r="CP31" s="332">
        <v>0</v>
      </c>
      <c r="CQ31" s="327">
        <v>300412</v>
      </c>
      <c r="CR31" s="327">
        <v>266767</v>
      </c>
      <c r="CS31" s="327">
        <v>378695</v>
      </c>
      <c r="CT31" s="327">
        <v>91934</v>
      </c>
      <c r="CU31" s="327">
        <v>185572</v>
      </c>
      <c r="CV31" s="328">
        <v>1223380</v>
      </c>
      <c r="CW31" s="330">
        <v>1223380</v>
      </c>
      <c r="CX31" s="326">
        <v>0</v>
      </c>
      <c r="CY31" s="327">
        <v>33431</v>
      </c>
      <c r="CZ31" s="328">
        <v>33431</v>
      </c>
      <c r="DA31" s="326">
        <v>0</v>
      </c>
      <c r="DB31" s="327">
        <v>0</v>
      </c>
      <c r="DC31" s="327">
        <v>154068</v>
      </c>
      <c r="DD31" s="327">
        <v>66662</v>
      </c>
      <c r="DE31" s="327">
        <v>0</v>
      </c>
      <c r="DF31" s="327">
        <v>0</v>
      </c>
      <c r="DG31" s="328">
        <v>220730</v>
      </c>
      <c r="DH31" s="330">
        <v>254161</v>
      </c>
      <c r="DI31" s="326">
        <v>0</v>
      </c>
      <c r="DJ31" s="327">
        <v>0</v>
      </c>
      <c r="DK31" s="331">
        <v>0</v>
      </c>
      <c r="DL31" s="332">
        <v>0</v>
      </c>
      <c r="DM31" s="327">
        <v>92527</v>
      </c>
      <c r="DN31" s="327">
        <v>274610</v>
      </c>
      <c r="DO31" s="327">
        <v>0</v>
      </c>
      <c r="DP31" s="327">
        <v>118920</v>
      </c>
      <c r="DQ31" s="327">
        <v>185410</v>
      </c>
      <c r="DR31" s="328">
        <v>671467</v>
      </c>
      <c r="DS31" s="330">
        <v>671467</v>
      </c>
      <c r="DT31" s="326">
        <v>0</v>
      </c>
      <c r="DU31" s="327">
        <v>0</v>
      </c>
      <c r="DV31" s="328">
        <v>0</v>
      </c>
      <c r="DW31" s="326">
        <v>0</v>
      </c>
      <c r="DX31" s="327">
        <v>92527</v>
      </c>
      <c r="DY31" s="327">
        <v>274610</v>
      </c>
      <c r="DZ31" s="327">
        <v>0</v>
      </c>
      <c r="EA31" s="327">
        <v>118920</v>
      </c>
      <c r="EB31" s="327">
        <v>157223</v>
      </c>
      <c r="EC31" s="328">
        <v>643280</v>
      </c>
      <c r="ED31" s="330">
        <v>643280</v>
      </c>
      <c r="EE31" s="326">
        <v>0</v>
      </c>
      <c r="EF31" s="331">
        <v>0</v>
      </c>
      <c r="EG31" s="328">
        <v>0</v>
      </c>
      <c r="EH31" s="326">
        <v>0</v>
      </c>
      <c r="EI31" s="327">
        <v>0</v>
      </c>
      <c r="EJ31" s="327">
        <v>0</v>
      </c>
      <c r="EK31" s="327">
        <v>0</v>
      </c>
      <c r="EL31" s="327">
        <v>0</v>
      </c>
      <c r="EM31" s="327">
        <v>28187</v>
      </c>
      <c r="EN31" s="331">
        <v>28187</v>
      </c>
      <c r="EO31" s="330">
        <v>28187</v>
      </c>
      <c r="EP31" s="326">
        <v>0</v>
      </c>
      <c r="EQ31" s="327">
        <v>0</v>
      </c>
      <c r="ER31" s="331">
        <v>0</v>
      </c>
      <c r="ES31" s="332">
        <v>0</v>
      </c>
      <c r="ET31" s="327">
        <v>0</v>
      </c>
      <c r="EU31" s="327">
        <v>0</v>
      </c>
      <c r="EV31" s="327">
        <v>0</v>
      </c>
      <c r="EW31" s="327">
        <v>0</v>
      </c>
      <c r="EX31" s="327">
        <v>0</v>
      </c>
      <c r="EY31" s="328">
        <v>0</v>
      </c>
      <c r="EZ31" s="330">
        <v>0</v>
      </c>
      <c r="FA31" s="326">
        <v>0</v>
      </c>
      <c r="FB31" s="327">
        <v>0</v>
      </c>
      <c r="FC31" s="331">
        <v>0</v>
      </c>
      <c r="FD31" s="404">
        <v>0</v>
      </c>
      <c r="FE31" s="327">
        <v>0</v>
      </c>
      <c r="FF31" s="327">
        <v>0</v>
      </c>
      <c r="FG31" s="327">
        <v>0</v>
      </c>
      <c r="FH31" s="327">
        <v>0</v>
      </c>
      <c r="FI31" s="327">
        <v>0</v>
      </c>
      <c r="FJ31" s="328">
        <v>0</v>
      </c>
      <c r="FK31" s="330">
        <v>0</v>
      </c>
      <c r="FL31" s="326">
        <v>26061</v>
      </c>
      <c r="FM31" s="327">
        <v>20720</v>
      </c>
      <c r="FN31" s="328">
        <v>46781</v>
      </c>
      <c r="FO31" s="326">
        <v>0</v>
      </c>
      <c r="FP31" s="327">
        <v>30576</v>
      </c>
      <c r="FQ31" s="327">
        <v>147763</v>
      </c>
      <c r="FR31" s="327">
        <v>75537</v>
      </c>
      <c r="FS31" s="327">
        <v>54096</v>
      </c>
      <c r="FT31" s="327">
        <v>95760</v>
      </c>
      <c r="FU31" s="328">
        <v>403732</v>
      </c>
      <c r="FV31" s="330">
        <v>450513</v>
      </c>
      <c r="FW31" s="333">
        <v>3500</v>
      </c>
      <c r="FX31" s="327">
        <v>20720</v>
      </c>
      <c r="FY31" s="331">
        <v>24220</v>
      </c>
      <c r="FZ31" s="332">
        <v>0</v>
      </c>
      <c r="GA31" s="327">
        <v>30576</v>
      </c>
      <c r="GB31" s="327">
        <v>147763</v>
      </c>
      <c r="GC31" s="327">
        <v>53207</v>
      </c>
      <c r="GD31" s="327">
        <v>54096</v>
      </c>
      <c r="GE31" s="327">
        <v>95760</v>
      </c>
      <c r="GF31" s="328">
        <v>381402</v>
      </c>
      <c r="GG31" s="334">
        <v>405622</v>
      </c>
      <c r="GH31" s="333">
        <v>22561</v>
      </c>
      <c r="GI31" s="327">
        <v>0</v>
      </c>
      <c r="GJ31" s="331">
        <v>22561</v>
      </c>
      <c r="GK31" s="332">
        <v>0</v>
      </c>
      <c r="GL31" s="327">
        <v>0</v>
      </c>
      <c r="GM31" s="327">
        <v>0</v>
      </c>
      <c r="GN31" s="327">
        <v>22330</v>
      </c>
      <c r="GO31" s="327">
        <v>0</v>
      </c>
      <c r="GP31" s="327">
        <v>0</v>
      </c>
      <c r="GQ31" s="328">
        <v>22330</v>
      </c>
      <c r="GR31" s="330">
        <v>44891</v>
      </c>
      <c r="GS31" s="326">
        <v>0</v>
      </c>
      <c r="GT31" s="327">
        <v>0</v>
      </c>
      <c r="GU31" s="328">
        <v>0</v>
      </c>
      <c r="GV31" s="326">
        <v>0</v>
      </c>
      <c r="GW31" s="327">
        <v>0</v>
      </c>
      <c r="GX31" s="327">
        <v>0</v>
      </c>
      <c r="GY31" s="327">
        <v>0</v>
      </c>
      <c r="GZ31" s="327">
        <v>0</v>
      </c>
      <c r="HA31" s="327">
        <v>0</v>
      </c>
      <c r="HB31" s="331">
        <v>0</v>
      </c>
      <c r="HC31" s="330">
        <v>0</v>
      </c>
      <c r="HD31" s="326">
        <v>0</v>
      </c>
      <c r="HE31" s="327">
        <v>88577</v>
      </c>
      <c r="HF31" s="331">
        <v>88577</v>
      </c>
      <c r="HG31" s="332">
        <v>0</v>
      </c>
      <c r="HH31" s="327">
        <v>732698</v>
      </c>
      <c r="HI31" s="327">
        <v>126555</v>
      </c>
      <c r="HJ31" s="327">
        <v>466877</v>
      </c>
      <c r="HK31" s="327">
        <v>197372</v>
      </c>
      <c r="HL31" s="327">
        <v>386710</v>
      </c>
      <c r="HM31" s="328">
        <v>1910212</v>
      </c>
      <c r="HN31" s="329">
        <v>1998789</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447700</v>
      </c>
      <c r="IE31" s="339">
        <v>33470</v>
      </c>
      <c r="IF31" s="337">
        <v>496643</v>
      </c>
      <c r="IG31" s="336">
        <v>0</v>
      </c>
      <c r="IH31" s="337">
        <v>0</v>
      </c>
      <c r="II31" s="340">
        <v>977813</v>
      </c>
      <c r="IJ31" s="341">
        <v>977813</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24700</v>
      </c>
      <c r="JL31" s="345">
        <v>33470</v>
      </c>
      <c r="JM31" s="345">
        <v>50430</v>
      </c>
      <c r="JN31" s="345">
        <v>0</v>
      </c>
      <c r="JO31" s="345">
        <v>0</v>
      </c>
      <c r="JP31" s="349">
        <v>108600</v>
      </c>
      <c r="JQ31" s="347">
        <v>108600</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0</v>
      </c>
      <c r="KI31" s="345">
        <v>0</v>
      </c>
      <c r="KJ31" s="345">
        <v>0</v>
      </c>
      <c r="KK31" s="345">
        <v>0</v>
      </c>
      <c r="KL31" s="349">
        <v>0</v>
      </c>
      <c r="KM31" s="354">
        <v>0</v>
      </c>
      <c r="KN31" s="342">
        <v>0</v>
      </c>
      <c r="KO31" s="343">
        <v>0</v>
      </c>
      <c r="KP31" s="344">
        <v>0</v>
      </c>
      <c r="KQ31" s="404">
        <v>0</v>
      </c>
      <c r="KR31" s="345">
        <v>423000</v>
      </c>
      <c r="KS31" s="345">
        <v>0</v>
      </c>
      <c r="KT31" s="345">
        <v>446213</v>
      </c>
      <c r="KU31" s="345">
        <v>0</v>
      </c>
      <c r="KV31" s="345">
        <v>0</v>
      </c>
      <c r="KW31" s="349">
        <v>869213</v>
      </c>
      <c r="KX31" s="347">
        <v>869213</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231409</v>
      </c>
      <c r="ML31" s="345">
        <v>465988</v>
      </c>
      <c r="MM31" s="345">
        <v>367181</v>
      </c>
      <c r="MN31" s="345">
        <v>574471</v>
      </c>
      <c r="MO31" s="349">
        <v>1176231</v>
      </c>
      <c r="MP31" s="354">
        <v>1176231</v>
      </c>
      <c r="MQ31" s="348">
        <v>0</v>
      </c>
      <c r="MR31" s="345">
        <v>0</v>
      </c>
      <c r="MS31" s="349">
        <v>0</v>
      </c>
      <c r="MT31" s="404">
        <v>0</v>
      </c>
      <c r="MU31" s="345">
        <v>0</v>
      </c>
      <c r="MV31" s="345">
        <v>0</v>
      </c>
      <c r="MW31" s="345">
        <v>217379</v>
      </c>
      <c r="MX31" s="345">
        <v>132540</v>
      </c>
      <c r="MY31" s="345">
        <v>574471</v>
      </c>
      <c r="MZ31" s="349">
        <v>924390</v>
      </c>
      <c r="NA31" s="354">
        <v>924390</v>
      </c>
      <c r="NB31" s="348">
        <v>0</v>
      </c>
      <c r="NC31" s="345">
        <v>0</v>
      </c>
      <c r="ND31" s="349">
        <v>0</v>
      </c>
      <c r="NE31" s="404">
        <v>0</v>
      </c>
      <c r="NF31" s="345">
        <v>0</v>
      </c>
      <c r="NG31" s="345">
        <v>-231409</v>
      </c>
      <c r="NH31" s="345">
        <v>248609</v>
      </c>
      <c r="NI31" s="345">
        <v>234641</v>
      </c>
      <c r="NJ31" s="345">
        <v>0</v>
      </c>
      <c r="NK31" s="349">
        <v>251841</v>
      </c>
      <c r="NL31" s="347">
        <v>251841</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111518</v>
      </c>
      <c r="OJ31" s="345">
        <v>142728</v>
      </c>
      <c r="OK31" s="346">
        <v>254246</v>
      </c>
      <c r="OL31" s="351">
        <v>0</v>
      </c>
      <c r="OM31" s="345">
        <v>2002261</v>
      </c>
      <c r="ON31" s="345">
        <v>1513723</v>
      </c>
      <c r="OO31" s="345">
        <v>2414229</v>
      </c>
      <c r="OP31" s="345">
        <v>1050425</v>
      </c>
      <c r="OQ31" s="345">
        <v>2255220</v>
      </c>
      <c r="OR31" s="349">
        <v>9235858</v>
      </c>
      <c r="OS31" s="354">
        <v>9490104</v>
      </c>
    </row>
    <row r="32" spans="2:409" s="70" customFormat="1" ht="21" customHeight="1" x14ac:dyDescent="0.2">
      <c r="B32" s="106" t="s">
        <v>27</v>
      </c>
      <c r="C32" s="326">
        <v>271648</v>
      </c>
      <c r="D32" s="327">
        <v>241587</v>
      </c>
      <c r="E32" s="328">
        <v>513235</v>
      </c>
      <c r="F32" s="329">
        <v>0</v>
      </c>
      <c r="G32" s="327">
        <v>764392</v>
      </c>
      <c r="H32" s="327">
        <v>1294907</v>
      </c>
      <c r="I32" s="327">
        <v>1520574</v>
      </c>
      <c r="J32" s="327">
        <v>775747</v>
      </c>
      <c r="K32" s="327">
        <v>959155</v>
      </c>
      <c r="L32" s="367">
        <v>5314775</v>
      </c>
      <c r="M32" s="330">
        <v>5828010</v>
      </c>
      <c r="N32" s="326">
        <v>28951</v>
      </c>
      <c r="O32" s="327">
        <v>43720</v>
      </c>
      <c r="P32" s="328">
        <v>72671</v>
      </c>
      <c r="Q32" s="326">
        <v>0</v>
      </c>
      <c r="R32" s="327">
        <v>80204</v>
      </c>
      <c r="S32" s="327">
        <v>376976</v>
      </c>
      <c r="T32" s="327">
        <v>520198</v>
      </c>
      <c r="U32" s="327">
        <v>369139</v>
      </c>
      <c r="V32" s="327">
        <v>484506</v>
      </c>
      <c r="W32" s="328">
        <v>1831023</v>
      </c>
      <c r="X32" s="330">
        <v>1903694</v>
      </c>
      <c r="Y32" s="326">
        <v>0</v>
      </c>
      <c r="Z32" s="327">
        <v>0</v>
      </c>
      <c r="AA32" s="328">
        <v>0</v>
      </c>
      <c r="AB32" s="326">
        <v>0</v>
      </c>
      <c r="AC32" s="327">
        <v>25889</v>
      </c>
      <c r="AD32" s="327">
        <v>259610</v>
      </c>
      <c r="AE32" s="327">
        <v>325119</v>
      </c>
      <c r="AF32" s="327">
        <v>98169</v>
      </c>
      <c r="AG32" s="327">
        <v>274674</v>
      </c>
      <c r="AH32" s="328">
        <v>983461</v>
      </c>
      <c r="AI32" s="330">
        <v>983461</v>
      </c>
      <c r="AJ32" s="326">
        <v>0</v>
      </c>
      <c r="AK32" s="327">
        <v>0</v>
      </c>
      <c r="AL32" s="328">
        <v>0</v>
      </c>
      <c r="AM32" s="326">
        <v>0</v>
      </c>
      <c r="AN32" s="327">
        <v>0</v>
      </c>
      <c r="AO32" s="327">
        <v>0</v>
      </c>
      <c r="AP32" s="327">
        <v>0</v>
      </c>
      <c r="AQ32" s="327">
        <v>20204</v>
      </c>
      <c r="AR32" s="327">
        <v>0</v>
      </c>
      <c r="AS32" s="328">
        <v>20204</v>
      </c>
      <c r="AT32" s="330">
        <v>20204</v>
      </c>
      <c r="AU32" s="326">
        <v>20824</v>
      </c>
      <c r="AV32" s="327">
        <v>38932</v>
      </c>
      <c r="AW32" s="328">
        <v>59756</v>
      </c>
      <c r="AX32" s="326">
        <v>0</v>
      </c>
      <c r="AY32" s="327">
        <v>40735</v>
      </c>
      <c r="AZ32" s="327">
        <v>72573</v>
      </c>
      <c r="BA32" s="327">
        <v>117043</v>
      </c>
      <c r="BB32" s="327">
        <v>240476</v>
      </c>
      <c r="BC32" s="327">
        <v>137767</v>
      </c>
      <c r="BD32" s="328">
        <v>608594</v>
      </c>
      <c r="BE32" s="330">
        <v>668350</v>
      </c>
      <c r="BF32" s="326">
        <v>0</v>
      </c>
      <c r="BG32" s="327">
        <v>0</v>
      </c>
      <c r="BH32" s="331">
        <v>0</v>
      </c>
      <c r="BI32" s="332">
        <v>0</v>
      </c>
      <c r="BJ32" s="327">
        <v>0</v>
      </c>
      <c r="BK32" s="327">
        <v>0</v>
      </c>
      <c r="BL32" s="327">
        <v>0</v>
      </c>
      <c r="BM32" s="327">
        <v>0</v>
      </c>
      <c r="BN32" s="327">
        <v>0</v>
      </c>
      <c r="BO32" s="328">
        <v>0</v>
      </c>
      <c r="BP32" s="330">
        <v>0</v>
      </c>
      <c r="BQ32" s="326">
        <v>8127</v>
      </c>
      <c r="BR32" s="327">
        <v>4788</v>
      </c>
      <c r="BS32" s="328">
        <v>12915</v>
      </c>
      <c r="BT32" s="326">
        <v>0</v>
      </c>
      <c r="BU32" s="327">
        <v>13580</v>
      </c>
      <c r="BV32" s="327">
        <v>44793</v>
      </c>
      <c r="BW32" s="327">
        <v>78036</v>
      </c>
      <c r="BX32" s="327">
        <v>10290</v>
      </c>
      <c r="BY32" s="327">
        <v>72065</v>
      </c>
      <c r="BZ32" s="328">
        <v>218764</v>
      </c>
      <c r="CA32" s="330">
        <v>231679</v>
      </c>
      <c r="CB32" s="326">
        <v>36580</v>
      </c>
      <c r="CC32" s="327">
        <v>34585</v>
      </c>
      <c r="CD32" s="328">
        <v>71165</v>
      </c>
      <c r="CE32" s="326">
        <v>0</v>
      </c>
      <c r="CF32" s="327">
        <v>310980</v>
      </c>
      <c r="CG32" s="327">
        <v>186864</v>
      </c>
      <c r="CH32" s="327">
        <v>226713</v>
      </c>
      <c r="CI32" s="327">
        <v>263755</v>
      </c>
      <c r="CJ32" s="327">
        <v>11322</v>
      </c>
      <c r="CK32" s="328">
        <v>999634</v>
      </c>
      <c r="CL32" s="330">
        <v>1070799</v>
      </c>
      <c r="CM32" s="326">
        <v>0</v>
      </c>
      <c r="CN32" s="327">
        <v>0</v>
      </c>
      <c r="CO32" s="328">
        <v>0</v>
      </c>
      <c r="CP32" s="332">
        <v>0</v>
      </c>
      <c r="CQ32" s="327">
        <v>191273</v>
      </c>
      <c r="CR32" s="327">
        <v>69364</v>
      </c>
      <c r="CS32" s="327">
        <v>142921</v>
      </c>
      <c r="CT32" s="327">
        <v>263755</v>
      </c>
      <c r="CU32" s="327">
        <v>11322</v>
      </c>
      <c r="CV32" s="328">
        <v>678635</v>
      </c>
      <c r="CW32" s="330">
        <v>678635</v>
      </c>
      <c r="CX32" s="326">
        <v>36580</v>
      </c>
      <c r="CY32" s="327">
        <v>34585</v>
      </c>
      <c r="CZ32" s="328">
        <v>71165</v>
      </c>
      <c r="DA32" s="326">
        <v>0</v>
      </c>
      <c r="DB32" s="327">
        <v>119707</v>
      </c>
      <c r="DC32" s="327">
        <v>117500</v>
      </c>
      <c r="DD32" s="327">
        <v>83792</v>
      </c>
      <c r="DE32" s="327">
        <v>0</v>
      </c>
      <c r="DF32" s="327">
        <v>0</v>
      </c>
      <c r="DG32" s="328">
        <v>320999</v>
      </c>
      <c r="DH32" s="330">
        <v>392164</v>
      </c>
      <c r="DI32" s="326">
        <v>0</v>
      </c>
      <c r="DJ32" s="327">
        <v>0</v>
      </c>
      <c r="DK32" s="331">
        <v>0</v>
      </c>
      <c r="DL32" s="332">
        <v>0</v>
      </c>
      <c r="DM32" s="327">
        <v>58223</v>
      </c>
      <c r="DN32" s="327">
        <v>0</v>
      </c>
      <c r="DO32" s="327">
        <v>125776</v>
      </c>
      <c r="DP32" s="327">
        <v>60848</v>
      </c>
      <c r="DQ32" s="327">
        <v>0</v>
      </c>
      <c r="DR32" s="328">
        <v>244847</v>
      </c>
      <c r="DS32" s="330">
        <v>244847</v>
      </c>
      <c r="DT32" s="326">
        <v>0</v>
      </c>
      <c r="DU32" s="327">
        <v>0</v>
      </c>
      <c r="DV32" s="328">
        <v>0</v>
      </c>
      <c r="DW32" s="326">
        <v>0</v>
      </c>
      <c r="DX32" s="327">
        <v>0</v>
      </c>
      <c r="DY32" s="327">
        <v>0</v>
      </c>
      <c r="DZ32" s="327">
        <v>82866</v>
      </c>
      <c r="EA32" s="327">
        <v>60848</v>
      </c>
      <c r="EB32" s="327">
        <v>0</v>
      </c>
      <c r="EC32" s="328">
        <v>143714</v>
      </c>
      <c r="ED32" s="330">
        <v>143714</v>
      </c>
      <c r="EE32" s="326">
        <v>0</v>
      </c>
      <c r="EF32" s="331">
        <v>0</v>
      </c>
      <c r="EG32" s="328">
        <v>0</v>
      </c>
      <c r="EH32" s="326">
        <v>0</v>
      </c>
      <c r="EI32" s="327">
        <v>58223</v>
      </c>
      <c r="EJ32" s="327">
        <v>0</v>
      </c>
      <c r="EK32" s="327">
        <v>42910</v>
      </c>
      <c r="EL32" s="327">
        <v>0</v>
      </c>
      <c r="EM32" s="327">
        <v>0</v>
      </c>
      <c r="EN32" s="331">
        <v>101133</v>
      </c>
      <c r="EO32" s="330">
        <v>101133</v>
      </c>
      <c r="EP32" s="326">
        <v>0</v>
      </c>
      <c r="EQ32" s="327">
        <v>0</v>
      </c>
      <c r="ER32" s="331">
        <v>0</v>
      </c>
      <c r="ES32" s="332">
        <v>0</v>
      </c>
      <c r="ET32" s="327">
        <v>0</v>
      </c>
      <c r="EU32" s="327">
        <v>0</v>
      </c>
      <c r="EV32" s="327">
        <v>0</v>
      </c>
      <c r="EW32" s="327">
        <v>0</v>
      </c>
      <c r="EX32" s="327">
        <v>0</v>
      </c>
      <c r="EY32" s="328">
        <v>0</v>
      </c>
      <c r="EZ32" s="330">
        <v>0</v>
      </c>
      <c r="FA32" s="326">
        <v>0</v>
      </c>
      <c r="FB32" s="327">
        <v>0</v>
      </c>
      <c r="FC32" s="331">
        <v>0</v>
      </c>
      <c r="FD32" s="404">
        <v>0</v>
      </c>
      <c r="FE32" s="327">
        <v>0</v>
      </c>
      <c r="FF32" s="327">
        <v>0</v>
      </c>
      <c r="FG32" s="327">
        <v>0</v>
      </c>
      <c r="FH32" s="327">
        <v>0</v>
      </c>
      <c r="FI32" s="327">
        <v>0</v>
      </c>
      <c r="FJ32" s="328">
        <v>0</v>
      </c>
      <c r="FK32" s="330">
        <v>0</v>
      </c>
      <c r="FL32" s="326">
        <v>156800</v>
      </c>
      <c r="FM32" s="327">
        <v>67655</v>
      </c>
      <c r="FN32" s="328">
        <v>224455</v>
      </c>
      <c r="FO32" s="326">
        <v>0</v>
      </c>
      <c r="FP32" s="327">
        <v>40950</v>
      </c>
      <c r="FQ32" s="327">
        <v>25606</v>
      </c>
      <c r="FR32" s="327">
        <v>118524</v>
      </c>
      <c r="FS32" s="327">
        <v>82005</v>
      </c>
      <c r="FT32" s="327">
        <v>42973</v>
      </c>
      <c r="FU32" s="328">
        <v>310058</v>
      </c>
      <c r="FV32" s="330">
        <v>534513</v>
      </c>
      <c r="FW32" s="333">
        <v>16800</v>
      </c>
      <c r="FX32" s="327">
        <v>67655</v>
      </c>
      <c r="FY32" s="331">
        <v>84455</v>
      </c>
      <c r="FZ32" s="332">
        <v>0</v>
      </c>
      <c r="GA32" s="327">
        <v>40950</v>
      </c>
      <c r="GB32" s="327">
        <v>25606</v>
      </c>
      <c r="GC32" s="327">
        <v>118524</v>
      </c>
      <c r="GD32" s="327">
        <v>60445</v>
      </c>
      <c r="GE32" s="327">
        <v>42973</v>
      </c>
      <c r="GF32" s="328">
        <v>288498</v>
      </c>
      <c r="GG32" s="334">
        <v>372953</v>
      </c>
      <c r="GH32" s="333">
        <v>0</v>
      </c>
      <c r="GI32" s="327">
        <v>0</v>
      </c>
      <c r="GJ32" s="331">
        <v>0</v>
      </c>
      <c r="GK32" s="332">
        <v>0</v>
      </c>
      <c r="GL32" s="327">
        <v>0</v>
      </c>
      <c r="GM32" s="327">
        <v>0</v>
      </c>
      <c r="GN32" s="327">
        <v>0</v>
      </c>
      <c r="GO32" s="327">
        <v>21560</v>
      </c>
      <c r="GP32" s="327">
        <v>0</v>
      </c>
      <c r="GQ32" s="328">
        <v>21560</v>
      </c>
      <c r="GR32" s="330">
        <v>21560</v>
      </c>
      <c r="GS32" s="326">
        <v>140000</v>
      </c>
      <c r="GT32" s="327">
        <v>0</v>
      </c>
      <c r="GU32" s="328">
        <v>140000</v>
      </c>
      <c r="GV32" s="326">
        <v>0</v>
      </c>
      <c r="GW32" s="327">
        <v>0</v>
      </c>
      <c r="GX32" s="327">
        <v>0</v>
      </c>
      <c r="GY32" s="327">
        <v>0</v>
      </c>
      <c r="GZ32" s="327">
        <v>0</v>
      </c>
      <c r="HA32" s="327">
        <v>0</v>
      </c>
      <c r="HB32" s="331">
        <v>0</v>
      </c>
      <c r="HC32" s="330">
        <v>140000</v>
      </c>
      <c r="HD32" s="326">
        <v>49317</v>
      </c>
      <c r="HE32" s="327">
        <v>95627</v>
      </c>
      <c r="HF32" s="331">
        <v>144944</v>
      </c>
      <c r="HG32" s="332">
        <v>0</v>
      </c>
      <c r="HH32" s="327">
        <v>274035</v>
      </c>
      <c r="HI32" s="327">
        <v>705461</v>
      </c>
      <c r="HJ32" s="327">
        <v>529363</v>
      </c>
      <c r="HK32" s="327">
        <v>0</v>
      </c>
      <c r="HL32" s="327">
        <v>420354</v>
      </c>
      <c r="HM32" s="328">
        <v>1929213</v>
      </c>
      <c r="HN32" s="329">
        <v>2074157</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373232</v>
      </c>
      <c r="IE32" s="357">
        <v>100912</v>
      </c>
      <c r="IF32" s="358">
        <v>227906</v>
      </c>
      <c r="IG32" s="356">
        <v>228782</v>
      </c>
      <c r="IH32" s="358">
        <v>0</v>
      </c>
      <c r="II32" s="359">
        <v>930832</v>
      </c>
      <c r="IJ32" s="358">
        <v>930832</v>
      </c>
      <c r="IK32" s="342">
        <v>0</v>
      </c>
      <c r="IL32" s="343">
        <v>0</v>
      </c>
      <c r="IM32" s="344">
        <v>0</v>
      </c>
      <c r="IN32" s="404">
        <v>0</v>
      </c>
      <c r="IO32" s="345">
        <v>0</v>
      </c>
      <c r="IP32" s="345">
        <v>0</v>
      </c>
      <c r="IQ32" s="345">
        <v>0</v>
      </c>
      <c r="IR32" s="345">
        <v>0</v>
      </c>
      <c r="IS32" s="345">
        <v>0</v>
      </c>
      <c r="IT32" s="346">
        <v>0</v>
      </c>
      <c r="IU32" s="347">
        <v>0</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136222</v>
      </c>
      <c r="JL32" s="345">
        <v>51214</v>
      </c>
      <c r="JM32" s="345">
        <v>20934</v>
      </c>
      <c r="JN32" s="345">
        <v>0</v>
      </c>
      <c r="JO32" s="345">
        <v>0</v>
      </c>
      <c r="JP32" s="349">
        <v>208370</v>
      </c>
      <c r="JQ32" s="347">
        <v>208370</v>
      </c>
      <c r="JR32" s="348">
        <v>0</v>
      </c>
      <c r="JS32" s="345">
        <v>0</v>
      </c>
      <c r="JT32" s="346">
        <v>0</v>
      </c>
      <c r="JU32" s="351">
        <v>0</v>
      </c>
      <c r="JV32" s="345">
        <v>134946</v>
      </c>
      <c r="JW32" s="345">
        <v>49698</v>
      </c>
      <c r="JX32" s="345">
        <v>0</v>
      </c>
      <c r="JY32" s="345">
        <v>0</v>
      </c>
      <c r="JZ32" s="345">
        <v>0</v>
      </c>
      <c r="KA32" s="349">
        <v>184644</v>
      </c>
      <c r="KB32" s="347">
        <v>184644</v>
      </c>
      <c r="KC32" s="352">
        <v>0</v>
      </c>
      <c r="KD32" s="353">
        <v>0</v>
      </c>
      <c r="KE32" s="349">
        <v>0</v>
      </c>
      <c r="KF32" s="351">
        <v>0</v>
      </c>
      <c r="KG32" s="345">
        <v>0</v>
      </c>
      <c r="KH32" s="345">
        <v>0</v>
      </c>
      <c r="KI32" s="345">
        <v>0</v>
      </c>
      <c r="KJ32" s="345">
        <v>0</v>
      </c>
      <c r="KK32" s="345">
        <v>0</v>
      </c>
      <c r="KL32" s="349">
        <v>0</v>
      </c>
      <c r="KM32" s="354">
        <v>0</v>
      </c>
      <c r="KN32" s="342">
        <v>0</v>
      </c>
      <c r="KO32" s="343">
        <v>0</v>
      </c>
      <c r="KP32" s="344">
        <v>0</v>
      </c>
      <c r="KQ32" s="404">
        <v>0</v>
      </c>
      <c r="KR32" s="345">
        <v>0</v>
      </c>
      <c r="KS32" s="345">
        <v>0</v>
      </c>
      <c r="KT32" s="345">
        <v>0</v>
      </c>
      <c r="KU32" s="345">
        <v>228782</v>
      </c>
      <c r="KV32" s="345">
        <v>0</v>
      </c>
      <c r="KW32" s="349">
        <v>228782</v>
      </c>
      <c r="KX32" s="347">
        <v>228782</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0</v>
      </c>
      <c r="LQ32" s="345">
        <v>0</v>
      </c>
      <c r="LR32" s="345">
        <v>0</v>
      </c>
      <c r="LS32" s="349">
        <v>0</v>
      </c>
      <c r="LT32" s="347">
        <v>0</v>
      </c>
      <c r="LU32" s="348">
        <v>0</v>
      </c>
      <c r="LV32" s="345">
        <v>0</v>
      </c>
      <c r="LW32" s="349">
        <v>0</v>
      </c>
      <c r="LX32" s="404">
        <v>0</v>
      </c>
      <c r="LY32" s="345">
        <v>102064</v>
      </c>
      <c r="LZ32" s="345">
        <v>0</v>
      </c>
      <c r="MA32" s="345">
        <v>206972</v>
      </c>
      <c r="MB32" s="345">
        <v>0</v>
      </c>
      <c r="MC32" s="345">
        <v>0</v>
      </c>
      <c r="MD32" s="349">
        <v>309036</v>
      </c>
      <c r="ME32" s="350">
        <v>309036</v>
      </c>
      <c r="MF32" s="348">
        <v>0</v>
      </c>
      <c r="MG32" s="345">
        <v>0</v>
      </c>
      <c r="MH32" s="349">
        <v>0</v>
      </c>
      <c r="MI32" s="404">
        <v>0</v>
      </c>
      <c r="MJ32" s="345">
        <v>196201</v>
      </c>
      <c r="MK32" s="345">
        <v>0</v>
      </c>
      <c r="ML32" s="345">
        <v>237538</v>
      </c>
      <c r="MM32" s="345">
        <v>435533</v>
      </c>
      <c r="MN32" s="345">
        <v>943584</v>
      </c>
      <c r="MO32" s="349">
        <v>1812856</v>
      </c>
      <c r="MP32" s="354">
        <v>1812856</v>
      </c>
      <c r="MQ32" s="348">
        <v>0</v>
      </c>
      <c r="MR32" s="345">
        <v>0</v>
      </c>
      <c r="MS32" s="349">
        <v>0</v>
      </c>
      <c r="MT32" s="404">
        <v>0</v>
      </c>
      <c r="MU32" s="345">
        <v>0</v>
      </c>
      <c r="MV32" s="345">
        <v>0</v>
      </c>
      <c r="MW32" s="345">
        <v>0</v>
      </c>
      <c r="MX32" s="345">
        <v>227934</v>
      </c>
      <c r="MY32" s="345">
        <v>241362</v>
      </c>
      <c r="MZ32" s="349">
        <v>469296</v>
      </c>
      <c r="NA32" s="354">
        <v>469296</v>
      </c>
      <c r="NB32" s="348">
        <v>0</v>
      </c>
      <c r="NC32" s="345">
        <v>0</v>
      </c>
      <c r="ND32" s="349">
        <v>0</v>
      </c>
      <c r="NE32" s="404">
        <v>0</v>
      </c>
      <c r="NF32" s="345">
        <v>196201</v>
      </c>
      <c r="NG32" s="345">
        <v>0</v>
      </c>
      <c r="NH32" s="345">
        <v>237538</v>
      </c>
      <c r="NI32" s="345">
        <v>207599</v>
      </c>
      <c r="NJ32" s="345">
        <v>0</v>
      </c>
      <c r="NK32" s="349">
        <v>641338</v>
      </c>
      <c r="NL32" s="347">
        <v>641338</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702222</v>
      </c>
      <c r="OG32" s="349">
        <v>702222</v>
      </c>
      <c r="OH32" s="350">
        <v>702222</v>
      </c>
      <c r="OI32" s="348">
        <v>271648</v>
      </c>
      <c r="OJ32" s="345">
        <v>241587</v>
      </c>
      <c r="OK32" s="346">
        <v>513235</v>
      </c>
      <c r="OL32" s="351">
        <v>0</v>
      </c>
      <c r="OM32" s="345">
        <v>1333825</v>
      </c>
      <c r="ON32" s="345">
        <v>1395819</v>
      </c>
      <c r="OO32" s="345">
        <v>1986018</v>
      </c>
      <c r="OP32" s="345">
        <v>1440062</v>
      </c>
      <c r="OQ32" s="345">
        <v>1902739</v>
      </c>
      <c r="OR32" s="349">
        <v>8058463</v>
      </c>
      <c r="OS32" s="354">
        <v>8571698</v>
      </c>
    </row>
    <row r="33" spans="2:409" s="70" customFormat="1" ht="21" customHeight="1" x14ac:dyDescent="0.2">
      <c r="B33" s="106" t="s">
        <v>28</v>
      </c>
      <c r="C33" s="326">
        <v>0</v>
      </c>
      <c r="D33" s="327">
        <v>18742</v>
      </c>
      <c r="E33" s="328">
        <v>18742</v>
      </c>
      <c r="F33" s="329">
        <v>0</v>
      </c>
      <c r="G33" s="327">
        <v>86366</v>
      </c>
      <c r="H33" s="327">
        <v>105681</v>
      </c>
      <c r="I33" s="327">
        <v>287883</v>
      </c>
      <c r="J33" s="327">
        <v>122890</v>
      </c>
      <c r="K33" s="327">
        <v>830521</v>
      </c>
      <c r="L33" s="367">
        <v>1433341</v>
      </c>
      <c r="M33" s="330">
        <v>1452083</v>
      </c>
      <c r="N33" s="326">
        <v>0</v>
      </c>
      <c r="O33" s="327">
        <v>11042</v>
      </c>
      <c r="P33" s="328">
        <v>11042</v>
      </c>
      <c r="Q33" s="326">
        <v>0</v>
      </c>
      <c r="R33" s="327">
        <v>38200</v>
      </c>
      <c r="S33" s="327">
        <v>71136</v>
      </c>
      <c r="T33" s="327">
        <v>17928</v>
      </c>
      <c r="U33" s="327">
        <v>101540</v>
      </c>
      <c r="V33" s="327">
        <v>41832</v>
      </c>
      <c r="W33" s="328">
        <v>270636</v>
      </c>
      <c r="X33" s="330">
        <v>281678</v>
      </c>
      <c r="Y33" s="326">
        <v>0</v>
      </c>
      <c r="Z33" s="327">
        <v>0</v>
      </c>
      <c r="AA33" s="328">
        <v>0</v>
      </c>
      <c r="AB33" s="326">
        <v>0</v>
      </c>
      <c r="AC33" s="327">
        <v>30948</v>
      </c>
      <c r="AD33" s="327">
        <v>17789</v>
      </c>
      <c r="AE33" s="327">
        <v>0</v>
      </c>
      <c r="AF33" s="327">
        <v>90102</v>
      </c>
      <c r="AG33" s="327">
        <v>0</v>
      </c>
      <c r="AH33" s="328">
        <v>138839</v>
      </c>
      <c r="AI33" s="330">
        <v>138839</v>
      </c>
      <c r="AJ33" s="326">
        <v>0</v>
      </c>
      <c r="AK33" s="327">
        <v>0</v>
      </c>
      <c r="AL33" s="328">
        <v>0</v>
      </c>
      <c r="AM33" s="326">
        <v>0</v>
      </c>
      <c r="AN33" s="327">
        <v>0</v>
      </c>
      <c r="AO33" s="327">
        <v>0</v>
      </c>
      <c r="AP33" s="327">
        <v>0</v>
      </c>
      <c r="AQ33" s="327">
        <v>0</v>
      </c>
      <c r="AR33" s="327">
        <v>0</v>
      </c>
      <c r="AS33" s="328">
        <v>0</v>
      </c>
      <c r="AT33" s="330">
        <v>0</v>
      </c>
      <c r="AU33" s="326">
        <v>0</v>
      </c>
      <c r="AV33" s="327">
        <v>11042</v>
      </c>
      <c r="AW33" s="328">
        <v>11042</v>
      </c>
      <c r="AX33" s="326">
        <v>0</v>
      </c>
      <c r="AY33" s="327">
        <v>0</v>
      </c>
      <c r="AZ33" s="327">
        <v>40131</v>
      </c>
      <c r="BA33" s="327">
        <v>17928</v>
      </c>
      <c r="BB33" s="327">
        <v>0</v>
      </c>
      <c r="BC33" s="327">
        <v>0</v>
      </c>
      <c r="BD33" s="328">
        <v>58059</v>
      </c>
      <c r="BE33" s="330">
        <v>69101</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7252</v>
      </c>
      <c r="BV33" s="327">
        <v>13216</v>
      </c>
      <c r="BW33" s="327">
        <v>0</v>
      </c>
      <c r="BX33" s="327">
        <v>11438</v>
      </c>
      <c r="BY33" s="327">
        <v>41832</v>
      </c>
      <c r="BZ33" s="328">
        <v>73738</v>
      </c>
      <c r="CA33" s="330">
        <v>73738</v>
      </c>
      <c r="CB33" s="326">
        <v>0</v>
      </c>
      <c r="CC33" s="327">
        <v>0</v>
      </c>
      <c r="CD33" s="328">
        <v>0</v>
      </c>
      <c r="CE33" s="326">
        <v>0</v>
      </c>
      <c r="CF33" s="327">
        <v>0</v>
      </c>
      <c r="CG33" s="327">
        <v>0</v>
      </c>
      <c r="CH33" s="327">
        <v>249025</v>
      </c>
      <c r="CI33" s="327">
        <v>0</v>
      </c>
      <c r="CJ33" s="327">
        <v>0</v>
      </c>
      <c r="CK33" s="328">
        <v>249025</v>
      </c>
      <c r="CL33" s="330">
        <v>249025</v>
      </c>
      <c r="CM33" s="326">
        <v>0</v>
      </c>
      <c r="CN33" s="327">
        <v>0</v>
      </c>
      <c r="CO33" s="328">
        <v>0</v>
      </c>
      <c r="CP33" s="332">
        <v>0</v>
      </c>
      <c r="CQ33" s="327">
        <v>0</v>
      </c>
      <c r="CR33" s="327">
        <v>0</v>
      </c>
      <c r="CS33" s="327">
        <v>191995</v>
      </c>
      <c r="CT33" s="327">
        <v>0</v>
      </c>
      <c r="CU33" s="327">
        <v>0</v>
      </c>
      <c r="CV33" s="328">
        <v>191995</v>
      </c>
      <c r="CW33" s="330">
        <v>191995</v>
      </c>
      <c r="CX33" s="326">
        <v>0</v>
      </c>
      <c r="CY33" s="327">
        <v>0</v>
      </c>
      <c r="CZ33" s="328">
        <v>0</v>
      </c>
      <c r="DA33" s="326">
        <v>0</v>
      </c>
      <c r="DB33" s="327">
        <v>0</v>
      </c>
      <c r="DC33" s="327">
        <v>0</v>
      </c>
      <c r="DD33" s="327">
        <v>57030</v>
      </c>
      <c r="DE33" s="327">
        <v>0</v>
      </c>
      <c r="DF33" s="327">
        <v>0</v>
      </c>
      <c r="DG33" s="328">
        <v>57030</v>
      </c>
      <c r="DH33" s="330">
        <v>57030</v>
      </c>
      <c r="DI33" s="326">
        <v>0</v>
      </c>
      <c r="DJ33" s="327">
        <v>0</v>
      </c>
      <c r="DK33" s="331">
        <v>0</v>
      </c>
      <c r="DL33" s="332">
        <v>0</v>
      </c>
      <c r="DM33" s="327">
        <v>48166</v>
      </c>
      <c r="DN33" s="327">
        <v>0</v>
      </c>
      <c r="DO33" s="327">
        <v>0</v>
      </c>
      <c r="DP33" s="327">
        <v>0</v>
      </c>
      <c r="DQ33" s="327">
        <v>0</v>
      </c>
      <c r="DR33" s="328">
        <v>48166</v>
      </c>
      <c r="DS33" s="330">
        <v>48166</v>
      </c>
      <c r="DT33" s="326">
        <v>0</v>
      </c>
      <c r="DU33" s="327">
        <v>0</v>
      </c>
      <c r="DV33" s="328">
        <v>0</v>
      </c>
      <c r="DW33" s="326">
        <v>0</v>
      </c>
      <c r="DX33" s="327">
        <v>0</v>
      </c>
      <c r="DY33" s="327">
        <v>0</v>
      </c>
      <c r="DZ33" s="327">
        <v>0</v>
      </c>
      <c r="EA33" s="327">
        <v>0</v>
      </c>
      <c r="EB33" s="327">
        <v>0</v>
      </c>
      <c r="EC33" s="328">
        <v>0</v>
      </c>
      <c r="ED33" s="330">
        <v>0</v>
      </c>
      <c r="EE33" s="326">
        <v>0</v>
      </c>
      <c r="EF33" s="331">
        <v>0</v>
      </c>
      <c r="EG33" s="328">
        <v>0</v>
      </c>
      <c r="EH33" s="326">
        <v>0</v>
      </c>
      <c r="EI33" s="327">
        <v>48166</v>
      </c>
      <c r="EJ33" s="327">
        <v>0</v>
      </c>
      <c r="EK33" s="327">
        <v>0</v>
      </c>
      <c r="EL33" s="327">
        <v>0</v>
      </c>
      <c r="EM33" s="327">
        <v>0</v>
      </c>
      <c r="EN33" s="331">
        <v>48166</v>
      </c>
      <c r="EO33" s="330">
        <v>48166</v>
      </c>
      <c r="EP33" s="326">
        <v>0</v>
      </c>
      <c r="EQ33" s="327">
        <v>0</v>
      </c>
      <c r="ER33" s="331">
        <v>0</v>
      </c>
      <c r="ES33" s="332">
        <v>0</v>
      </c>
      <c r="ET33" s="327">
        <v>0</v>
      </c>
      <c r="EU33" s="327">
        <v>0</v>
      </c>
      <c r="EV33" s="327">
        <v>0</v>
      </c>
      <c r="EW33" s="327">
        <v>0</v>
      </c>
      <c r="EX33" s="327">
        <v>0</v>
      </c>
      <c r="EY33" s="328">
        <v>0</v>
      </c>
      <c r="EZ33" s="330">
        <v>0</v>
      </c>
      <c r="FA33" s="326">
        <v>0</v>
      </c>
      <c r="FB33" s="327">
        <v>0</v>
      </c>
      <c r="FC33" s="331">
        <v>0</v>
      </c>
      <c r="FD33" s="404">
        <v>0</v>
      </c>
      <c r="FE33" s="327">
        <v>0</v>
      </c>
      <c r="FF33" s="327">
        <v>0</v>
      </c>
      <c r="FG33" s="327">
        <v>0</v>
      </c>
      <c r="FH33" s="327">
        <v>0</v>
      </c>
      <c r="FI33" s="327">
        <v>0</v>
      </c>
      <c r="FJ33" s="328">
        <v>0</v>
      </c>
      <c r="FK33" s="330">
        <v>0</v>
      </c>
      <c r="FL33" s="326">
        <v>0</v>
      </c>
      <c r="FM33" s="327">
        <v>7700</v>
      </c>
      <c r="FN33" s="328">
        <v>7700</v>
      </c>
      <c r="FO33" s="326">
        <v>0</v>
      </c>
      <c r="FP33" s="327">
        <v>0</v>
      </c>
      <c r="FQ33" s="327">
        <v>34545</v>
      </c>
      <c r="FR33" s="327">
        <v>20930</v>
      </c>
      <c r="FS33" s="327">
        <v>21350</v>
      </c>
      <c r="FT33" s="327">
        <v>0</v>
      </c>
      <c r="FU33" s="328">
        <v>76825</v>
      </c>
      <c r="FV33" s="330">
        <v>84525</v>
      </c>
      <c r="FW33" s="333">
        <v>0</v>
      </c>
      <c r="FX33" s="327">
        <v>7700</v>
      </c>
      <c r="FY33" s="331">
        <v>7700</v>
      </c>
      <c r="FZ33" s="332">
        <v>0</v>
      </c>
      <c r="GA33" s="327">
        <v>0</v>
      </c>
      <c r="GB33" s="327">
        <v>34545</v>
      </c>
      <c r="GC33" s="327">
        <v>20930</v>
      </c>
      <c r="GD33" s="327">
        <v>21350</v>
      </c>
      <c r="GE33" s="327">
        <v>0</v>
      </c>
      <c r="GF33" s="328">
        <v>76825</v>
      </c>
      <c r="GG33" s="334">
        <v>84525</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0</v>
      </c>
      <c r="HI33" s="327">
        <v>0</v>
      </c>
      <c r="HJ33" s="327">
        <v>0</v>
      </c>
      <c r="HK33" s="327">
        <v>0</v>
      </c>
      <c r="HL33" s="327">
        <v>788689</v>
      </c>
      <c r="HM33" s="328">
        <v>788689</v>
      </c>
      <c r="HN33" s="329">
        <v>788689</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73897</v>
      </c>
      <c r="IE33" s="339">
        <v>256531</v>
      </c>
      <c r="IF33" s="337">
        <v>0</v>
      </c>
      <c r="IG33" s="336">
        <v>0</v>
      </c>
      <c r="IH33" s="337">
        <v>0</v>
      </c>
      <c r="II33" s="340">
        <v>430428</v>
      </c>
      <c r="IJ33" s="341">
        <v>430428</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73897</v>
      </c>
      <c r="JL33" s="345">
        <v>32659</v>
      </c>
      <c r="JM33" s="345">
        <v>0</v>
      </c>
      <c r="JN33" s="345">
        <v>0</v>
      </c>
      <c r="JO33" s="345">
        <v>0</v>
      </c>
      <c r="JP33" s="349">
        <v>206556</v>
      </c>
      <c r="JQ33" s="347">
        <v>206556</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223872</v>
      </c>
      <c r="KT33" s="345">
        <v>0</v>
      </c>
      <c r="KU33" s="345">
        <v>0</v>
      </c>
      <c r="KV33" s="345">
        <v>0</v>
      </c>
      <c r="KW33" s="349">
        <v>223872</v>
      </c>
      <c r="KX33" s="347">
        <v>223872</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328048</v>
      </c>
      <c r="MM33" s="345">
        <v>0</v>
      </c>
      <c r="MN33" s="345">
        <v>0</v>
      </c>
      <c r="MO33" s="349">
        <v>328048</v>
      </c>
      <c r="MP33" s="354">
        <v>328048</v>
      </c>
      <c r="MQ33" s="348">
        <v>0</v>
      </c>
      <c r="MR33" s="345">
        <v>0</v>
      </c>
      <c r="MS33" s="349">
        <v>0</v>
      </c>
      <c r="MT33" s="404">
        <v>0</v>
      </c>
      <c r="MU33" s="345">
        <v>0</v>
      </c>
      <c r="MV33" s="345">
        <v>0</v>
      </c>
      <c r="MW33" s="345">
        <v>0</v>
      </c>
      <c r="MX33" s="345">
        <v>0</v>
      </c>
      <c r="MY33" s="345">
        <v>0</v>
      </c>
      <c r="MZ33" s="349">
        <v>0</v>
      </c>
      <c r="NA33" s="354">
        <v>0</v>
      </c>
      <c r="NB33" s="348">
        <v>0</v>
      </c>
      <c r="NC33" s="345">
        <v>0</v>
      </c>
      <c r="ND33" s="349">
        <v>0</v>
      </c>
      <c r="NE33" s="404">
        <v>0</v>
      </c>
      <c r="NF33" s="345">
        <v>0</v>
      </c>
      <c r="NG33" s="345">
        <v>0</v>
      </c>
      <c r="NH33" s="345">
        <v>328048</v>
      </c>
      <c r="NI33" s="345">
        <v>0</v>
      </c>
      <c r="NJ33" s="345">
        <v>0</v>
      </c>
      <c r="NK33" s="349">
        <v>328048</v>
      </c>
      <c r="NL33" s="347">
        <v>328048</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18742</v>
      </c>
      <c r="OK33" s="346">
        <v>18742</v>
      </c>
      <c r="OL33" s="351">
        <v>0</v>
      </c>
      <c r="OM33" s="345">
        <v>260263</v>
      </c>
      <c r="ON33" s="345">
        <v>362212</v>
      </c>
      <c r="OO33" s="345">
        <v>615931</v>
      </c>
      <c r="OP33" s="345">
        <v>122890</v>
      </c>
      <c r="OQ33" s="345">
        <v>830521</v>
      </c>
      <c r="OR33" s="349">
        <v>2191817</v>
      </c>
      <c r="OS33" s="354">
        <v>2210559</v>
      </c>
    </row>
    <row r="34" spans="2:409" s="70" customFormat="1" ht="21" customHeight="1" x14ac:dyDescent="0.2">
      <c r="B34" s="106" t="s">
        <v>29</v>
      </c>
      <c r="C34" s="326">
        <v>69337</v>
      </c>
      <c r="D34" s="327">
        <v>72800</v>
      </c>
      <c r="E34" s="328">
        <v>142137</v>
      </c>
      <c r="F34" s="329">
        <v>0</v>
      </c>
      <c r="G34" s="327">
        <v>345131</v>
      </c>
      <c r="H34" s="327">
        <v>300314</v>
      </c>
      <c r="I34" s="327">
        <v>433475</v>
      </c>
      <c r="J34" s="327">
        <v>249980</v>
      </c>
      <c r="K34" s="327">
        <v>201908</v>
      </c>
      <c r="L34" s="367">
        <v>1530808</v>
      </c>
      <c r="M34" s="330">
        <v>1672945</v>
      </c>
      <c r="N34" s="326">
        <v>20349</v>
      </c>
      <c r="O34" s="327">
        <v>60200</v>
      </c>
      <c r="P34" s="328">
        <v>80549</v>
      </c>
      <c r="Q34" s="326">
        <v>0</v>
      </c>
      <c r="R34" s="327">
        <v>177568</v>
      </c>
      <c r="S34" s="327">
        <v>151592</v>
      </c>
      <c r="T34" s="327">
        <v>237880</v>
      </c>
      <c r="U34" s="327">
        <v>46599</v>
      </c>
      <c r="V34" s="327">
        <v>0</v>
      </c>
      <c r="W34" s="328">
        <v>613639</v>
      </c>
      <c r="X34" s="330">
        <v>694188</v>
      </c>
      <c r="Y34" s="326">
        <v>0</v>
      </c>
      <c r="Z34" s="327">
        <v>0</v>
      </c>
      <c r="AA34" s="328">
        <v>0</v>
      </c>
      <c r="AB34" s="326">
        <v>0</v>
      </c>
      <c r="AC34" s="327">
        <v>47165</v>
      </c>
      <c r="AD34" s="327">
        <v>58681</v>
      </c>
      <c r="AE34" s="327">
        <v>175462</v>
      </c>
      <c r="AF34" s="327">
        <v>31129</v>
      </c>
      <c r="AG34" s="327">
        <v>0</v>
      </c>
      <c r="AH34" s="328">
        <v>312437</v>
      </c>
      <c r="AI34" s="330">
        <v>312437</v>
      </c>
      <c r="AJ34" s="326">
        <v>0</v>
      </c>
      <c r="AK34" s="327">
        <v>0</v>
      </c>
      <c r="AL34" s="328">
        <v>0</v>
      </c>
      <c r="AM34" s="326">
        <v>0</v>
      </c>
      <c r="AN34" s="327">
        <v>0</v>
      </c>
      <c r="AO34" s="327">
        <v>0</v>
      </c>
      <c r="AP34" s="327">
        <v>0</v>
      </c>
      <c r="AQ34" s="327">
        <v>0</v>
      </c>
      <c r="AR34" s="327">
        <v>0</v>
      </c>
      <c r="AS34" s="328">
        <v>0</v>
      </c>
      <c r="AT34" s="330">
        <v>0</v>
      </c>
      <c r="AU34" s="326">
        <v>20349</v>
      </c>
      <c r="AV34" s="327">
        <v>60200</v>
      </c>
      <c r="AW34" s="328">
        <v>80549</v>
      </c>
      <c r="AX34" s="326">
        <v>0</v>
      </c>
      <c r="AY34" s="327">
        <v>112630</v>
      </c>
      <c r="AZ34" s="327">
        <v>92911</v>
      </c>
      <c r="BA34" s="327">
        <v>42153</v>
      </c>
      <c r="BB34" s="327">
        <v>0</v>
      </c>
      <c r="BC34" s="327">
        <v>0</v>
      </c>
      <c r="BD34" s="328">
        <v>247694</v>
      </c>
      <c r="BE34" s="330">
        <v>328243</v>
      </c>
      <c r="BF34" s="326">
        <v>0</v>
      </c>
      <c r="BG34" s="327">
        <v>0</v>
      </c>
      <c r="BH34" s="331">
        <v>0</v>
      </c>
      <c r="BI34" s="332">
        <v>0</v>
      </c>
      <c r="BJ34" s="327">
        <v>0</v>
      </c>
      <c r="BK34" s="327">
        <v>0</v>
      </c>
      <c r="BL34" s="327">
        <v>0</v>
      </c>
      <c r="BM34" s="327">
        <v>0</v>
      </c>
      <c r="BN34" s="327">
        <v>0</v>
      </c>
      <c r="BO34" s="328">
        <v>0</v>
      </c>
      <c r="BP34" s="330">
        <v>0</v>
      </c>
      <c r="BQ34" s="326">
        <v>0</v>
      </c>
      <c r="BR34" s="327">
        <v>0</v>
      </c>
      <c r="BS34" s="328">
        <v>0</v>
      </c>
      <c r="BT34" s="326">
        <v>0</v>
      </c>
      <c r="BU34" s="327">
        <v>17773</v>
      </c>
      <c r="BV34" s="327">
        <v>0</v>
      </c>
      <c r="BW34" s="327">
        <v>20265</v>
      </c>
      <c r="BX34" s="327">
        <v>15470</v>
      </c>
      <c r="BY34" s="327">
        <v>0</v>
      </c>
      <c r="BZ34" s="328">
        <v>53508</v>
      </c>
      <c r="CA34" s="330">
        <v>53508</v>
      </c>
      <c r="CB34" s="326">
        <v>0</v>
      </c>
      <c r="CC34" s="327">
        <v>0</v>
      </c>
      <c r="CD34" s="328">
        <v>0</v>
      </c>
      <c r="CE34" s="326">
        <v>0</v>
      </c>
      <c r="CF34" s="327">
        <v>165813</v>
      </c>
      <c r="CG34" s="327">
        <v>23072</v>
      </c>
      <c r="CH34" s="327">
        <v>0</v>
      </c>
      <c r="CI34" s="327">
        <v>0</v>
      </c>
      <c r="CJ34" s="327">
        <v>0</v>
      </c>
      <c r="CK34" s="328">
        <v>188885</v>
      </c>
      <c r="CL34" s="330">
        <v>188885</v>
      </c>
      <c r="CM34" s="326">
        <v>0</v>
      </c>
      <c r="CN34" s="327">
        <v>0</v>
      </c>
      <c r="CO34" s="328">
        <v>0</v>
      </c>
      <c r="CP34" s="332">
        <v>0</v>
      </c>
      <c r="CQ34" s="327">
        <v>109732</v>
      </c>
      <c r="CR34" s="327">
        <v>23072</v>
      </c>
      <c r="CS34" s="327">
        <v>0</v>
      </c>
      <c r="CT34" s="327">
        <v>0</v>
      </c>
      <c r="CU34" s="327">
        <v>0</v>
      </c>
      <c r="CV34" s="328">
        <v>132804</v>
      </c>
      <c r="CW34" s="330">
        <v>132804</v>
      </c>
      <c r="CX34" s="326">
        <v>0</v>
      </c>
      <c r="CY34" s="327">
        <v>0</v>
      </c>
      <c r="CZ34" s="328">
        <v>0</v>
      </c>
      <c r="DA34" s="326">
        <v>0</v>
      </c>
      <c r="DB34" s="327">
        <v>56081</v>
      </c>
      <c r="DC34" s="327">
        <v>0</v>
      </c>
      <c r="DD34" s="327">
        <v>0</v>
      </c>
      <c r="DE34" s="327">
        <v>0</v>
      </c>
      <c r="DF34" s="327">
        <v>0</v>
      </c>
      <c r="DG34" s="328">
        <v>56081</v>
      </c>
      <c r="DH34" s="330">
        <v>56081</v>
      </c>
      <c r="DI34" s="326">
        <v>0</v>
      </c>
      <c r="DJ34" s="327">
        <v>0</v>
      </c>
      <c r="DK34" s="331">
        <v>0</v>
      </c>
      <c r="DL34" s="332">
        <v>0</v>
      </c>
      <c r="DM34" s="327">
        <v>0</v>
      </c>
      <c r="DN34" s="327">
        <v>0</v>
      </c>
      <c r="DO34" s="327">
        <v>0</v>
      </c>
      <c r="DP34" s="327">
        <v>0</v>
      </c>
      <c r="DQ34" s="327">
        <v>0</v>
      </c>
      <c r="DR34" s="328">
        <v>0</v>
      </c>
      <c r="DS34" s="330">
        <v>0</v>
      </c>
      <c r="DT34" s="326">
        <v>0</v>
      </c>
      <c r="DU34" s="327">
        <v>0</v>
      </c>
      <c r="DV34" s="328">
        <v>0</v>
      </c>
      <c r="DW34" s="326">
        <v>0</v>
      </c>
      <c r="DX34" s="327">
        <v>0</v>
      </c>
      <c r="DY34" s="327">
        <v>0</v>
      </c>
      <c r="DZ34" s="327">
        <v>0</v>
      </c>
      <c r="EA34" s="327">
        <v>0</v>
      </c>
      <c r="EB34" s="327">
        <v>0</v>
      </c>
      <c r="EC34" s="328">
        <v>0</v>
      </c>
      <c r="ED34" s="330">
        <v>0</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404">
        <v>0</v>
      </c>
      <c r="FE34" s="327">
        <v>0</v>
      </c>
      <c r="FF34" s="327">
        <v>0</v>
      </c>
      <c r="FG34" s="327">
        <v>0</v>
      </c>
      <c r="FH34" s="327">
        <v>0</v>
      </c>
      <c r="FI34" s="327">
        <v>0</v>
      </c>
      <c r="FJ34" s="328">
        <v>0</v>
      </c>
      <c r="FK34" s="330">
        <v>0</v>
      </c>
      <c r="FL34" s="326">
        <v>2100</v>
      </c>
      <c r="FM34" s="327">
        <v>12600</v>
      </c>
      <c r="FN34" s="328">
        <v>14700</v>
      </c>
      <c r="FO34" s="326">
        <v>0</v>
      </c>
      <c r="FP34" s="327">
        <v>1750</v>
      </c>
      <c r="FQ34" s="327">
        <v>125650</v>
      </c>
      <c r="FR34" s="327">
        <v>18200</v>
      </c>
      <c r="FS34" s="327">
        <v>13755</v>
      </c>
      <c r="FT34" s="327">
        <v>0</v>
      </c>
      <c r="FU34" s="328">
        <v>159355</v>
      </c>
      <c r="FV34" s="330">
        <v>174055</v>
      </c>
      <c r="FW34" s="333">
        <v>2100</v>
      </c>
      <c r="FX34" s="327">
        <v>12600</v>
      </c>
      <c r="FY34" s="331">
        <v>14700</v>
      </c>
      <c r="FZ34" s="332">
        <v>0</v>
      </c>
      <c r="GA34" s="327">
        <v>1750</v>
      </c>
      <c r="GB34" s="327">
        <v>73598</v>
      </c>
      <c r="GC34" s="327">
        <v>18200</v>
      </c>
      <c r="GD34" s="327">
        <v>13755</v>
      </c>
      <c r="GE34" s="327">
        <v>0</v>
      </c>
      <c r="GF34" s="328">
        <v>107303</v>
      </c>
      <c r="GG34" s="334">
        <v>122003</v>
      </c>
      <c r="GH34" s="333">
        <v>0</v>
      </c>
      <c r="GI34" s="327">
        <v>0</v>
      </c>
      <c r="GJ34" s="331">
        <v>0</v>
      </c>
      <c r="GK34" s="332">
        <v>0</v>
      </c>
      <c r="GL34" s="327">
        <v>0</v>
      </c>
      <c r="GM34" s="327">
        <v>52052</v>
      </c>
      <c r="GN34" s="327">
        <v>0</v>
      </c>
      <c r="GO34" s="327">
        <v>0</v>
      </c>
      <c r="GP34" s="327">
        <v>0</v>
      </c>
      <c r="GQ34" s="328">
        <v>52052</v>
      </c>
      <c r="GR34" s="330">
        <v>52052</v>
      </c>
      <c r="GS34" s="326">
        <v>0</v>
      </c>
      <c r="GT34" s="327">
        <v>0</v>
      </c>
      <c r="GU34" s="328">
        <v>0</v>
      </c>
      <c r="GV34" s="326">
        <v>0</v>
      </c>
      <c r="GW34" s="327">
        <v>0</v>
      </c>
      <c r="GX34" s="327">
        <v>0</v>
      </c>
      <c r="GY34" s="327">
        <v>0</v>
      </c>
      <c r="GZ34" s="327">
        <v>0</v>
      </c>
      <c r="HA34" s="327">
        <v>0</v>
      </c>
      <c r="HB34" s="331">
        <v>0</v>
      </c>
      <c r="HC34" s="330">
        <v>0</v>
      </c>
      <c r="HD34" s="326">
        <v>46888</v>
      </c>
      <c r="HE34" s="327">
        <v>0</v>
      </c>
      <c r="HF34" s="331">
        <v>46888</v>
      </c>
      <c r="HG34" s="332">
        <v>0</v>
      </c>
      <c r="HH34" s="327">
        <v>0</v>
      </c>
      <c r="HI34" s="327">
        <v>0</v>
      </c>
      <c r="HJ34" s="327">
        <v>177395</v>
      </c>
      <c r="HK34" s="327">
        <v>189626</v>
      </c>
      <c r="HL34" s="327">
        <v>201908</v>
      </c>
      <c r="HM34" s="328">
        <v>568929</v>
      </c>
      <c r="HN34" s="329">
        <v>615817</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53403</v>
      </c>
      <c r="IE34" s="357">
        <v>157724</v>
      </c>
      <c r="IF34" s="358">
        <v>125160</v>
      </c>
      <c r="IG34" s="356">
        <v>242088</v>
      </c>
      <c r="IH34" s="358">
        <v>0</v>
      </c>
      <c r="II34" s="359">
        <v>578375</v>
      </c>
      <c r="IJ34" s="358">
        <v>578375</v>
      </c>
      <c r="IK34" s="342">
        <v>0</v>
      </c>
      <c r="IL34" s="343">
        <v>0</v>
      </c>
      <c r="IM34" s="344">
        <v>0</v>
      </c>
      <c r="IN34" s="404">
        <v>0</v>
      </c>
      <c r="IO34" s="345">
        <v>53403</v>
      </c>
      <c r="IP34" s="345">
        <v>0</v>
      </c>
      <c r="IQ34" s="345">
        <v>0</v>
      </c>
      <c r="IR34" s="345">
        <v>0</v>
      </c>
      <c r="IS34" s="345">
        <v>0</v>
      </c>
      <c r="IT34" s="346">
        <v>53403</v>
      </c>
      <c r="IU34" s="347">
        <v>53403</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0</v>
      </c>
      <c r="JL34" s="345">
        <v>0</v>
      </c>
      <c r="JM34" s="345">
        <v>125160</v>
      </c>
      <c r="JN34" s="345">
        <v>0</v>
      </c>
      <c r="JO34" s="345">
        <v>0</v>
      </c>
      <c r="JP34" s="349">
        <v>125160</v>
      </c>
      <c r="JQ34" s="347">
        <v>125160</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0</v>
      </c>
      <c r="KH34" s="345">
        <v>157724</v>
      </c>
      <c r="KI34" s="345">
        <v>0</v>
      </c>
      <c r="KJ34" s="345">
        <v>0</v>
      </c>
      <c r="KK34" s="345">
        <v>0</v>
      </c>
      <c r="KL34" s="349">
        <v>157724</v>
      </c>
      <c r="KM34" s="354">
        <v>157724</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0</v>
      </c>
      <c r="LQ34" s="345">
        <v>242088</v>
      </c>
      <c r="LR34" s="345">
        <v>0</v>
      </c>
      <c r="LS34" s="349">
        <v>242088</v>
      </c>
      <c r="LT34" s="347">
        <v>242088</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269962</v>
      </c>
      <c r="MN34" s="345">
        <v>279307</v>
      </c>
      <c r="MO34" s="349">
        <v>549269</v>
      </c>
      <c r="MP34" s="354">
        <v>549269</v>
      </c>
      <c r="MQ34" s="348">
        <v>0</v>
      </c>
      <c r="MR34" s="345">
        <v>0</v>
      </c>
      <c r="MS34" s="349">
        <v>0</v>
      </c>
      <c r="MT34" s="404">
        <v>0</v>
      </c>
      <c r="MU34" s="345">
        <v>0</v>
      </c>
      <c r="MV34" s="345">
        <v>0</v>
      </c>
      <c r="MW34" s="345">
        <v>0</v>
      </c>
      <c r="MX34" s="345">
        <v>0</v>
      </c>
      <c r="MY34" s="345">
        <v>0</v>
      </c>
      <c r="MZ34" s="349">
        <v>0</v>
      </c>
      <c r="NA34" s="354">
        <v>0</v>
      </c>
      <c r="NB34" s="348">
        <v>0</v>
      </c>
      <c r="NC34" s="345">
        <v>0</v>
      </c>
      <c r="ND34" s="349">
        <v>0</v>
      </c>
      <c r="NE34" s="404">
        <v>0</v>
      </c>
      <c r="NF34" s="345">
        <v>0</v>
      </c>
      <c r="NG34" s="345">
        <v>0</v>
      </c>
      <c r="NH34" s="345">
        <v>0</v>
      </c>
      <c r="NI34" s="345">
        <v>269962</v>
      </c>
      <c r="NJ34" s="345">
        <v>279307</v>
      </c>
      <c r="NK34" s="349">
        <v>549269</v>
      </c>
      <c r="NL34" s="347">
        <v>549269</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69337</v>
      </c>
      <c r="OJ34" s="345">
        <v>72800</v>
      </c>
      <c r="OK34" s="346">
        <v>142137</v>
      </c>
      <c r="OL34" s="351">
        <v>0</v>
      </c>
      <c r="OM34" s="345">
        <v>398534</v>
      </c>
      <c r="ON34" s="345">
        <v>458038</v>
      </c>
      <c r="OO34" s="345">
        <v>558635</v>
      </c>
      <c r="OP34" s="345">
        <v>762030</v>
      </c>
      <c r="OQ34" s="345">
        <v>481215</v>
      </c>
      <c r="OR34" s="349">
        <v>2658452</v>
      </c>
      <c r="OS34" s="354">
        <v>2800589</v>
      </c>
    </row>
    <row r="35" spans="2:409" s="70" customFormat="1" ht="21" customHeight="1" x14ac:dyDescent="0.2">
      <c r="B35" s="106" t="s">
        <v>30</v>
      </c>
      <c r="C35" s="326">
        <v>22316</v>
      </c>
      <c r="D35" s="327">
        <v>0</v>
      </c>
      <c r="E35" s="368">
        <v>22316</v>
      </c>
      <c r="F35" s="370">
        <v>0</v>
      </c>
      <c r="G35" s="369">
        <v>460913</v>
      </c>
      <c r="H35" s="369">
        <v>332554</v>
      </c>
      <c r="I35" s="369">
        <v>277017</v>
      </c>
      <c r="J35" s="369">
        <v>587568</v>
      </c>
      <c r="K35" s="369">
        <v>0</v>
      </c>
      <c r="L35" s="370">
        <v>1658052</v>
      </c>
      <c r="M35" s="330">
        <v>1680368</v>
      </c>
      <c r="N35" s="326">
        <v>0</v>
      </c>
      <c r="O35" s="327">
        <v>0</v>
      </c>
      <c r="P35" s="328">
        <v>0</v>
      </c>
      <c r="Q35" s="326">
        <v>0</v>
      </c>
      <c r="R35" s="327">
        <v>233307</v>
      </c>
      <c r="S35" s="327">
        <v>76586</v>
      </c>
      <c r="T35" s="327">
        <v>158340</v>
      </c>
      <c r="U35" s="327">
        <v>232302</v>
      </c>
      <c r="V35" s="327">
        <v>0</v>
      </c>
      <c r="W35" s="328">
        <v>700535</v>
      </c>
      <c r="X35" s="330">
        <v>700535</v>
      </c>
      <c r="Y35" s="326">
        <v>0</v>
      </c>
      <c r="Z35" s="327">
        <v>0</v>
      </c>
      <c r="AA35" s="328">
        <v>0</v>
      </c>
      <c r="AB35" s="326">
        <v>0</v>
      </c>
      <c r="AC35" s="327">
        <v>47233</v>
      </c>
      <c r="AD35" s="327">
        <v>49128</v>
      </c>
      <c r="AE35" s="327">
        <v>119161</v>
      </c>
      <c r="AF35" s="327">
        <v>209440</v>
      </c>
      <c r="AG35" s="327">
        <v>0</v>
      </c>
      <c r="AH35" s="328">
        <v>424962</v>
      </c>
      <c r="AI35" s="330">
        <v>424962</v>
      </c>
      <c r="AJ35" s="326">
        <v>0</v>
      </c>
      <c r="AK35" s="327">
        <v>0</v>
      </c>
      <c r="AL35" s="328">
        <v>0</v>
      </c>
      <c r="AM35" s="326">
        <v>0</v>
      </c>
      <c r="AN35" s="327">
        <v>0</v>
      </c>
      <c r="AO35" s="327">
        <v>0</v>
      </c>
      <c r="AP35" s="327">
        <v>0</v>
      </c>
      <c r="AQ35" s="327">
        <v>0</v>
      </c>
      <c r="AR35" s="327">
        <v>0</v>
      </c>
      <c r="AS35" s="328">
        <v>0</v>
      </c>
      <c r="AT35" s="330">
        <v>0</v>
      </c>
      <c r="AU35" s="326">
        <v>0</v>
      </c>
      <c r="AV35" s="327">
        <v>0</v>
      </c>
      <c r="AW35" s="328">
        <v>0</v>
      </c>
      <c r="AX35" s="326">
        <v>0</v>
      </c>
      <c r="AY35" s="327">
        <v>156835</v>
      </c>
      <c r="AZ35" s="327">
        <v>23818</v>
      </c>
      <c r="BA35" s="327">
        <v>34965</v>
      </c>
      <c r="BB35" s="327">
        <v>0</v>
      </c>
      <c r="BC35" s="327">
        <v>0</v>
      </c>
      <c r="BD35" s="328">
        <v>215618</v>
      </c>
      <c r="BE35" s="330">
        <v>215618</v>
      </c>
      <c r="BF35" s="326">
        <v>0</v>
      </c>
      <c r="BG35" s="327">
        <v>0</v>
      </c>
      <c r="BH35" s="331">
        <v>0</v>
      </c>
      <c r="BI35" s="332">
        <v>0</v>
      </c>
      <c r="BJ35" s="327">
        <v>0</v>
      </c>
      <c r="BK35" s="327">
        <v>0</v>
      </c>
      <c r="BL35" s="327">
        <v>0</v>
      </c>
      <c r="BM35" s="327">
        <v>0</v>
      </c>
      <c r="BN35" s="327">
        <v>0</v>
      </c>
      <c r="BO35" s="328">
        <v>0</v>
      </c>
      <c r="BP35" s="330">
        <v>0</v>
      </c>
      <c r="BQ35" s="326">
        <v>0</v>
      </c>
      <c r="BR35" s="327">
        <v>0</v>
      </c>
      <c r="BS35" s="328">
        <v>0</v>
      </c>
      <c r="BT35" s="326">
        <v>0</v>
      </c>
      <c r="BU35" s="327">
        <v>29239</v>
      </c>
      <c r="BV35" s="327">
        <v>3640</v>
      </c>
      <c r="BW35" s="327">
        <v>4214</v>
      </c>
      <c r="BX35" s="327">
        <v>22862</v>
      </c>
      <c r="BY35" s="327">
        <v>0</v>
      </c>
      <c r="BZ35" s="328">
        <v>59955</v>
      </c>
      <c r="CA35" s="330">
        <v>59955</v>
      </c>
      <c r="CB35" s="326">
        <v>0</v>
      </c>
      <c r="CC35" s="327">
        <v>0</v>
      </c>
      <c r="CD35" s="328">
        <v>0</v>
      </c>
      <c r="CE35" s="326">
        <v>0</v>
      </c>
      <c r="CF35" s="327">
        <v>76642</v>
      </c>
      <c r="CG35" s="327">
        <v>45786</v>
      </c>
      <c r="CH35" s="327">
        <v>35861</v>
      </c>
      <c r="CI35" s="327">
        <v>75578</v>
      </c>
      <c r="CJ35" s="327">
        <v>0</v>
      </c>
      <c r="CK35" s="328">
        <v>233867</v>
      </c>
      <c r="CL35" s="330">
        <v>233867</v>
      </c>
      <c r="CM35" s="326">
        <v>0</v>
      </c>
      <c r="CN35" s="327">
        <v>0</v>
      </c>
      <c r="CO35" s="328">
        <v>0</v>
      </c>
      <c r="CP35" s="332">
        <v>0</v>
      </c>
      <c r="CQ35" s="327">
        <v>27892</v>
      </c>
      <c r="CR35" s="327">
        <v>0</v>
      </c>
      <c r="CS35" s="327">
        <v>35861</v>
      </c>
      <c r="CT35" s="327">
        <v>0</v>
      </c>
      <c r="CU35" s="327">
        <v>0</v>
      </c>
      <c r="CV35" s="328">
        <v>63753</v>
      </c>
      <c r="CW35" s="330">
        <v>63753</v>
      </c>
      <c r="CX35" s="326">
        <v>0</v>
      </c>
      <c r="CY35" s="327">
        <v>0</v>
      </c>
      <c r="CZ35" s="328">
        <v>0</v>
      </c>
      <c r="DA35" s="326">
        <v>0</v>
      </c>
      <c r="DB35" s="327">
        <v>48750</v>
      </c>
      <c r="DC35" s="327">
        <v>45786</v>
      </c>
      <c r="DD35" s="327">
        <v>0</v>
      </c>
      <c r="DE35" s="327">
        <v>75578</v>
      </c>
      <c r="DF35" s="327">
        <v>0</v>
      </c>
      <c r="DG35" s="328">
        <v>170114</v>
      </c>
      <c r="DH35" s="330">
        <v>170114</v>
      </c>
      <c r="DI35" s="326">
        <v>0</v>
      </c>
      <c r="DJ35" s="327">
        <v>0</v>
      </c>
      <c r="DK35" s="331">
        <v>0</v>
      </c>
      <c r="DL35" s="332">
        <v>0</v>
      </c>
      <c r="DM35" s="327">
        <v>13540</v>
      </c>
      <c r="DN35" s="327">
        <v>23905</v>
      </c>
      <c r="DO35" s="327">
        <v>0</v>
      </c>
      <c r="DP35" s="327">
        <v>209618</v>
      </c>
      <c r="DQ35" s="327">
        <v>0</v>
      </c>
      <c r="DR35" s="328">
        <v>247063</v>
      </c>
      <c r="DS35" s="330">
        <v>247063</v>
      </c>
      <c r="DT35" s="326">
        <v>0</v>
      </c>
      <c r="DU35" s="327">
        <v>0</v>
      </c>
      <c r="DV35" s="328">
        <v>0</v>
      </c>
      <c r="DW35" s="326">
        <v>0</v>
      </c>
      <c r="DX35" s="327">
        <v>13540</v>
      </c>
      <c r="DY35" s="327">
        <v>23905</v>
      </c>
      <c r="DZ35" s="327">
        <v>0</v>
      </c>
      <c r="EA35" s="327">
        <v>209618</v>
      </c>
      <c r="EB35" s="327">
        <v>0</v>
      </c>
      <c r="EC35" s="328">
        <v>247063</v>
      </c>
      <c r="ED35" s="330">
        <v>247063</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404">
        <v>0</v>
      </c>
      <c r="FE35" s="327">
        <v>0</v>
      </c>
      <c r="FF35" s="327">
        <v>0</v>
      </c>
      <c r="FG35" s="327">
        <v>0</v>
      </c>
      <c r="FH35" s="327">
        <v>0</v>
      </c>
      <c r="FI35" s="327">
        <v>0</v>
      </c>
      <c r="FJ35" s="328">
        <v>0</v>
      </c>
      <c r="FK35" s="330">
        <v>0</v>
      </c>
      <c r="FL35" s="326">
        <v>22316</v>
      </c>
      <c r="FM35" s="327">
        <v>0</v>
      </c>
      <c r="FN35" s="328">
        <v>22316</v>
      </c>
      <c r="FO35" s="326">
        <v>0</v>
      </c>
      <c r="FP35" s="327">
        <v>5460</v>
      </c>
      <c r="FQ35" s="327">
        <v>17850</v>
      </c>
      <c r="FR35" s="327">
        <v>33299</v>
      </c>
      <c r="FS35" s="327">
        <v>70070</v>
      </c>
      <c r="FT35" s="327">
        <v>0</v>
      </c>
      <c r="FU35" s="328">
        <v>126679</v>
      </c>
      <c r="FV35" s="330">
        <v>148995</v>
      </c>
      <c r="FW35" s="333">
        <v>22316</v>
      </c>
      <c r="FX35" s="327">
        <v>0</v>
      </c>
      <c r="FY35" s="331">
        <v>22316</v>
      </c>
      <c r="FZ35" s="332">
        <v>0</v>
      </c>
      <c r="GA35" s="327">
        <v>5460</v>
      </c>
      <c r="GB35" s="327">
        <v>17850</v>
      </c>
      <c r="GC35" s="327">
        <v>33299</v>
      </c>
      <c r="GD35" s="327">
        <v>44660</v>
      </c>
      <c r="GE35" s="327">
        <v>0</v>
      </c>
      <c r="GF35" s="328">
        <v>101269</v>
      </c>
      <c r="GG35" s="334">
        <v>123585</v>
      </c>
      <c r="GH35" s="333">
        <v>0</v>
      </c>
      <c r="GI35" s="327">
        <v>0</v>
      </c>
      <c r="GJ35" s="331">
        <v>0</v>
      </c>
      <c r="GK35" s="332">
        <v>0</v>
      </c>
      <c r="GL35" s="327">
        <v>0</v>
      </c>
      <c r="GM35" s="327">
        <v>0</v>
      </c>
      <c r="GN35" s="327">
        <v>0</v>
      </c>
      <c r="GO35" s="327">
        <v>25410</v>
      </c>
      <c r="GP35" s="327">
        <v>0</v>
      </c>
      <c r="GQ35" s="328">
        <v>25410</v>
      </c>
      <c r="GR35" s="330">
        <v>2541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131964</v>
      </c>
      <c r="HI35" s="327">
        <v>168427</v>
      </c>
      <c r="HJ35" s="327">
        <v>49517</v>
      </c>
      <c r="HK35" s="327">
        <v>0</v>
      </c>
      <c r="HL35" s="327">
        <v>0</v>
      </c>
      <c r="HM35" s="328">
        <v>349908</v>
      </c>
      <c r="HN35" s="329">
        <v>349908</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63329</v>
      </c>
      <c r="IE35" s="339">
        <v>39762</v>
      </c>
      <c r="IF35" s="337">
        <v>0</v>
      </c>
      <c r="IG35" s="336">
        <v>0</v>
      </c>
      <c r="IH35" s="337">
        <v>0</v>
      </c>
      <c r="II35" s="340">
        <v>103091</v>
      </c>
      <c r="IJ35" s="341">
        <v>103091</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63329</v>
      </c>
      <c r="JL35" s="345">
        <v>0</v>
      </c>
      <c r="JM35" s="345">
        <v>0</v>
      </c>
      <c r="JN35" s="345">
        <v>0</v>
      </c>
      <c r="JO35" s="345">
        <v>0</v>
      </c>
      <c r="JP35" s="349">
        <v>63329</v>
      </c>
      <c r="JQ35" s="347">
        <v>63329</v>
      </c>
      <c r="JR35" s="348">
        <v>0</v>
      </c>
      <c r="JS35" s="345">
        <v>0</v>
      </c>
      <c r="JT35" s="346">
        <v>0</v>
      </c>
      <c r="JU35" s="351">
        <v>0</v>
      </c>
      <c r="JV35" s="345">
        <v>0</v>
      </c>
      <c r="JW35" s="345">
        <v>39762</v>
      </c>
      <c r="JX35" s="345">
        <v>0</v>
      </c>
      <c r="JY35" s="345">
        <v>0</v>
      </c>
      <c r="JZ35" s="345">
        <v>0</v>
      </c>
      <c r="KA35" s="349">
        <v>39762</v>
      </c>
      <c r="KB35" s="347">
        <v>39762</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0</v>
      </c>
      <c r="KS35" s="345">
        <v>0</v>
      </c>
      <c r="KT35" s="345">
        <v>0</v>
      </c>
      <c r="KU35" s="345">
        <v>0</v>
      </c>
      <c r="KV35" s="345">
        <v>0</v>
      </c>
      <c r="KW35" s="349">
        <v>0</v>
      </c>
      <c r="KX35" s="347">
        <v>0</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196201</v>
      </c>
      <c r="MK35" s="345">
        <v>0</v>
      </c>
      <c r="ML35" s="345">
        <v>225063</v>
      </c>
      <c r="MM35" s="345">
        <v>239218</v>
      </c>
      <c r="MN35" s="345">
        <v>0</v>
      </c>
      <c r="MO35" s="349">
        <v>660482</v>
      </c>
      <c r="MP35" s="354">
        <v>660482</v>
      </c>
      <c r="MQ35" s="348">
        <v>0</v>
      </c>
      <c r="MR35" s="345">
        <v>0</v>
      </c>
      <c r="MS35" s="349">
        <v>0</v>
      </c>
      <c r="MT35" s="404">
        <v>0</v>
      </c>
      <c r="MU35" s="345">
        <v>0</v>
      </c>
      <c r="MV35" s="345">
        <v>0</v>
      </c>
      <c r="MW35" s="345">
        <v>225063</v>
      </c>
      <c r="MX35" s="345">
        <v>239218</v>
      </c>
      <c r="MY35" s="345">
        <v>0</v>
      </c>
      <c r="MZ35" s="349">
        <v>464281</v>
      </c>
      <c r="NA35" s="354">
        <v>464281</v>
      </c>
      <c r="NB35" s="348">
        <v>0</v>
      </c>
      <c r="NC35" s="345">
        <v>0</v>
      </c>
      <c r="ND35" s="349">
        <v>0</v>
      </c>
      <c r="NE35" s="404">
        <v>0</v>
      </c>
      <c r="NF35" s="345">
        <v>196201</v>
      </c>
      <c r="NG35" s="345">
        <v>0</v>
      </c>
      <c r="NH35" s="345">
        <v>0</v>
      </c>
      <c r="NI35" s="345">
        <v>0</v>
      </c>
      <c r="NJ35" s="345">
        <v>0</v>
      </c>
      <c r="NK35" s="349">
        <v>196201</v>
      </c>
      <c r="NL35" s="347">
        <v>196201</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0</v>
      </c>
      <c r="OF35" s="345">
        <v>0</v>
      </c>
      <c r="OG35" s="349">
        <v>0</v>
      </c>
      <c r="OH35" s="350">
        <v>0</v>
      </c>
      <c r="OI35" s="348">
        <v>22316</v>
      </c>
      <c r="OJ35" s="345">
        <v>0</v>
      </c>
      <c r="OK35" s="346">
        <v>22316</v>
      </c>
      <c r="OL35" s="351">
        <v>0</v>
      </c>
      <c r="OM35" s="345">
        <v>720443</v>
      </c>
      <c r="ON35" s="345">
        <v>372316</v>
      </c>
      <c r="OO35" s="345">
        <v>502080</v>
      </c>
      <c r="OP35" s="345">
        <v>826786</v>
      </c>
      <c r="OQ35" s="345">
        <v>0</v>
      </c>
      <c r="OR35" s="349">
        <v>2421625</v>
      </c>
      <c r="OS35" s="354">
        <v>2443941</v>
      </c>
    </row>
    <row r="36" spans="2:409" s="70" customFormat="1" ht="21" customHeight="1" x14ac:dyDescent="0.2">
      <c r="B36" s="106" t="s">
        <v>31</v>
      </c>
      <c r="C36" s="326">
        <v>4480</v>
      </c>
      <c r="D36" s="327">
        <v>23499</v>
      </c>
      <c r="E36" s="328">
        <v>27979</v>
      </c>
      <c r="F36" s="329">
        <v>0</v>
      </c>
      <c r="G36" s="327">
        <v>172314</v>
      </c>
      <c r="H36" s="327">
        <v>605365</v>
      </c>
      <c r="I36" s="327">
        <v>652262</v>
      </c>
      <c r="J36" s="327">
        <v>174769</v>
      </c>
      <c r="K36" s="327">
        <v>232260</v>
      </c>
      <c r="L36" s="367">
        <v>1836970</v>
      </c>
      <c r="M36" s="330">
        <v>1864949</v>
      </c>
      <c r="N36" s="326">
        <v>0</v>
      </c>
      <c r="O36" s="327">
        <v>23499</v>
      </c>
      <c r="P36" s="328">
        <v>23499</v>
      </c>
      <c r="Q36" s="326">
        <v>0</v>
      </c>
      <c r="R36" s="327">
        <v>63247</v>
      </c>
      <c r="S36" s="327">
        <v>83377</v>
      </c>
      <c r="T36" s="327">
        <v>141603</v>
      </c>
      <c r="U36" s="327">
        <v>0</v>
      </c>
      <c r="V36" s="327">
        <v>170330</v>
      </c>
      <c r="W36" s="328">
        <v>458557</v>
      </c>
      <c r="X36" s="330">
        <v>482056</v>
      </c>
      <c r="Y36" s="326">
        <v>0</v>
      </c>
      <c r="Z36" s="327">
        <v>0</v>
      </c>
      <c r="AA36" s="328">
        <v>0</v>
      </c>
      <c r="AB36" s="326">
        <v>0</v>
      </c>
      <c r="AC36" s="327">
        <v>38957</v>
      </c>
      <c r="AD36" s="327">
        <v>0</v>
      </c>
      <c r="AE36" s="327">
        <v>0</v>
      </c>
      <c r="AF36" s="327">
        <v>0</v>
      </c>
      <c r="AG36" s="327">
        <v>0</v>
      </c>
      <c r="AH36" s="328">
        <v>38957</v>
      </c>
      <c r="AI36" s="330">
        <v>38957</v>
      </c>
      <c r="AJ36" s="326">
        <v>0</v>
      </c>
      <c r="AK36" s="327">
        <v>0</v>
      </c>
      <c r="AL36" s="328">
        <v>0</v>
      </c>
      <c r="AM36" s="326">
        <v>0</v>
      </c>
      <c r="AN36" s="327">
        <v>0</v>
      </c>
      <c r="AO36" s="327">
        <v>0</v>
      </c>
      <c r="AP36" s="327">
        <v>0</v>
      </c>
      <c r="AQ36" s="327">
        <v>0</v>
      </c>
      <c r="AR36" s="327">
        <v>108884</v>
      </c>
      <c r="AS36" s="328">
        <v>108884</v>
      </c>
      <c r="AT36" s="330">
        <v>108884</v>
      </c>
      <c r="AU36" s="326">
        <v>0</v>
      </c>
      <c r="AV36" s="327">
        <v>23499</v>
      </c>
      <c r="AW36" s="328">
        <v>23499</v>
      </c>
      <c r="AX36" s="326">
        <v>0</v>
      </c>
      <c r="AY36" s="327">
        <v>24290</v>
      </c>
      <c r="AZ36" s="327">
        <v>83377</v>
      </c>
      <c r="BA36" s="327">
        <v>137417</v>
      </c>
      <c r="BB36" s="327">
        <v>0</v>
      </c>
      <c r="BC36" s="327">
        <v>61446</v>
      </c>
      <c r="BD36" s="328">
        <v>306530</v>
      </c>
      <c r="BE36" s="330">
        <v>330029</v>
      </c>
      <c r="BF36" s="326">
        <v>0</v>
      </c>
      <c r="BG36" s="327">
        <v>0</v>
      </c>
      <c r="BH36" s="331">
        <v>0</v>
      </c>
      <c r="BI36" s="332">
        <v>0</v>
      </c>
      <c r="BJ36" s="327">
        <v>0</v>
      </c>
      <c r="BK36" s="327">
        <v>0</v>
      </c>
      <c r="BL36" s="327">
        <v>0</v>
      </c>
      <c r="BM36" s="327">
        <v>0</v>
      </c>
      <c r="BN36" s="327">
        <v>0</v>
      </c>
      <c r="BO36" s="328">
        <v>0</v>
      </c>
      <c r="BP36" s="330">
        <v>0</v>
      </c>
      <c r="BQ36" s="326">
        <v>0</v>
      </c>
      <c r="BR36" s="327">
        <v>0</v>
      </c>
      <c r="BS36" s="328">
        <v>0</v>
      </c>
      <c r="BT36" s="326">
        <v>0</v>
      </c>
      <c r="BU36" s="327">
        <v>0</v>
      </c>
      <c r="BV36" s="327">
        <v>0</v>
      </c>
      <c r="BW36" s="327">
        <v>4186</v>
      </c>
      <c r="BX36" s="327">
        <v>0</v>
      </c>
      <c r="BY36" s="327">
        <v>0</v>
      </c>
      <c r="BZ36" s="328">
        <v>4186</v>
      </c>
      <c r="CA36" s="330">
        <v>4186</v>
      </c>
      <c r="CB36" s="326">
        <v>0</v>
      </c>
      <c r="CC36" s="327">
        <v>0</v>
      </c>
      <c r="CD36" s="328">
        <v>0</v>
      </c>
      <c r="CE36" s="326">
        <v>0</v>
      </c>
      <c r="CF36" s="327">
        <v>97167</v>
      </c>
      <c r="CG36" s="327">
        <v>149154</v>
      </c>
      <c r="CH36" s="327">
        <v>234483</v>
      </c>
      <c r="CI36" s="327">
        <v>76459</v>
      </c>
      <c r="CJ36" s="327">
        <v>0</v>
      </c>
      <c r="CK36" s="328">
        <v>557263</v>
      </c>
      <c r="CL36" s="330">
        <v>557263</v>
      </c>
      <c r="CM36" s="326">
        <v>0</v>
      </c>
      <c r="CN36" s="327">
        <v>0</v>
      </c>
      <c r="CO36" s="328">
        <v>0</v>
      </c>
      <c r="CP36" s="332">
        <v>0</v>
      </c>
      <c r="CQ36" s="327">
        <v>97167</v>
      </c>
      <c r="CR36" s="327">
        <v>142656</v>
      </c>
      <c r="CS36" s="327">
        <v>70234</v>
      </c>
      <c r="CT36" s="327">
        <v>76459</v>
      </c>
      <c r="CU36" s="327">
        <v>0</v>
      </c>
      <c r="CV36" s="328">
        <v>386516</v>
      </c>
      <c r="CW36" s="330">
        <v>386516</v>
      </c>
      <c r="CX36" s="326">
        <v>0</v>
      </c>
      <c r="CY36" s="327">
        <v>0</v>
      </c>
      <c r="CZ36" s="328">
        <v>0</v>
      </c>
      <c r="DA36" s="326">
        <v>0</v>
      </c>
      <c r="DB36" s="327">
        <v>0</v>
      </c>
      <c r="DC36" s="327">
        <v>6498</v>
      </c>
      <c r="DD36" s="327">
        <v>164249</v>
      </c>
      <c r="DE36" s="327">
        <v>0</v>
      </c>
      <c r="DF36" s="327">
        <v>0</v>
      </c>
      <c r="DG36" s="328">
        <v>170747</v>
      </c>
      <c r="DH36" s="330">
        <v>170747</v>
      </c>
      <c r="DI36" s="326">
        <v>0</v>
      </c>
      <c r="DJ36" s="327">
        <v>0</v>
      </c>
      <c r="DK36" s="331">
        <v>0</v>
      </c>
      <c r="DL36" s="332">
        <v>0</v>
      </c>
      <c r="DM36" s="327">
        <v>0</v>
      </c>
      <c r="DN36" s="327">
        <v>0</v>
      </c>
      <c r="DO36" s="327">
        <v>209501</v>
      </c>
      <c r="DP36" s="327">
        <v>30158</v>
      </c>
      <c r="DQ36" s="327">
        <v>30780</v>
      </c>
      <c r="DR36" s="328">
        <v>270439</v>
      </c>
      <c r="DS36" s="330">
        <v>270439</v>
      </c>
      <c r="DT36" s="326">
        <v>0</v>
      </c>
      <c r="DU36" s="327">
        <v>0</v>
      </c>
      <c r="DV36" s="328">
        <v>0</v>
      </c>
      <c r="DW36" s="326">
        <v>0</v>
      </c>
      <c r="DX36" s="327">
        <v>0</v>
      </c>
      <c r="DY36" s="327">
        <v>0</v>
      </c>
      <c r="DZ36" s="327">
        <v>0</v>
      </c>
      <c r="EA36" s="327">
        <v>0</v>
      </c>
      <c r="EB36" s="327">
        <v>30780</v>
      </c>
      <c r="EC36" s="328">
        <v>30780</v>
      </c>
      <c r="ED36" s="330">
        <v>30780</v>
      </c>
      <c r="EE36" s="326">
        <v>0</v>
      </c>
      <c r="EF36" s="331">
        <v>0</v>
      </c>
      <c r="EG36" s="328">
        <v>0</v>
      </c>
      <c r="EH36" s="326">
        <v>0</v>
      </c>
      <c r="EI36" s="327">
        <v>0</v>
      </c>
      <c r="EJ36" s="327">
        <v>0</v>
      </c>
      <c r="EK36" s="327">
        <v>209501</v>
      </c>
      <c r="EL36" s="327">
        <v>30158</v>
      </c>
      <c r="EM36" s="327">
        <v>0</v>
      </c>
      <c r="EN36" s="331">
        <v>239659</v>
      </c>
      <c r="EO36" s="330">
        <v>239659</v>
      </c>
      <c r="EP36" s="326">
        <v>0</v>
      </c>
      <c r="EQ36" s="327">
        <v>0</v>
      </c>
      <c r="ER36" s="331">
        <v>0</v>
      </c>
      <c r="ES36" s="332">
        <v>0</v>
      </c>
      <c r="ET36" s="327">
        <v>0</v>
      </c>
      <c r="EU36" s="327">
        <v>0</v>
      </c>
      <c r="EV36" s="327">
        <v>0</v>
      </c>
      <c r="EW36" s="327">
        <v>0</v>
      </c>
      <c r="EX36" s="327">
        <v>0</v>
      </c>
      <c r="EY36" s="328">
        <v>0</v>
      </c>
      <c r="EZ36" s="330">
        <v>0</v>
      </c>
      <c r="FA36" s="326">
        <v>0</v>
      </c>
      <c r="FB36" s="327">
        <v>0</v>
      </c>
      <c r="FC36" s="331">
        <v>0</v>
      </c>
      <c r="FD36" s="404">
        <v>0</v>
      </c>
      <c r="FE36" s="327">
        <v>0</v>
      </c>
      <c r="FF36" s="327">
        <v>0</v>
      </c>
      <c r="FG36" s="327">
        <v>0</v>
      </c>
      <c r="FH36" s="327">
        <v>0</v>
      </c>
      <c r="FI36" s="327">
        <v>0</v>
      </c>
      <c r="FJ36" s="328">
        <v>0</v>
      </c>
      <c r="FK36" s="330">
        <v>0</v>
      </c>
      <c r="FL36" s="326">
        <v>4480</v>
      </c>
      <c r="FM36" s="327">
        <v>0</v>
      </c>
      <c r="FN36" s="328">
        <v>4480</v>
      </c>
      <c r="FO36" s="326">
        <v>0</v>
      </c>
      <c r="FP36" s="327">
        <v>11900</v>
      </c>
      <c r="FQ36" s="327">
        <v>214326</v>
      </c>
      <c r="FR36" s="327">
        <v>66675</v>
      </c>
      <c r="FS36" s="327">
        <v>68152</v>
      </c>
      <c r="FT36" s="327">
        <v>31150</v>
      </c>
      <c r="FU36" s="328">
        <v>392203</v>
      </c>
      <c r="FV36" s="330">
        <v>396683</v>
      </c>
      <c r="FW36" s="333">
        <v>4480</v>
      </c>
      <c r="FX36" s="327">
        <v>0</v>
      </c>
      <c r="FY36" s="331">
        <v>4480</v>
      </c>
      <c r="FZ36" s="332">
        <v>0</v>
      </c>
      <c r="GA36" s="327">
        <v>11900</v>
      </c>
      <c r="GB36" s="327">
        <v>74326</v>
      </c>
      <c r="GC36" s="327">
        <v>66675</v>
      </c>
      <c r="GD36" s="327">
        <v>35952</v>
      </c>
      <c r="GE36" s="327">
        <v>31150</v>
      </c>
      <c r="GF36" s="328">
        <v>220003</v>
      </c>
      <c r="GG36" s="334">
        <v>224483</v>
      </c>
      <c r="GH36" s="333">
        <v>0</v>
      </c>
      <c r="GI36" s="327">
        <v>0</v>
      </c>
      <c r="GJ36" s="331">
        <v>0</v>
      </c>
      <c r="GK36" s="332">
        <v>0</v>
      </c>
      <c r="GL36" s="327">
        <v>0</v>
      </c>
      <c r="GM36" s="327">
        <v>0</v>
      </c>
      <c r="GN36" s="327">
        <v>0</v>
      </c>
      <c r="GO36" s="327">
        <v>32200</v>
      </c>
      <c r="GP36" s="327">
        <v>0</v>
      </c>
      <c r="GQ36" s="328">
        <v>32200</v>
      </c>
      <c r="GR36" s="330">
        <v>32200</v>
      </c>
      <c r="GS36" s="326">
        <v>0</v>
      </c>
      <c r="GT36" s="327">
        <v>0</v>
      </c>
      <c r="GU36" s="328">
        <v>0</v>
      </c>
      <c r="GV36" s="326">
        <v>0</v>
      </c>
      <c r="GW36" s="327">
        <v>0</v>
      </c>
      <c r="GX36" s="327">
        <v>140000</v>
      </c>
      <c r="GY36" s="327">
        <v>0</v>
      </c>
      <c r="GZ36" s="327">
        <v>0</v>
      </c>
      <c r="HA36" s="327">
        <v>0</v>
      </c>
      <c r="HB36" s="331">
        <v>140000</v>
      </c>
      <c r="HC36" s="330">
        <v>140000</v>
      </c>
      <c r="HD36" s="326">
        <v>0</v>
      </c>
      <c r="HE36" s="327">
        <v>0</v>
      </c>
      <c r="HF36" s="331">
        <v>0</v>
      </c>
      <c r="HG36" s="332">
        <v>0</v>
      </c>
      <c r="HH36" s="327">
        <v>0</v>
      </c>
      <c r="HI36" s="327">
        <v>158508</v>
      </c>
      <c r="HJ36" s="327">
        <v>0</v>
      </c>
      <c r="HK36" s="327">
        <v>0</v>
      </c>
      <c r="HL36" s="327">
        <v>0</v>
      </c>
      <c r="HM36" s="328">
        <v>158508</v>
      </c>
      <c r="HN36" s="329">
        <v>158508</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82169</v>
      </c>
      <c r="IE36" s="357">
        <v>0</v>
      </c>
      <c r="IF36" s="358">
        <v>0</v>
      </c>
      <c r="IG36" s="356">
        <v>0</v>
      </c>
      <c r="IH36" s="358">
        <v>0</v>
      </c>
      <c r="II36" s="359">
        <v>82169</v>
      </c>
      <c r="IJ36" s="358">
        <v>82169</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82169</v>
      </c>
      <c r="JL36" s="345">
        <v>0</v>
      </c>
      <c r="JM36" s="345">
        <v>0</v>
      </c>
      <c r="JN36" s="345">
        <v>0</v>
      </c>
      <c r="JO36" s="345">
        <v>0</v>
      </c>
      <c r="JP36" s="349">
        <v>82169</v>
      </c>
      <c r="JQ36" s="347">
        <v>82169</v>
      </c>
      <c r="JR36" s="348">
        <v>0</v>
      </c>
      <c r="JS36" s="345">
        <v>0</v>
      </c>
      <c r="JT36" s="346">
        <v>0</v>
      </c>
      <c r="JU36" s="351">
        <v>0</v>
      </c>
      <c r="JV36" s="345">
        <v>0</v>
      </c>
      <c r="JW36" s="345">
        <v>0</v>
      </c>
      <c r="JX36" s="345">
        <v>0</v>
      </c>
      <c r="JY36" s="345">
        <v>0</v>
      </c>
      <c r="JZ36" s="345">
        <v>0</v>
      </c>
      <c r="KA36" s="349">
        <v>0</v>
      </c>
      <c r="KB36" s="347">
        <v>0</v>
      </c>
      <c r="KC36" s="352">
        <v>0</v>
      </c>
      <c r="KD36" s="353">
        <v>0</v>
      </c>
      <c r="KE36" s="349">
        <v>0</v>
      </c>
      <c r="KF36" s="351">
        <v>0</v>
      </c>
      <c r="KG36" s="345">
        <v>0</v>
      </c>
      <c r="KH36" s="345">
        <v>0</v>
      </c>
      <c r="KI36" s="345">
        <v>0</v>
      </c>
      <c r="KJ36" s="345">
        <v>0</v>
      </c>
      <c r="KK36" s="345">
        <v>0</v>
      </c>
      <c r="KL36" s="349">
        <v>0</v>
      </c>
      <c r="KM36" s="354">
        <v>0</v>
      </c>
      <c r="KN36" s="342">
        <v>0</v>
      </c>
      <c r="KO36" s="343">
        <v>0</v>
      </c>
      <c r="KP36" s="344">
        <v>0</v>
      </c>
      <c r="KQ36" s="404">
        <v>0</v>
      </c>
      <c r="KR36" s="345">
        <v>0</v>
      </c>
      <c r="KS36" s="345">
        <v>0</v>
      </c>
      <c r="KT36" s="345">
        <v>0</v>
      </c>
      <c r="KU36" s="345">
        <v>0</v>
      </c>
      <c r="KV36" s="345">
        <v>0</v>
      </c>
      <c r="KW36" s="349">
        <v>0</v>
      </c>
      <c r="KX36" s="347">
        <v>0</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0</v>
      </c>
      <c r="LR36" s="345">
        <v>0</v>
      </c>
      <c r="LS36" s="349">
        <v>0</v>
      </c>
      <c r="LT36" s="347">
        <v>0</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0</v>
      </c>
      <c r="MK36" s="345">
        <v>0</v>
      </c>
      <c r="ML36" s="345">
        <v>1153513</v>
      </c>
      <c r="MM36" s="345">
        <v>191702</v>
      </c>
      <c r="MN36" s="345">
        <v>238875</v>
      </c>
      <c r="MO36" s="349">
        <v>1584090</v>
      </c>
      <c r="MP36" s="354">
        <v>1584090</v>
      </c>
      <c r="MQ36" s="348">
        <v>0</v>
      </c>
      <c r="MR36" s="345">
        <v>0</v>
      </c>
      <c r="MS36" s="349">
        <v>0</v>
      </c>
      <c r="MT36" s="404">
        <v>0</v>
      </c>
      <c r="MU36" s="345">
        <v>0</v>
      </c>
      <c r="MV36" s="345">
        <v>0</v>
      </c>
      <c r="MW36" s="345">
        <v>633204</v>
      </c>
      <c r="MX36" s="345">
        <v>0</v>
      </c>
      <c r="MY36" s="345">
        <v>238875</v>
      </c>
      <c r="MZ36" s="349">
        <v>872079</v>
      </c>
      <c r="NA36" s="354">
        <v>872079</v>
      </c>
      <c r="NB36" s="348">
        <v>0</v>
      </c>
      <c r="NC36" s="345">
        <v>0</v>
      </c>
      <c r="ND36" s="349">
        <v>0</v>
      </c>
      <c r="NE36" s="404">
        <v>0</v>
      </c>
      <c r="NF36" s="345">
        <v>0</v>
      </c>
      <c r="NG36" s="345">
        <v>0</v>
      </c>
      <c r="NH36" s="345">
        <v>520309</v>
      </c>
      <c r="NI36" s="345">
        <v>191702</v>
      </c>
      <c r="NJ36" s="345">
        <v>0</v>
      </c>
      <c r="NK36" s="349">
        <v>712011</v>
      </c>
      <c r="NL36" s="347">
        <v>712011</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4480</v>
      </c>
      <c r="OJ36" s="345">
        <v>23499</v>
      </c>
      <c r="OK36" s="346">
        <v>27979</v>
      </c>
      <c r="OL36" s="351">
        <v>0</v>
      </c>
      <c r="OM36" s="345">
        <v>254483</v>
      </c>
      <c r="ON36" s="345">
        <v>605365</v>
      </c>
      <c r="OO36" s="345">
        <v>1805775</v>
      </c>
      <c r="OP36" s="345">
        <v>366471</v>
      </c>
      <c r="OQ36" s="345">
        <v>471135</v>
      </c>
      <c r="OR36" s="349">
        <v>3503229</v>
      </c>
      <c r="OS36" s="354">
        <v>3531208</v>
      </c>
    </row>
    <row r="37" spans="2:409" s="70" customFormat="1" ht="21" customHeight="1" x14ac:dyDescent="0.2">
      <c r="B37" s="106" t="s">
        <v>32</v>
      </c>
      <c r="C37" s="326">
        <v>70287</v>
      </c>
      <c r="D37" s="327">
        <v>78295</v>
      </c>
      <c r="E37" s="368">
        <v>148582</v>
      </c>
      <c r="F37" s="370">
        <v>0</v>
      </c>
      <c r="G37" s="369">
        <v>320200</v>
      </c>
      <c r="H37" s="369">
        <v>316669</v>
      </c>
      <c r="I37" s="369">
        <v>35581</v>
      </c>
      <c r="J37" s="369">
        <v>623844</v>
      </c>
      <c r="K37" s="369">
        <v>451943</v>
      </c>
      <c r="L37" s="370">
        <v>1748237</v>
      </c>
      <c r="M37" s="330">
        <v>1896819</v>
      </c>
      <c r="N37" s="326">
        <v>47656</v>
      </c>
      <c r="O37" s="327">
        <v>22477</v>
      </c>
      <c r="P37" s="328">
        <v>70133</v>
      </c>
      <c r="Q37" s="326">
        <v>0</v>
      </c>
      <c r="R37" s="327">
        <v>86954</v>
      </c>
      <c r="S37" s="327">
        <v>87108</v>
      </c>
      <c r="T37" s="327">
        <v>23156</v>
      </c>
      <c r="U37" s="327">
        <v>58310</v>
      </c>
      <c r="V37" s="327">
        <v>43708</v>
      </c>
      <c r="W37" s="328">
        <v>299236</v>
      </c>
      <c r="X37" s="330">
        <v>369369</v>
      </c>
      <c r="Y37" s="326">
        <v>0</v>
      </c>
      <c r="Z37" s="327">
        <v>0</v>
      </c>
      <c r="AA37" s="328">
        <v>0</v>
      </c>
      <c r="AB37" s="326">
        <v>0</v>
      </c>
      <c r="AC37" s="327">
        <v>6860</v>
      </c>
      <c r="AD37" s="327">
        <v>64792</v>
      </c>
      <c r="AE37" s="327">
        <v>0</v>
      </c>
      <c r="AF37" s="327">
        <v>0</v>
      </c>
      <c r="AG37" s="327">
        <v>0</v>
      </c>
      <c r="AH37" s="328">
        <v>71652</v>
      </c>
      <c r="AI37" s="330">
        <v>71652</v>
      </c>
      <c r="AJ37" s="326">
        <v>0</v>
      </c>
      <c r="AK37" s="327">
        <v>0</v>
      </c>
      <c r="AL37" s="328">
        <v>0</v>
      </c>
      <c r="AM37" s="326">
        <v>0</v>
      </c>
      <c r="AN37" s="327">
        <v>0</v>
      </c>
      <c r="AO37" s="327">
        <v>0</v>
      </c>
      <c r="AP37" s="327">
        <v>0</v>
      </c>
      <c r="AQ37" s="327">
        <v>0</v>
      </c>
      <c r="AR37" s="327">
        <v>0</v>
      </c>
      <c r="AS37" s="328">
        <v>0</v>
      </c>
      <c r="AT37" s="330">
        <v>0</v>
      </c>
      <c r="AU37" s="326">
        <v>47656</v>
      </c>
      <c r="AV37" s="327">
        <v>22477</v>
      </c>
      <c r="AW37" s="328">
        <v>70133</v>
      </c>
      <c r="AX37" s="326">
        <v>0</v>
      </c>
      <c r="AY37" s="327">
        <v>80094</v>
      </c>
      <c r="AZ37" s="327">
        <v>15064</v>
      </c>
      <c r="BA37" s="327">
        <v>23156</v>
      </c>
      <c r="BB37" s="327">
        <v>0</v>
      </c>
      <c r="BC37" s="327">
        <v>0</v>
      </c>
      <c r="BD37" s="328">
        <v>118314</v>
      </c>
      <c r="BE37" s="330">
        <v>188447</v>
      </c>
      <c r="BF37" s="326">
        <v>0</v>
      </c>
      <c r="BG37" s="327">
        <v>0</v>
      </c>
      <c r="BH37" s="331">
        <v>0</v>
      </c>
      <c r="BI37" s="332">
        <v>0</v>
      </c>
      <c r="BJ37" s="327">
        <v>0</v>
      </c>
      <c r="BK37" s="327">
        <v>0</v>
      </c>
      <c r="BL37" s="327">
        <v>0</v>
      </c>
      <c r="BM37" s="327">
        <v>47789</v>
      </c>
      <c r="BN37" s="327">
        <v>0</v>
      </c>
      <c r="BO37" s="328">
        <v>47789</v>
      </c>
      <c r="BP37" s="330">
        <v>47789</v>
      </c>
      <c r="BQ37" s="326">
        <v>0</v>
      </c>
      <c r="BR37" s="327">
        <v>0</v>
      </c>
      <c r="BS37" s="328">
        <v>0</v>
      </c>
      <c r="BT37" s="326">
        <v>0</v>
      </c>
      <c r="BU37" s="327">
        <v>0</v>
      </c>
      <c r="BV37" s="327">
        <v>7252</v>
      </c>
      <c r="BW37" s="327">
        <v>0</v>
      </c>
      <c r="BX37" s="327">
        <v>10521</v>
      </c>
      <c r="BY37" s="327">
        <v>43708</v>
      </c>
      <c r="BZ37" s="328">
        <v>61481</v>
      </c>
      <c r="CA37" s="330">
        <v>61481</v>
      </c>
      <c r="CB37" s="326">
        <v>0</v>
      </c>
      <c r="CC37" s="327">
        <v>35063</v>
      </c>
      <c r="CD37" s="328">
        <v>35063</v>
      </c>
      <c r="CE37" s="326">
        <v>0</v>
      </c>
      <c r="CF37" s="327">
        <v>205904</v>
      </c>
      <c r="CG37" s="327">
        <v>179994</v>
      </c>
      <c r="CH37" s="327">
        <v>0</v>
      </c>
      <c r="CI37" s="327">
        <v>64096</v>
      </c>
      <c r="CJ37" s="327">
        <v>0</v>
      </c>
      <c r="CK37" s="328">
        <v>449994</v>
      </c>
      <c r="CL37" s="330">
        <v>485057</v>
      </c>
      <c r="CM37" s="326">
        <v>0</v>
      </c>
      <c r="CN37" s="327">
        <v>0</v>
      </c>
      <c r="CO37" s="328">
        <v>0</v>
      </c>
      <c r="CP37" s="332">
        <v>0</v>
      </c>
      <c r="CQ37" s="327">
        <v>205904</v>
      </c>
      <c r="CR37" s="327">
        <v>93317</v>
      </c>
      <c r="CS37" s="327">
        <v>0</v>
      </c>
      <c r="CT37" s="327">
        <v>26163</v>
      </c>
      <c r="CU37" s="327">
        <v>0</v>
      </c>
      <c r="CV37" s="328">
        <v>325384</v>
      </c>
      <c r="CW37" s="330">
        <v>325384</v>
      </c>
      <c r="CX37" s="326">
        <v>0</v>
      </c>
      <c r="CY37" s="327">
        <v>35063</v>
      </c>
      <c r="CZ37" s="328">
        <v>35063</v>
      </c>
      <c r="DA37" s="326">
        <v>0</v>
      </c>
      <c r="DB37" s="327">
        <v>0</v>
      </c>
      <c r="DC37" s="327">
        <v>86677</v>
      </c>
      <c r="DD37" s="327">
        <v>0</v>
      </c>
      <c r="DE37" s="327">
        <v>37933</v>
      </c>
      <c r="DF37" s="327">
        <v>0</v>
      </c>
      <c r="DG37" s="328">
        <v>124610</v>
      </c>
      <c r="DH37" s="330">
        <v>159673</v>
      </c>
      <c r="DI37" s="326">
        <v>0</v>
      </c>
      <c r="DJ37" s="327">
        <v>0</v>
      </c>
      <c r="DK37" s="331">
        <v>0</v>
      </c>
      <c r="DL37" s="332">
        <v>0</v>
      </c>
      <c r="DM37" s="327">
        <v>0</v>
      </c>
      <c r="DN37" s="327">
        <v>0</v>
      </c>
      <c r="DO37" s="327">
        <v>0</v>
      </c>
      <c r="DP37" s="327">
        <v>87290</v>
      </c>
      <c r="DQ37" s="327">
        <v>0</v>
      </c>
      <c r="DR37" s="328">
        <v>87290</v>
      </c>
      <c r="DS37" s="330">
        <v>87290</v>
      </c>
      <c r="DT37" s="326">
        <v>0</v>
      </c>
      <c r="DU37" s="327">
        <v>0</v>
      </c>
      <c r="DV37" s="328">
        <v>0</v>
      </c>
      <c r="DW37" s="326">
        <v>0</v>
      </c>
      <c r="DX37" s="327">
        <v>0</v>
      </c>
      <c r="DY37" s="327">
        <v>0</v>
      </c>
      <c r="DZ37" s="327">
        <v>0</v>
      </c>
      <c r="EA37" s="327">
        <v>87290</v>
      </c>
      <c r="EB37" s="327">
        <v>0</v>
      </c>
      <c r="EC37" s="328">
        <v>87290</v>
      </c>
      <c r="ED37" s="330">
        <v>87290</v>
      </c>
      <c r="EE37" s="326">
        <v>0</v>
      </c>
      <c r="EF37" s="331">
        <v>0</v>
      </c>
      <c r="EG37" s="328">
        <v>0</v>
      </c>
      <c r="EH37" s="326">
        <v>0</v>
      </c>
      <c r="EI37" s="327">
        <v>0</v>
      </c>
      <c r="EJ37" s="327">
        <v>0</v>
      </c>
      <c r="EK37" s="327">
        <v>0</v>
      </c>
      <c r="EL37" s="327">
        <v>0</v>
      </c>
      <c r="EM37" s="327">
        <v>0</v>
      </c>
      <c r="EN37" s="331">
        <v>0</v>
      </c>
      <c r="EO37" s="330">
        <v>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404">
        <v>0</v>
      </c>
      <c r="FE37" s="327">
        <v>0</v>
      </c>
      <c r="FF37" s="327">
        <v>0</v>
      </c>
      <c r="FG37" s="327">
        <v>0</v>
      </c>
      <c r="FH37" s="327">
        <v>0</v>
      </c>
      <c r="FI37" s="327">
        <v>0</v>
      </c>
      <c r="FJ37" s="328">
        <v>0</v>
      </c>
      <c r="FK37" s="330">
        <v>0</v>
      </c>
      <c r="FL37" s="326">
        <v>8960</v>
      </c>
      <c r="FM37" s="327">
        <v>20755</v>
      </c>
      <c r="FN37" s="328">
        <v>29715</v>
      </c>
      <c r="FO37" s="326">
        <v>0</v>
      </c>
      <c r="FP37" s="327">
        <v>27342</v>
      </c>
      <c r="FQ37" s="327">
        <v>49567</v>
      </c>
      <c r="FR37" s="327">
        <v>12425</v>
      </c>
      <c r="FS37" s="327">
        <v>47418</v>
      </c>
      <c r="FT37" s="327">
        <v>0</v>
      </c>
      <c r="FU37" s="328">
        <v>136752</v>
      </c>
      <c r="FV37" s="330">
        <v>166467</v>
      </c>
      <c r="FW37" s="333">
        <v>8960</v>
      </c>
      <c r="FX37" s="327">
        <v>20755</v>
      </c>
      <c r="FY37" s="331">
        <v>29715</v>
      </c>
      <c r="FZ37" s="332">
        <v>0</v>
      </c>
      <c r="GA37" s="327">
        <v>27342</v>
      </c>
      <c r="GB37" s="327">
        <v>49567</v>
      </c>
      <c r="GC37" s="327">
        <v>12425</v>
      </c>
      <c r="GD37" s="327">
        <v>47418</v>
      </c>
      <c r="GE37" s="327">
        <v>0</v>
      </c>
      <c r="GF37" s="328">
        <v>136752</v>
      </c>
      <c r="GG37" s="334">
        <v>166467</v>
      </c>
      <c r="GH37" s="333">
        <v>0</v>
      </c>
      <c r="GI37" s="327">
        <v>0</v>
      </c>
      <c r="GJ37" s="331">
        <v>0</v>
      </c>
      <c r="GK37" s="332">
        <v>0</v>
      </c>
      <c r="GL37" s="327">
        <v>0</v>
      </c>
      <c r="GM37" s="327">
        <v>0</v>
      </c>
      <c r="GN37" s="327">
        <v>0</v>
      </c>
      <c r="GO37" s="327">
        <v>0</v>
      </c>
      <c r="GP37" s="327">
        <v>0</v>
      </c>
      <c r="GQ37" s="328">
        <v>0</v>
      </c>
      <c r="GR37" s="330">
        <v>0</v>
      </c>
      <c r="GS37" s="326">
        <v>0</v>
      </c>
      <c r="GT37" s="327">
        <v>0</v>
      </c>
      <c r="GU37" s="328">
        <v>0</v>
      </c>
      <c r="GV37" s="326">
        <v>0</v>
      </c>
      <c r="GW37" s="327">
        <v>0</v>
      </c>
      <c r="GX37" s="327">
        <v>0</v>
      </c>
      <c r="GY37" s="327">
        <v>0</v>
      </c>
      <c r="GZ37" s="327">
        <v>0</v>
      </c>
      <c r="HA37" s="327">
        <v>0</v>
      </c>
      <c r="HB37" s="331">
        <v>0</v>
      </c>
      <c r="HC37" s="330">
        <v>0</v>
      </c>
      <c r="HD37" s="326">
        <v>13671</v>
      </c>
      <c r="HE37" s="327">
        <v>0</v>
      </c>
      <c r="HF37" s="331">
        <v>13671</v>
      </c>
      <c r="HG37" s="332">
        <v>0</v>
      </c>
      <c r="HH37" s="327">
        <v>0</v>
      </c>
      <c r="HI37" s="327">
        <v>0</v>
      </c>
      <c r="HJ37" s="327">
        <v>0</v>
      </c>
      <c r="HK37" s="327">
        <v>366730</v>
      </c>
      <c r="HL37" s="327">
        <v>408235</v>
      </c>
      <c r="HM37" s="328">
        <v>774965</v>
      </c>
      <c r="HN37" s="329">
        <v>788636</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326713</v>
      </c>
      <c r="IE37" s="339">
        <v>107898</v>
      </c>
      <c r="IF37" s="337">
        <v>234630</v>
      </c>
      <c r="IG37" s="336">
        <v>137571</v>
      </c>
      <c r="IH37" s="337">
        <v>225463</v>
      </c>
      <c r="II37" s="340">
        <v>1032275</v>
      </c>
      <c r="IJ37" s="341">
        <v>1032275</v>
      </c>
      <c r="IK37" s="342">
        <v>0</v>
      </c>
      <c r="IL37" s="343">
        <v>0</v>
      </c>
      <c r="IM37" s="344">
        <v>0</v>
      </c>
      <c r="IN37" s="404">
        <v>0</v>
      </c>
      <c r="IO37" s="345">
        <v>52864</v>
      </c>
      <c r="IP37" s="345">
        <v>52066</v>
      </c>
      <c r="IQ37" s="345">
        <v>0</v>
      </c>
      <c r="IR37" s="345">
        <v>0</v>
      </c>
      <c r="IS37" s="345">
        <v>0</v>
      </c>
      <c r="IT37" s="346">
        <v>104930</v>
      </c>
      <c r="IU37" s="347">
        <v>104930</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71554</v>
      </c>
      <c r="JL37" s="345">
        <v>55832</v>
      </c>
      <c r="JM37" s="345">
        <v>0</v>
      </c>
      <c r="JN37" s="345">
        <v>0</v>
      </c>
      <c r="JO37" s="345">
        <v>0</v>
      </c>
      <c r="JP37" s="349">
        <v>127386</v>
      </c>
      <c r="JQ37" s="347">
        <v>127386</v>
      </c>
      <c r="JR37" s="348">
        <v>0</v>
      </c>
      <c r="JS37" s="345">
        <v>0</v>
      </c>
      <c r="JT37" s="346">
        <v>0</v>
      </c>
      <c r="JU37" s="351">
        <v>0</v>
      </c>
      <c r="JV37" s="345">
        <v>95615</v>
      </c>
      <c r="JW37" s="345">
        <v>0</v>
      </c>
      <c r="JX37" s="345">
        <v>234630</v>
      </c>
      <c r="JY37" s="345">
        <v>0</v>
      </c>
      <c r="JZ37" s="345">
        <v>0</v>
      </c>
      <c r="KA37" s="349">
        <v>330245</v>
      </c>
      <c r="KB37" s="347">
        <v>330245</v>
      </c>
      <c r="KC37" s="352">
        <v>0</v>
      </c>
      <c r="KD37" s="353">
        <v>0</v>
      </c>
      <c r="KE37" s="349">
        <v>0</v>
      </c>
      <c r="KF37" s="351">
        <v>0</v>
      </c>
      <c r="KG37" s="345">
        <v>106680</v>
      </c>
      <c r="KH37" s="345">
        <v>0</v>
      </c>
      <c r="KI37" s="345">
        <v>0</v>
      </c>
      <c r="KJ37" s="345">
        <v>0</v>
      </c>
      <c r="KK37" s="345">
        <v>0</v>
      </c>
      <c r="KL37" s="349">
        <v>106680</v>
      </c>
      <c r="KM37" s="354">
        <v>106680</v>
      </c>
      <c r="KN37" s="342">
        <v>0</v>
      </c>
      <c r="KO37" s="343">
        <v>0</v>
      </c>
      <c r="KP37" s="344">
        <v>0</v>
      </c>
      <c r="KQ37" s="404">
        <v>0</v>
      </c>
      <c r="KR37" s="345">
        <v>0</v>
      </c>
      <c r="KS37" s="345">
        <v>0</v>
      </c>
      <c r="KT37" s="345">
        <v>0</v>
      </c>
      <c r="KU37" s="345">
        <v>0</v>
      </c>
      <c r="KV37" s="345">
        <v>225463</v>
      </c>
      <c r="KW37" s="349">
        <v>225463</v>
      </c>
      <c r="KX37" s="347">
        <v>225463</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0</v>
      </c>
      <c r="LQ37" s="345">
        <v>137571</v>
      </c>
      <c r="LR37" s="345">
        <v>0</v>
      </c>
      <c r="LS37" s="349">
        <v>137571</v>
      </c>
      <c r="LT37" s="347">
        <v>137571</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784707</v>
      </c>
      <c r="MN37" s="345">
        <v>271737</v>
      </c>
      <c r="MO37" s="349">
        <v>1056444</v>
      </c>
      <c r="MP37" s="354">
        <v>1056444</v>
      </c>
      <c r="MQ37" s="348">
        <v>0</v>
      </c>
      <c r="MR37" s="345">
        <v>0</v>
      </c>
      <c r="MS37" s="349">
        <v>0</v>
      </c>
      <c r="MT37" s="404">
        <v>0</v>
      </c>
      <c r="MU37" s="345">
        <v>0</v>
      </c>
      <c r="MV37" s="345">
        <v>0</v>
      </c>
      <c r="MW37" s="345">
        <v>0</v>
      </c>
      <c r="MX37" s="345">
        <v>477515</v>
      </c>
      <c r="MY37" s="345">
        <v>271737</v>
      </c>
      <c r="MZ37" s="349">
        <v>749252</v>
      </c>
      <c r="NA37" s="354">
        <v>749252</v>
      </c>
      <c r="NB37" s="348">
        <v>0</v>
      </c>
      <c r="NC37" s="345">
        <v>0</v>
      </c>
      <c r="ND37" s="349">
        <v>0</v>
      </c>
      <c r="NE37" s="404">
        <v>0</v>
      </c>
      <c r="NF37" s="345">
        <v>0</v>
      </c>
      <c r="NG37" s="345">
        <v>0</v>
      </c>
      <c r="NH37" s="345">
        <v>0</v>
      </c>
      <c r="NI37" s="345">
        <v>307192</v>
      </c>
      <c r="NJ37" s="345">
        <v>0</v>
      </c>
      <c r="NK37" s="349">
        <v>307192</v>
      </c>
      <c r="NL37" s="347">
        <v>307192</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70287</v>
      </c>
      <c r="OJ37" s="345">
        <v>78295</v>
      </c>
      <c r="OK37" s="346">
        <v>148582</v>
      </c>
      <c r="OL37" s="351">
        <v>0</v>
      </c>
      <c r="OM37" s="345">
        <v>646913</v>
      </c>
      <c r="ON37" s="345">
        <v>424567</v>
      </c>
      <c r="OO37" s="345">
        <v>270211</v>
      </c>
      <c r="OP37" s="345">
        <v>1546122</v>
      </c>
      <c r="OQ37" s="345">
        <v>949143</v>
      </c>
      <c r="OR37" s="349">
        <v>3836956</v>
      </c>
      <c r="OS37" s="354">
        <v>3985538</v>
      </c>
    </row>
    <row r="38" spans="2:409" s="70" customFormat="1" ht="21" customHeight="1" x14ac:dyDescent="0.2">
      <c r="B38" s="106" t="s">
        <v>33</v>
      </c>
      <c r="C38" s="326">
        <v>26305</v>
      </c>
      <c r="D38" s="327">
        <v>14363</v>
      </c>
      <c r="E38" s="328">
        <v>40668</v>
      </c>
      <c r="F38" s="329">
        <v>0</v>
      </c>
      <c r="G38" s="327">
        <v>651175</v>
      </c>
      <c r="H38" s="327">
        <v>306709</v>
      </c>
      <c r="I38" s="327">
        <v>518203</v>
      </c>
      <c r="J38" s="327">
        <v>253183</v>
      </c>
      <c r="K38" s="327">
        <v>474721</v>
      </c>
      <c r="L38" s="367">
        <v>2203991</v>
      </c>
      <c r="M38" s="330">
        <v>2244659</v>
      </c>
      <c r="N38" s="326">
        <v>6153</v>
      </c>
      <c r="O38" s="327">
        <v>10163</v>
      </c>
      <c r="P38" s="328">
        <v>16316</v>
      </c>
      <c r="Q38" s="326">
        <v>0</v>
      </c>
      <c r="R38" s="327">
        <v>227525</v>
      </c>
      <c r="S38" s="327">
        <v>111822</v>
      </c>
      <c r="T38" s="327">
        <v>82302</v>
      </c>
      <c r="U38" s="327">
        <v>30100</v>
      </c>
      <c r="V38" s="327">
        <v>35875</v>
      </c>
      <c r="W38" s="328">
        <v>487624</v>
      </c>
      <c r="X38" s="330">
        <v>503940</v>
      </c>
      <c r="Y38" s="326">
        <v>0</v>
      </c>
      <c r="Z38" s="327">
        <v>0</v>
      </c>
      <c r="AA38" s="328">
        <v>0</v>
      </c>
      <c r="AB38" s="326">
        <v>0</v>
      </c>
      <c r="AC38" s="327">
        <v>136704</v>
      </c>
      <c r="AD38" s="327">
        <v>0</v>
      </c>
      <c r="AE38" s="327">
        <v>0</v>
      </c>
      <c r="AF38" s="327">
        <v>0</v>
      </c>
      <c r="AG38" s="327">
        <v>0</v>
      </c>
      <c r="AH38" s="328">
        <v>136704</v>
      </c>
      <c r="AI38" s="330">
        <v>136704</v>
      </c>
      <c r="AJ38" s="326">
        <v>0</v>
      </c>
      <c r="AK38" s="327">
        <v>0</v>
      </c>
      <c r="AL38" s="328">
        <v>0</v>
      </c>
      <c r="AM38" s="326">
        <v>0</v>
      </c>
      <c r="AN38" s="327">
        <v>0</v>
      </c>
      <c r="AO38" s="327">
        <v>0</v>
      </c>
      <c r="AP38" s="327">
        <v>0</v>
      </c>
      <c r="AQ38" s="327">
        <v>0</v>
      </c>
      <c r="AR38" s="327">
        <v>0</v>
      </c>
      <c r="AS38" s="328">
        <v>0</v>
      </c>
      <c r="AT38" s="330">
        <v>0</v>
      </c>
      <c r="AU38" s="326">
        <v>0</v>
      </c>
      <c r="AV38" s="327">
        <v>10163</v>
      </c>
      <c r="AW38" s="328">
        <v>10163</v>
      </c>
      <c r="AX38" s="326">
        <v>0</v>
      </c>
      <c r="AY38" s="327">
        <v>58390</v>
      </c>
      <c r="AZ38" s="327">
        <v>89744</v>
      </c>
      <c r="BA38" s="327">
        <v>0</v>
      </c>
      <c r="BB38" s="327">
        <v>0</v>
      </c>
      <c r="BC38" s="327">
        <v>0</v>
      </c>
      <c r="BD38" s="328">
        <v>148134</v>
      </c>
      <c r="BE38" s="330">
        <v>158297</v>
      </c>
      <c r="BF38" s="326">
        <v>0</v>
      </c>
      <c r="BG38" s="327">
        <v>0</v>
      </c>
      <c r="BH38" s="331">
        <v>0</v>
      </c>
      <c r="BI38" s="332">
        <v>0</v>
      </c>
      <c r="BJ38" s="327">
        <v>0</v>
      </c>
      <c r="BK38" s="327">
        <v>0</v>
      </c>
      <c r="BL38" s="327">
        <v>60525</v>
      </c>
      <c r="BM38" s="327">
        <v>0</v>
      </c>
      <c r="BN38" s="327">
        <v>0</v>
      </c>
      <c r="BO38" s="328">
        <v>60525</v>
      </c>
      <c r="BP38" s="330">
        <v>60525</v>
      </c>
      <c r="BQ38" s="326">
        <v>6153</v>
      </c>
      <c r="BR38" s="327">
        <v>0</v>
      </c>
      <c r="BS38" s="328">
        <v>6153</v>
      </c>
      <c r="BT38" s="326">
        <v>0</v>
      </c>
      <c r="BU38" s="327">
        <v>32431</v>
      </c>
      <c r="BV38" s="327">
        <v>22078</v>
      </c>
      <c r="BW38" s="327">
        <v>21777</v>
      </c>
      <c r="BX38" s="327">
        <v>30100</v>
      </c>
      <c r="BY38" s="327">
        <v>35875</v>
      </c>
      <c r="BZ38" s="328">
        <v>142261</v>
      </c>
      <c r="CA38" s="330">
        <v>148414</v>
      </c>
      <c r="CB38" s="326">
        <v>18402</v>
      </c>
      <c r="CC38" s="327">
        <v>0</v>
      </c>
      <c r="CD38" s="328">
        <v>18402</v>
      </c>
      <c r="CE38" s="326">
        <v>0</v>
      </c>
      <c r="CF38" s="327">
        <v>90953</v>
      </c>
      <c r="CG38" s="327">
        <v>0</v>
      </c>
      <c r="CH38" s="327">
        <v>0</v>
      </c>
      <c r="CI38" s="327">
        <v>0</v>
      </c>
      <c r="CJ38" s="327">
        <v>0</v>
      </c>
      <c r="CK38" s="328">
        <v>90953</v>
      </c>
      <c r="CL38" s="330">
        <v>109355</v>
      </c>
      <c r="CM38" s="326">
        <v>0</v>
      </c>
      <c r="CN38" s="327">
        <v>0</v>
      </c>
      <c r="CO38" s="328">
        <v>0</v>
      </c>
      <c r="CP38" s="332">
        <v>0</v>
      </c>
      <c r="CQ38" s="327">
        <v>90953</v>
      </c>
      <c r="CR38" s="327">
        <v>0</v>
      </c>
      <c r="CS38" s="327">
        <v>0</v>
      </c>
      <c r="CT38" s="327">
        <v>0</v>
      </c>
      <c r="CU38" s="327">
        <v>0</v>
      </c>
      <c r="CV38" s="328">
        <v>90953</v>
      </c>
      <c r="CW38" s="330">
        <v>90953</v>
      </c>
      <c r="CX38" s="326">
        <v>18402</v>
      </c>
      <c r="CY38" s="327">
        <v>0</v>
      </c>
      <c r="CZ38" s="328">
        <v>18402</v>
      </c>
      <c r="DA38" s="326">
        <v>0</v>
      </c>
      <c r="DB38" s="327">
        <v>0</v>
      </c>
      <c r="DC38" s="327">
        <v>0</v>
      </c>
      <c r="DD38" s="327">
        <v>0</v>
      </c>
      <c r="DE38" s="327">
        <v>0</v>
      </c>
      <c r="DF38" s="327">
        <v>0</v>
      </c>
      <c r="DG38" s="328">
        <v>0</v>
      </c>
      <c r="DH38" s="330">
        <v>18402</v>
      </c>
      <c r="DI38" s="326">
        <v>0</v>
      </c>
      <c r="DJ38" s="327">
        <v>0</v>
      </c>
      <c r="DK38" s="331">
        <v>0</v>
      </c>
      <c r="DL38" s="332">
        <v>0</v>
      </c>
      <c r="DM38" s="327">
        <v>46395</v>
      </c>
      <c r="DN38" s="327">
        <v>0</v>
      </c>
      <c r="DO38" s="327">
        <v>42100</v>
      </c>
      <c r="DP38" s="327">
        <v>0</v>
      </c>
      <c r="DQ38" s="327">
        <v>0</v>
      </c>
      <c r="DR38" s="328">
        <v>88495</v>
      </c>
      <c r="DS38" s="330">
        <v>88495</v>
      </c>
      <c r="DT38" s="326">
        <v>0</v>
      </c>
      <c r="DU38" s="327">
        <v>0</v>
      </c>
      <c r="DV38" s="328">
        <v>0</v>
      </c>
      <c r="DW38" s="326">
        <v>0</v>
      </c>
      <c r="DX38" s="327">
        <v>0</v>
      </c>
      <c r="DY38" s="327">
        <v>0</v>
      </c>
      <c r="DZ38" s="327">
        <v>42100</v>
      </c>
      <c r="EA38" s="327">
        <v>0</v>
      </c>
      <c r="EB38" s="327">
        <v>0</v>
      </c>
      <c r="EC38" s="328">
        <v>42100</v>
      </c>
      <c r="ED38" s="330">
        <v>42100</v>
      </c>
      <c r="EE38" s="326">
        <v>0</v>
      </c>
      <c r="EF38" s="331">
        <v>0</v>
      </c>
      <c r="EG38" s="328">
        <v>0</v>
      </c>
      <c r="EH38" s="326">
        <v>0</v>
      </c>
      <c r="EI38" s="327">
        <v>0</v>
      </c>
      <c r="EJ38" s="327">
        <v>0</v>
      </c>
      <c r="EK38" s="327">
        <v>0</v>
      </c>
      <c r="EL38" s="327">
        <v>0</v>
      </c>
      <c r="EM38" s="327">
        <v>0</v>
      </c>
      <c r="EN38" s="331">
        <v>0</v>
      </c>
      <c r="EO38" s="330">
        <v>0</v>
      </c>
      <c r="EP38" s="326">
        <v>0</v>
      </c>
      <c r="EQ38" s="327">
        <v>0</v>
      </c>
      <c r="ER38" s="331">
        <v>0</v>
      </c>
      <c r="ES38" s="332">
        <v>0</v>
      </c>
      <c r="ET38" s="327">
        <v>0</v>
      </c>
      <c r="EU38" s="327">
        <v>0</v>
      </c>
      <c r="EV38" s="327">
        <v>0</v>
      </c>
      <c r="EW38" s="327">
        <v>0</v>
      </c>
      <c r="EX38" s="327">
        <v>0</v>
      </c>
      <c r="EY38" s="328">
        <v>0</v>
      </c>
      <c r="EZ38" s="330">
        <v>0</v>
      </c>
      <c r="FA38" s="326">
        <v>0</v>
      </c>
      <c r="FB38" s="327">
        <v>0</v>
      </c>
      <c r="FC38" s="331">
        <v>0</v>
      </c>
      <c r="FD38" s="404">
        <v>0</v>
      </c>
      <c r="FE38" s="327">
        <v>46395</v>
      </c>
      <c r="FF38" s="327">
        <v>0</v>
      </c>
      <c r="FG38" s="327">
        <v>0</v>
      </c>
      <c r="FH38" s="327">
        <v>0</v>
      </c>
      <c r="FI38" s="327">
        <v>0</v>
      </c>
      <c r="FJ38" s="328">
        <v>46395</v>
      </c>
      <c r="FK38" s="330">
        <v>46395</v>
      </c>
      <c r="FL38" s="326">
        <v>1750</v>
      </c>
      <c r="FM38" s="327">
        <v>4200</v>
      </c>
      <c r="FN38" s="328">
        <v>5950</v>
      </c>
      <c r="FO38" s="326">
        <v>0</v>
      </c>
      <c r="FP38" s="327">
        <v>9716</v>
      </c>
      <c r="FQ38" s="327">
        <v>26460</v>
      </c>
      <c r="FR38" s="327">
        <v>25200</v>
      </c>
      <c r="FS38" s="327">
        <v>28000</v>
      </c>
      <c r="FT38" s="327">
        <v>0</v>
      </c>
      <c r="FU38" s="328">
        <v>89376</v>
      </c>
      <c r="FV38" s="330">
        <v>95326</v>
      </c>
      <c r="FW38" s="333">
        <v>1750</v>
      </c>
      <c r="FX38" s="327">
        <v>4200</v>
      </c>
      <c r="FY38" s="331">
        <v>5950</v>
      </c>
      <c r="FZ38" s="332">
        <v>0</v>
      </c>
      <c r="GA38" s="327">
        <v>9716</v>
      </c>
      <c r="GB38" s="327">
        <v>26460</v>
      </c>
      <c r="GC38" s="327">
        <v>25200</v>
      </c>
      <c r="GD38" s="327">
        <v>28000</v>
      </c>
      <c r="GE38" s="327">
        <v>0</v>
      </c>
      <c r="GF38" s="328">
        <v>89376</v>
      </c>
      <c r="GG38" s="334">
        <v>95326</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0</v>
      </c>
      <c r="HF38" s="331">
        <v>0</v>
      </c>
      <c r="HG38" s="332">
        <v>0</v>
      </c>
      <c r="HH38" s="327">
        <v>276586</v>
      </c>
      <c r="HI38" s="327">
        <v>168427</v>
      </c>
      <c r="HJ38" s="327">
        <v>368601</v>
      </c>
      <c r="HK38" s="327">
        <v>195083</v>
      </c>
      <c r="HL38" s="327">
        <v>438846</v>
      </c>
      <c r="HM38" s="328">
        <v>1447543</v>
      </c>
      <c r="HN38" s="329">
        <v>1447543</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0</v>
      </c>
      <c r="IE38" s="339">
        <v>0</v>
      </c>
      <c r="IF38" s="337">
        <v>356983</v>
      </c>
      <c r="IG38" s="336">
        <v>0</v>
      </c>
      <c r="IH38" s="337">
        <v>0</v>
      </c>
      <c r="II38" s="340">
        <v>356983</v>
      </c>
      <c r="IJ38" s="358">
        <v>356983</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0</v>
      </c>
      <c r="JL38" s="345">
        <v>0</v>
      </c>
      <c r="JM38" s="345">
        <v>135668</v>
      </c>
      <c r="JN38" s="345">
        <v>0</v>
      </c>
      <c r="JO38" s="345">
        <v>0</v>
      </c>
      <c r="JP38" s="349">
        <v>135668</v>
      </c>
      <c r="JQ38" s="347">
        <v>135668</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221315</v>
      </c>
      <c r="KU38" s="345">
        <v>0</v>
      </c>
      <c r="KV38" s="345">
        <v>0</v>
      </c>
      <c r="KW38" s="349">
        <v>221315</v>
      </c>
      <c r="KX38" s="347">
        <v>221315</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0</v>
      </c>
      <c r="MK38" s="345">
        <v>208435</v>
      </c>
      <c r="ML38" s="345">
        <v>0</v>
      </c>
      <c r="MM38" s="345">
        <v>281459</v>
      </c>
      <c r="MN38" s="345">
        <v>322854</v>
      </c>
      <c r="MO38" s="349">
        <v>812748</v>
      </c>
      <c r="MP38" s="354">
        <v>812748</v>
      </c>
      <c r="MQ38" s="348">
        <v>0</v>
      </c>
      <c r="MR38" s="345">
        <v>0</v>
      </c>
      <c r="MS38" s="349">
        <v>0</v>
      </c>
      <c r="MT38" s="404">
        <v>0</v>
      </c>
      <c r="MU38" s="345">
        <v>0</v>
      </c>
      <c r="MV38" s="345">
        <v>0</v>
      </c>
      <c r="MW38" s="345">
        <v>0</v>
      </c>
      <c r="MX38" s="345">
        <v>0</v>
      </c>
      <c r="MY38" s="345">
        <v>0</v>
      </c>
      <c r="MZ38" s="349">
        <v>0</v>
      </c>
      <c r="NA38" s="354">
        <v>0</v>
      </c>
      <c r="NB38" s="348">
        <v>0</v>
      </c>
      <c r="NC38" s="345">
        <v>0</v>
      </c>
      <c r="ND38" s="349">
        <v>0</v>
      </c>
      <c r="NE38" s="404">
        <v>0</v>
      </c>
      <c r="NF38" s="345">
        <v>0</v>
      </c>
      <c r="NG38" s="345">
        <v>0</v>
      </c>
      <c r="NH38" s="345">
        <v>0</v>
      </c>
      <c r="NI38" s="345">
        <v>0</v>
      </c>
      <c r="NJ38" s="345">
        <v>0</v>
      </c>
      <c r="NK38" s="349">
        <v>0</v>
      </c>
      <c r="NL38" s="347">
        <v>0</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0</v>
      </c>
      <c r="OC38" s="345">
        <v>208435</v>
      </c>
      <c r="OD38" s="345">
        <v>0</v>
      </c>
      <c r="OE38" s="345">
        <v>281459</v>
      </c>
      <c r="OF38" s="345">
        <v>322854</v>
      </c>
      <c r="OG38" s="349">
        <v>812748</v>
      </c>
      <c r="OH38" s="350">
        <v>812748</v>
      </c>
      <c r="OI38" s="348">
        <v>26305</v>
      </c>
      <c r="OJ38" s="345">
        <v>14363</v>
      </c>
      <c r="OK38" s="346">
        <v>40668</v>
      </c>
      <c r="OL38" s="351">
        <v>0</v>
      </c>
      <c r="OM38" s="345">
        <v>651175</v>
      </c>
      <c r="ON38" s="345">
        <v>515144</v>
      </c>
      <c r="OO38" s="345">
        <v>875186</v>
      </c>
      <c r="OP38" s="345">
        <v>534642</v>
      </c>
      <c r="OQ38" s="345">
        <v>797575</v>
      </c>
      <c r="OR38" s="349">
        <v>3373722</v>
      </c>
      <c r="OS38" s="354">
        <v>3414390</v>
      </c>
    </row>
    <row r="39" spans="2:409" s="70" customFormat="1" ht="21" customHeight="1" x14ac:dyDescent="0.2">
      <c r="B39" s="106" t="s">
        <v>34</v>
      </c>
      <c r="C39" s="326">
        <v>2800</v>
      </c>
      <c r="D39" s="327">
        <v>0</v>
      </c>
      <c r="E39" s="368">
        <v>2800</v>
      </c>
      <c r="F39" s="370">
        <v>0</v>
      </c>
      <c r="G39" s="369">
        <v>96271</v>
      </c>
      <c r="H39" s="369">
        <v>416413</v>
      </c>
      <c r="I39" s="369">
        <v>377041</v>
      </c>
      <c r="J39" s="369">
        <v>224630</v>
      </c>
      <c r="K39" s="369">
        <v>0</v>
      </c>
      <c r="L39" s="370">
        <v>1114355</v>
      </c>
      <c r="M39" s="330">
        <v>1117155</v>
      </c>
      <c r="N39" s="326">
        <v>0</v>
      </c>
      <c r="O39" s="327">
        <v>0</v>
      </c>
      <c r="P39" s="328">
        <v>0</v>
      </c>
      <c r="Q39" s="326">
        <v>0</v>
      </c>
      <c r="R39" s="327">
        <v>92071</v>
      </c>
      <c r="S39" s="327">
        <v>95676</v>
      </c>
      <c r="T39" s="327">
        <v>13580</v>
      </c>
      <c r="U39" s="327">
        <v>0</v>
      </c>
      <c r="V39" s="327">
        <v>0</v>
      </c>
      <c r="W39" s="328">
        <v>201327</v>
      </c>
      <c r="X39" s="330">
        <v>201327</v>
      </c>
      <c r="Y39" s="326">
        <v>0</v>
      </c>
      <c r="Z39" s="327">
        <v>0</v>
      </c>
      <c r="AA39" s="328">
        <v>0</v>
      </c>
      <c r="AB39" s="326">
        <v>0</v>
      </c>
      <c r="AC39" s="327">
        <v>40810</v>
      </c>
      <c r="AD39" s="327">
        <v>38521</v>
      </c>
      <c r="AE39" s="327">
        <v>0</v>
      </c>
      <c r="AF39" s="327">
        <v>0</v>
      </c>
      <c r="AG39" s="327">
        <v>0</v>
      </c>
      <c r="AH39" s="328">
        <v>79331</v>
      </c>
      <c r="AI39" s="330">
        <v>79331</v>
      </c>
      <c r="AJ39" s="326">
        <v>0</v>
      </c>
      <c r="AK39" s="327">
        <v>0</v>
      </c>
      <c r="AL39" s="328">
        <v>0</v>
      </c>
      <c r="AM39" s="326">
        <v>0</v>
      </c>
      <c r="AN39" s="327">
        <v>0</v>
      </c>
      <c r="AO39" s="327">
        <v>0</v>
      </c>
      <c r="AP39" s="327">
        <v>0</v>
      </c>
      <c r="AQ39" s="327">
        <v>0</v>
      </c>
      <c r="AR39" s="327">
        <v>0</v>
      </c>
      <c r="AS39" s="328">
        <v>0</v>
      </c>
      <c r="AT39" s="330">
        <v>0</v>
      </c>
      <c r="AU39" s="326">
        <v>0</v>
      </c>
      <c r="AV39" s="327">
        <v>0</v>
      </c>
      <c r="AW39" s="328">
        <v>0</v>
      </c>
      <c r="AX39" s="326">
        <v>0</v>
      </c>
      <c r="AY39" s="327">
        <v>31122</v>
      </c>
      <c r="AZ39" s="327">
        <v>34783</v>
      </c>
      <c r="BA39" s="327">
        <v>0</v>
      </c>
      <c r="BB39" s="327">
        <v>0</v>
      </c>
      <c r="BC39" s="327">
        <v>0</v>
      </c>
      <c r="BD39" s="328">
        <v>65905</v>
      </c>
      <c r="BE39" s="330">
        <v>65905</v>
      </c>
      <c r="BF39" s="326">
        <v>0</v>
      </c>
      <c r="BG39" s="327">
        <v>0</v>
      </c>
      <c r="BH39" s="331">
        <v>0</v>
      </c>
      <c r="BI39" s="332">
        <v>0</v>
      </c>
      <c r="BJ39" s="327">
        <v>0</v>
      </c>
      <c r="BK39" s="327">
        <v>0</v>
      </c>
      <c r="BL39" s="327">
        <v>0</v>
      </c>
      <c r="BM39" s="327">
        <v>0</v>
      </c>
      <c r="BN39" s="327">
        <v>0</v>
      </c>
      <c r="BO39" s="328">
        <v>0</v>
      </c>
      <c r="BP39" s="330">
        <v>0</v>
      </c>
      <c r="BQ39" s="326">
        <v>0</v>
      </c>
      <c r="BR39" s="327">
        <v>0</v>
      </c>
      <c r="BS39" s="328">
        <v>0</v>
      </c>
      <c r="BT39" s="326">
        <v>0</v>
      </c>
      <c r="BU39" s="327">
        <v>20139</v>
      </c>
      <c r="BV39" s="327">
        <v>22372</v>
      </c>
      <c r="BW39" s="327">
        <v>13580</v>
      </c>
      <c r="BX39" s="327">
        <v>0</v>
      </c>
      <c r="BY39" s="327">
        <v>0</v>
      </c>
      <c r="BZ39" s="328">
        <v>56091</v>
      </c>
      <c r="CA39" s="330">
        <v>56091</v>
      </c>
      <c r="CB39" s="326">
        <v>0</v>
      </c>
      <c r="CC39" s="327">
        <v>0</v>
      </c>
      <c r="CD39" s="328">
        <v>0</v>
      </c>
      <c r="CE39" s="326">
        <v>0</v>
      </c>
      <c r="CF39" s="327">
        <v>0</v>
      </c>
      <c r="CG39" s="327">
        <v>0</v>
      </c>
      <c r="CH39" s="327">
        <v>177632</v>
      </c>
      <c r="CI39" s="327">
        <v>220108</v>
      </c>
      <c r="CJ39" s="327">
        <v>0</v>
      </c>
      <c r="CK39" s="328">
        <v>397740</v>
      </c>
      <c r="CL39" s="330">
        <v>397740</v>
      </c>
      <c r="CM39" s="326">
        <v>0</v>
      </c>
      <c r="CN39" s="327">
        <v>0</v>
      </c>
      <c r="CO39" s="328">
        <v>0</v>
      </c>
      <c r="CP39" s="332">
        <v>0</v>
      </c>
      <c r="CQ39" s="327">
        <v>0</v>
      </c>
      <c r="CR39" s="327">
        <v>0</v>
      </c>
      <c r="CS39" s="327">
        <v>177632</v>
      </c>
      <c r="CT39" s="327">
        <v>220108</v>
      </c>
      <c r="CU39" s="327">
        <v>0</v>
      </c>
      <c r="CV39" s="328">
        <v>397740</v>
      </c>
      <c r="CW39" s="330">
        <v>397740</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17220</v>
      </c>
      <c r="DP39" s="327">
        <v>0</v>
      </c>
      <c r="DQ39" s="327">
        <v>0</v>
      </c>
      <c r="DR39" s="328">
        <v>17220</v>
      </c>
      <c r="DS39" s="330">
        <v>17220</v>
      </c>
      <c r="DT39" s="326">
        <v>0</v>
      </c>
      <c r="DU39" s="327">
        <v>0</v>
      </c>
      <c r="DV39" s="328">
        <v>0</v>
      </c>
      <c r="DW39" s="326">
        <v>0</v>
      </c>
      <c r="DX39" s="327">
        <v>0</v>
      </c>
      <c r="DY39" s="327">
        <v>0</v>
      </c>
      <c r="DZ39" s="327">
        <v>17220</v>
      </c>
      <c r="EA39" s="327">
        <v>0</v>
      </c>
      <c r="EB39" s="327">
        <v>0</v>
      </c>
      <c r="EC39" s="328">
        <v>17220</v>
      </c>
      <c r="ED39" s="330">
        <v>1722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404">
        <v>0</v>
      </c>
      <c r="FE39" s="327">
        <v>0</v>
      </c>
      <c r="FF39" s="327">
        <v>0</v>
      </c>
      <c r="FG39" s="327">
        <v>0</v>
      </c>
      <c r="FH39" s="327">
        <v>0</v>
      </c>
      <c r="FI39" s="327">
        <v>0</v>
      </c>
      <c r="FJ39" s="328">
        <v>0</v>
      </c>
      <c r="FK39" s="330">
        <v>0</v>
      </c>
      <c r="FL39" s="326">
        <v>2800</v>
      </c>
      <c r="FM39" s="327">
        <v>0</v>
      </c>
      <c r="FN39" s="328">
        <v>2800</v>
      </c>
      <c r="FO39" s="326">
        <v>0</v>
      </c>
      <c r="FP39" s="327">
        <v>4200</v>
      </c>
      <c r="FQ39" s="327">
        <v>12705</v>
      </c>
      <c r="FR39" s="327">
        <v>0</v>
      </c>
      <c r="FS39" s="327">
        <v>4522</v>
      </c>
      <c r="FT39" s="327">
        <v>0</v>
      </c>
      <c r="FU39" s="328">
        <v>21427</v>
      </c>
      <c r="FV39" s="330">
        <v>24227</v>
      </c>
      <c r="FW39" s="333">
        <v>2800</v>
      </c>
      <c r="FX39" s="327">
        <v>0</v>
      </c>
      <c r="FY39" s="331">
        <v>2800</v>
      </c>
      <c r="FZ39" s="332">
        <v>0</v>
      </c>
      <c r="GA39" s="327">
        <v>4200</v>
      </c>
      <c r="GB39" s="327">
        <v>12705</v>
      </c>
      <c r="GC39" s="327">
        <v>0</v>
      </c>
      <c r="GD39" s="327">
        <v>4522</v>
      </c>
      <c r="GE39" s="327">
        <v>0</v>
      </c>
      <c r="GF39" s="328">
        <v>21427</v>
      </c>
      <c r="GG39" s="334">
        <v>24227</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0</v>
      </c>
      <c r="GX39" s="327">
        <v>0</v>
      </c>
      <c r="GY39" s="327">
        <v>0</v>
      </c>
      <c r="GZ39" s="327">
        <v>0</v>
      </c>
      <c r="HA39" s="327">
        <v>0</v>
      </c>
      <c r="HB39" s="331">
        <v>0</v>
      </c>
      <c r="HC39" s="330">
        <v>0</v>
      </c>
      <c r="HD39" s="326">
        <v>0</v>
      </c>
      <c r="HE39" s="327">
        <v>0</v>
      </c>
      <c r="HF39" s="331">
        <v>0</v>
      </c>
      <c r="HG39" s="332">
        <v>0</v>
      </c>
      <c r="HH39" s="327">
        <v>0</v>
      </c>
      <c r="HI39" s="327">
        <v>308032</v>
      </c>
      <c r="HJ39" s="327">
        <v>168609</v>
      </c>
      <c r="HK39" s="327">
        <v>0</v>
      </c>
      <c r="HL39" s="327">
        <v>0</v>
      </c>
      <c r="HM39" s="328">
        <v>476641</v>
      </c>
      <c r="HN39" s="329">
        <v>476641</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101542</v>
      </c>
      <c r="IE39" s="339">
        <v>0</v>
      </c>
      <c r="IF39" s="337">
        <v>0</v>
      </c>
      <c r="IG39" s="336">
        <v>0</v>
      </c>
      <c r="IH39" s="337">
        <v>0</v>
      </c>
      <c r="II39" s="340">
        <v>101542</v>
      </c>
      <c r="IJ39" s="341">
        <v>101542</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0</v>
      </c>
      <c r="JL39" s="345">
        <v>0</v>
      </c>
      <c r="JM39" s="345">
        <v>0</v>
      </c>
      <c r="JN39" s="345">
        <v>0</v>
      </c>
      <c r="JO39" s="345">
        <v>0</v>
      </c>
      <c r="JP39" s="349">
        <v>0</v>
      </c>
      <c r="JQ39" s="347">
        <v>0</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101542</v>
      </c>
      <c r="KH39" s="345">
        <v>0</v>
      </c>
      <c r="KI39" s="345">
        <v>0</v>
      </c>
      <c r="KJ39" s="345">
        <v>0</v>
      </c>
      <c r="KK39" s="345">
        <v>0</v>
      </c>
      <c r="KL39" s="349">
        <v>101542</v>
      </c>
      <c r="KM39" s="354">
        <v>101542</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0</v>
      </c>
      <c r="MB39" s="345">
        <v>0</v>
      </c>
      <c r="MC39" s="345">
        <v>0</v>
      </c>
      <c r="MD39" s="349">
        <v>0</v>
      </c>
      <c r="ME39" s="350">
        <v>0</v>
      </c>
      <c r="MF39" s="348">
        <v>0</v>
      </c>
      <c r="MG39" s="345">
        <v>0</v>
      </c>
      <c r="MH39" s="349">
        <v>0</v>
      </c>
      <c r="MI39" s="404">
        <v>0</v>
      </c>
      <c r="MJ39" s="345">
        <v>0</v>
      </c>
      <c r="MK39" s="345">
        <v>0</v>
      </c>
      <c r="ML39" s="345">
        <v>0</v>
      </c>
      <c r="MM39" s="345">
        <v>203123</v>
      </c>
      <c r="MN39" s="345">
        <v>0</v>
      </c>
      <c r="MO39" s="349">
        <v>203123</v>
      </c>
      <c r="MP39" s="354">
        <v>203123</v>
      </c>
      <c r="MQ39" s="348">
        <v>0</v>
      </c>
      <c r="MR39" s="345">
        <v>0</v>
      </c>
      <c r="MS39" s="349">
        <v>0</v>
      </c>
      <c r="MT39" s="404">
        <v>0</v>
      </c>
      <c r="MU39" s="345">
        <v>0</v>
      </c>
      <c r="MV39" s="345">
        <v>0</v>
      </c>
      <c r="MW39" s="345">
        <v>0</v>
      </c>
      <c r="MX39" s="345">
        <v>203123</v>
      </c>
      <c r="MY39" s="345">
        <v>0</v>
      </c>
      <c r="MZ39" s="349">
        <v>203123</v>
      </c>
      <c r="NA39" s="354">
        <v>203123</v>
      </c>
      <c r="NB39" s="348">
        <v>0</v>
      </c>
      <c r="NC39" s="345">
        <v>0</v>
      </c>
      <c r="ND39" s="349">
        <v>0</v>
      </c>
      <c r="NE39" s="404">
        <v>0</v>
      </c>
      <c r="NF39" s="345">
        <v>0</v>
      </c>
      <c r="NG39" s="345">
        <v>0</v>
      </c>
      <c r="NH39" s="345">
        <v>0</v>
      </c>
      <c r="NI39" s="345">
        <v>0</v>
      </c>
      <c r="NJ39" s="345">
        <v>0</v>
      </c>
      <c r="NK39" s="349">
        <v>0</v>
      </c>
      <c r="NL39" s="347">
        <v>0</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2800</v>
      </c>
      <c r="OJ39" s="345">
        <v>0</v>
      </c>
      <c r="OK39" s="346">
        <v>2800</v>
      </c>
      <c r="OL39" s="351">
        <v>0</v>
      </c>
      <c r="OM39" s="345">
        <v>197813</v>
      </c>
      <c r="ON39" s="345">
        <v>416413</v>
      </c>
      <c r="OO39" s="345">
        <v>377041</v>
      </c>
      <c r="OP39" s="345">
        <v>427753</v>
      </c>
      <c r="OQ39" s="345">
        <v>0</v>
      </c>
      <c r="OR39" s="349">
        <v>1419020</v>
      </c>
      <c r="OS39" s="354">
        <v>1421820</v>
      </c>
    </row>
    <row r="40" spans="2:409" s="70" customFormat="1" ht="21" customHeight="1" x14ac:dyDescent="0.2">
      <c r="B40" s="106" t="s">
        <v>35</v>
      </c>
      <c r="C40" s="326">
        <v>216111</v>
      </c>
      <c r="D40" s="327">
        <v>277599</v>
      </c>
      <c r="E40" s="328">
        <v>493710</v>
      </c>
      <c r="F40" s="329">
        <v>0</v>
      </c>
      <c r="G40" s="327">
        <v>1009685</v>
      </c>
      <c r="H40" s="327">
        <v>1038162</v>
      </c>
      <c r="I40" s="327">
        <v>1024803</v>
      </c>
      <c r="J40" s="327">
        <v>401772</v>
      </c>
      <c r="K40" s="327">
        <v>547394</v>
      </c>
      <c r="L40" s="367">
        <v>4021816</v>
      </c>
      <c r="M40" s="330">
        <v>4515526</v>
      </c>
      <c r="N40" s="326">
        <v>27160</v>
      </c>
      <c r="O40" s="327">
        <v>114058</v>
      </c>
      <c r="P40" s="328">
        <v>141218</v>
      </c>
      <c r="Q40" s="326">
        <v>0</v>
      </c>
      <c r="R40" s="327">
        <v>203521</v>
      </c>
      <c r="S40" s="327">
        <v>384873</v>
      </c>
      <c r="T40" s="327">
        <v>222870</v>
      </c>
      <c r="U40" s="327">
        <v>18004</v>
      </c>
      <c r="V40" s="327">
        <v>74781</v>
      </c>
      <c r="W40" s="328">
        <v>904049</v>
      </c>
      <c r="X40" s="330">
        <v>1045267</v>
      </c>
      <c r="Y40" s="326">
        <v>0</v>
      </c>
      <c r="Z40" s="327">
        <v>0</v>
      </c>
      <c r="AA40" s="328">
        <v>0</v>
      </c>
      <c r="AB40" s="326">
        <v>0</v>
      </c>
      <c r="AC40" s="327">
        <v>58002</v>
      </c>
      <c r="AD40" s="327">
        <v>211868</v>
      </c>
      <c r="AE40" s="327">
        <v>75422</v>
      </c>
      <c r="AF40" s="327">
        <v>0</v>
      </c>
      <c r="AG40" s="327">
        <v>0</v>
      </c>
      <c r="AH40" s="328">
        <v>345292</v>
      </c>
      <c r="AI40" s="330">
        <v>345292</v>
      </c>
      <c r="AJ40" s="326">
        <v>0</v>
      </c>
      <c r="AK40" s="327">
        <v>0</v>
      </c>
      <c r="AL40" s="328">
        <v>0</v>
      </c>
      <c r="AM40" s="326">
        <v>0</v>
      </c>
      <c r="AN40" s="327">
        <v>0</v>
      </c>
      <c r="AO40" s="327">
        <v>0</v>
      </c>
      <c r="AP40" s="327">
        <v>0</v>
      </c>
      <c r="AQ40" s="327">
        <v>0</v>
      </c>
      <c r="AR40" s="327">
        <v>0</v>
      </c>
      <c r="AS40" s="328">
        <v>0</v>
      </c>
      <c r="AT40" s="330">
        <v>0</v>
      </c>
      <c r="AU40" s="326">
        <v>0</v>
      </c>
      <c r="AV40" s="327">
        <v>33425</v>
      </c>
      <c r="AW40" s="328">
        <v>33425</v>
      </c>
      <c r="AX40" s="326">
        <v>0</v>
      </c>
      <c r="AY40" s="327">
        <v>54778</v>
      </c>
      <c r="AZ40" s="327">
        <v>120974</v>
      </c>
      <c r="BA40" s="327">
        <v>101038</v>
      </c>
      <c r="BB40" s="327">
        <v>0</v>
      </c>
      <c r="BC40" s="327">
        <v>20503</v>
      </c>
      <c r="BD40" s="328">
        <v>297293</v>
      </c>
      <c r="BE40" s="330">
        <v>330718</v>
      </c>
      <c r="BF40" s="326">
        <v>0</v>
      </c>
      <c r="BG40" s="327">
        <v>61712</v>
      </c>
      <c r="BH40" s="331">
        <v>61712</v>
      </c>
      <c r="BI40" s="332">
        <v>0</v>
      </c>
      <c r="BJ40" s="327">
        <v>21980</v>
      </c>
      <c r="BK40" s="327">
        <v>34230</v>
      </c>
      <c r="BL40" s="327">
        <v>0</v>
      </c>
      <c r="BM40" s="327">
        <v>0</v>
      </c>
      <c r="BN40" s="327">
        <v>39564</v>
      </c>
      <c r="BO40" s="328">
        <v>95774</v>
      </c>
      <c r="BP40" s="330">
        <v>157486</v>
      </c>
      <c r="BQ40" s="326">
        <v>27160</v>
      </c>
      <c r="BR40" s="327">
        <v>18921</v>
      </c>
      <c r="BS40" s="328">
        <v>46081</v>
      </c>
      <c r="BT40" s="326">
        <v>0</v>
      </c>
      <c r="BU40" s="327">
        <v>68761</v>
      </c>
      <c r="BV40" s="327">
        <v>17801</v>
      </c>
      <c r="BW40" s="327">
        <v>46410</v>
      </c>
      <c r="BX40" s="327">
        <v>18004</v>
      </c>
      <c r="BY40" s="327">
        <v>14714</v>
      </c>
      <c r="BZ40" s="328">
        <v>165690</v>
      </c>
      <c r="CA40" s="330">
        <v>211771</v>
      </c>
      <c r="CB40" s="326">
        <v>17682</v>
      </c>
      <c r="CC40" s="327">
        <v>64680</v>
      </c>
      <c r="CD40" s="328">
        <v>82362</v>
      </c>
      <c r="CE40" s="326">
        <v>0</v>
      </c>
      <c r="CF40" s="327">
        <v>229901</v>
      </c>
      <c r="CG40" s="327">
        <v>188405</v>
      </c>
      <c r="CH40" s="327">
        <v>283107</v>
      </c>
      <c r="CI40" s="327">
        <v>0</v>
      </c>
      <c r="CJ40" s="327">
        <v>51576</v>
      </c>
      <c r="CK40" s="328">
        <v>752989</v>
      </c>
      <c r="CL40" s="330">
        <v>835351</v>
      </c>
      <c r="CM40" s="326">
        <v>0</v>
      </c>
      <c r="CN40" s="327">
        <v>0</v>
      </c>
      <c r="CO40" s="328">
        <v>0</v>
      </c>
      <c r="CP40" s="332">
        <v>0</v>
      </c>
      <c r="CQ40" s="327">
        <v>171885</v>
      </c>
      <c r="CR40" s="327">
        <v>112665</v>
      </c>
      <c r="CS40" s="327">
        <v>110362</v>
      </c>
      <c r="CT40" s="327">
        <v>0</v>
      </c>
      <c r="CU40" s="327">
        <v>51576</v>
      </c>
      <c r="CV40" s="328">
        <v>446488</v>
      </c>
      <c r="CW40" s="330">
        <v>446488</v>
      </c>
      <c r="CX40" s="326">
        <v>17682</v>
      </c>
      <c r="CY40" s="327">
        <v>64680</v>
      </c>
      <c r="CZ40" s="328">
        <v>82362</v>
      </c>
      <c r="DA40" s="326">
        <v>0</v>
      </c>
      <c r="DB40" s="327">
        <v>58016</v>
      </c>
      <c r="DC40" s="327">
        <v>75740</v>
      </c>
      <c r="DD40" s="327">
        <v>172745</v>
      </c>
      <c r="DE40" s="327">
        <v>0</v>
      </c>
      <c r="DF40" s="327">
        <v>0</v>
      </c>
      <c r="DG40" s="328">
        <v>306501</v>
      </c>
      <c r="DH40" s="330">
        <v>388863</v>
      </c>
      <c r="DI40" s="326">
        <v>0</v>
      </c>
      <c r="DJ40" s="327">
        <v>0</v>
      </c>
      <c r="DK40" s="331">
        <v>0</v>
      </c>
      <c r="DL40" s="332">
        <v>0</v>
      </c>
      <c r="DM40" s="327">
        <v>0</v>
      </c>
      <c r="DN40" s="327">
        <v>30877</v>
      </c>
      <c r="DO40" s="327">
        <v>54404</v>
      </c>
      <c r="DP40" s="327">
        <v>0</v>
      </c>
      <c r="DQ40" s="327">
        <v>157227</v>
      </c>
      <c r="DR40" s="328">
        <v>242508</v>
      </c>
      <c r="DS40" s="330">
        <v>242508</v>
      </c>
      <c r="DT40" s="326">
        <v>0</v>
      </c>
      <c r="DU40" s="327">
        <v>0</v>
      </c>
      <c r="DV40" s="328">
        <v>0</v>
      </c>
      <c r="DW40" s="326">
        <v>0</v>
      </c>
      <c r="DX40" s="327">
        <v>0</v>
      </c>
      <c r="DY40" s="327">
        <v>30877</v>
      </c>
      <c r="DZ40" s="327">
        <v>54404</v>
      </c>
      <c r="EA40" s="327">
        <v>0</v>
      </c>
      <c r="EB40" s="327">
        <v>157227</v>
      </c>
      <c r="EC40" s="328">
        <v>242508</v>
      </c>
      <c r="ED40" s="330">
        <v>242508</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404">
        <v>0</v>
      </c>
      <c r="FE40" s="327">
        <v>0</v>
      </c>
      <c r="FF40" s="327">
        <v>0</v>
      </c>
      <c r="FG40" s="327">
        <v>0</v>
      </c>
      <c r="FH40" s="327">
        <v>0</v>
      </c>
      <c r="FI40" s="327">
        <v>0</v>
      </c>
      <c r="FJ40" s="328">
        <v>0</v>
      </c>
      <c r="FK40" s="330">
        <v>0</v>
      </c>
      <c r="FL40" s="326">
        <v>22848</v>
      </c>
      <c r="FM40" s="327">
        <v>15680</v>
      </c>
      <c r="FN40" s="328">
        <v>38528</v>
      </c>
      <c r="FO40" s="326">
        <v>0</v>
      </c>
      <c r="FP40" s="327">
        <v>9380</v>
      </c>
      <c r="FQ40" s="327">
        <v>130879</v>
      </c>
      <c r="FR40" s="327">
        <v>129710</v>
      </c>
      <c r="FS40" s="327">
        <v>0</v>
      </c>
      <c r="FT40" s="327">
        <v>45850</v>
      </c>
      <c r="FU40" s="328">
        <v>315819</v>
      </c>
      <c r="FV40" s="330">
        <v>354347</v>
      </c>
      <c r="FW40" s="333">
        <v>22848</v>
      </c>
      <c r="FX40" s="327">
        <v>15680</v>
      </c>
      <c r="FY40" s="331">
        <v>38528</v>
      </c>
      <c r="FZ40" s="332">
        <v>0</v>
      </c>
      <c r="GA40" s="327">
        <v>9380</v>
      </c>
      <c r="GB40" s="327">
        <v>108010</v>
      </c>
      <c r="GC40" s="327">
        <v>129710</v>
      </c>
      <c r="GD40" s="327">
        <v>0</v>
      </c>
      <c r="GE40" s="327">
        <v>45850</v>
      </c>
      <c r="GF40" s="328">
        <v>292950</v>
      </c>
      <c r="GG40" s="334">
        <v>331478</v>
      </c>
      <c r="GH40" s="333">
        <v>0</v>
      </c>
      <c r="GI40" s="327">
        <v>0</v>
      </c>
      <c r="GJ40" s="331">
        <v>0</v>
      </c>
      <c r="GK40" s="332">
        <v>0</v>
      </c>
      <c r="GL40" s="327">
        <v>0</v>
      </c>
      <c r="GM40" s="327">
        <v>22869</v>
      </c>
      <c r="GN40" s="327">
        <v>0</v>
      </c>
      <c r="GO40" s="327">
        <v>0</v>
      </c>
      <c r="GP40" s="327">
        <v>0</v>
      </c>
      <c r="GQ40" s="328">
        <v>22869</v>
      </c>
      <c r="GR40" s="330">
        <v>22869</v>
      </c>
      <c r="GS40" s="326">
        <v>0</v>
      </c>
      <c r="GT40" s="327">
        <v>0</v>
      </c>
      <c r="GU40" s="328">
        <v>0</v>
      </c>
      <c r="GV40" s="326">
        <v>0</v>
      </c>
      <c r="GW40" s="327">
        <v>0</v>
      </c>
      <c r="GX40" s="327">
        <v>0</v>
      </c>
      <c r="GY40" s="327">
        <v>0</v>
      </c>
      <c r="GZ40" s="327">
        <v>0</v>
      </c>
      <c r="HA40" s="327">
        <v>0</v>
      </c>
      <c r="HB40" s="331">
        <v>0</v>
      </c>
      <c r="HC40" s="330">
        <v>0</v>
      </c>
      <c r="HD40" s="326">
        <v>148421</v>
      </c>
      <c r="HE40" s="327">
        <v>83181</v>
      </c>
      <c r="HF40" s="331">
        <v>231602</v>
      </c>
      <c r="HG40" s="332">
        <v>0</v>
      </c>
      <c r="HH40" s="327">
        <v>566883</v>
      </c>
      <c r="HI40" s="327">
        <v>303128</v>
      </c>
      <c r="HJ40" s="327">
        <v>334712</v>
      </c>
      <c r="HK40" s="327">
        <v>383768</v>
      </c>
      <c r="HL40" s="327">
        <v>217960</v>
      </c>
      <c r="HM40" s="328">
        <v>1806451</v>
      </c>
      <c r="HN40" s="329">
        <v>2038053</v>
      </c>
      <c r="HO40" s="333">
        <v>0</v>
      </c>
      <c r="HP40" s="327">
        <v>0</v>
      </c>
      <c r="HQ40" s="328">
        <v>0</v>
      </c>
      <c r="HR40" s="326">
        <v>0</v>
      </c>
      <c r="HS40" s="327">
        <v>0</v>
      </c>
      <c r="HT40" s="327">
        <v>0</v>
      </c>
      <c r="HU40" s="327">
        <v>0</v>
      </c>
      <c r="HV40" s="327">
        <v>0</v>
      </c>
      <c r="HW40" s="327">
        <v>0</v>
      </c>
      <c r="HX40" s="331">
        <v>0</v>
      </c>
      <c r="HY40" s="330">
        <v>0</v>
      </c>
      <c r="HZ40" s="358">
        <v>28000</v>
      </c>
      <c r="IA40" s="356">
        <v>0</v>
      </c>
      <c r="IB40" s="358">
        <v>28000</v>
      </c>
      <c r="IC40" s="338">
        <v>0</v>
      </c>
      <c r="ID40" s="336">
        <v>224611</v>
      </c>
      <c r="IE40" s="339">
        <v>0</v>
      </c>
      <c r="IF40" s="337">
        <v>0</v>
      </c>
      <c r="IG40" s="336">
        <v>0</v>
      </c>
      <c r="IH40" s="337">
        <v>0</v>
      </c>
      <c r="II40" s="340">
        <v>224611</v>
      </c>
      <c r="IJ40" s="358">
        <v>252611</v>
      </c>
      <c r="IK40" s="342">
        <v>0</v>
      </c>
      <c r="IL40" s="343">
        <v>0</v>
      </c>
      <c r="IM40" s="344">
        <v>0</v>
      </c>
      <c r="IN40" s="404">
        <v>0</v>
      </c>
      <c r="IO40" s="345">
        <v>0</v>
      </c>
      <c r="IP40" s="345">
        <v>0</v>
      </c>
      <c r="IQ40" s="345">
        <v>0</v>
      </c>
      <c r="IR40" s="345">
        <v>0</v>
      </c>
      <c r="IS40" s="345">
        <v>0</v>
      </c>
      <c r="IT40" s="346">
        <v>0</v>
      </c>
      <c r="IU40" s="347">
        <v>0</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20883</v>
      </c>
      <c r="JL40" s="345">
        <v>0</v>
      </c>
      <c r="JM40" s="345">
        <v>0</v>
      </c>
      <c r="JN40" s="345">
        <v>0</v>
      </c>
      <c r="JO40" s="345">
        <v>0</v>
      </c>
      <c r="JP40" s="349">
        <v>20883</v>
      </c>
      <c r="JQ40" s="347">
        <v>20883</v>
      </c>
      <c r="JR40" s="348">
        <v>0</v>
      </c>
      <c r="JS40" s="345">
        <v>0</v>
      </c>
      <c r="JT40" s="346">
        <v>0</v>
      </c>
      <c r="JU40" s="351">
        <v>0</v>
      </c>
      <c r="JV40" s="345">
        <v>0</v>
      </c>
      <c r="JW40" s="345">
        <v>0</v>
      </c>
      <c r="JX40" s="345">
        <v>0</v>
      </c>
      <c r="JY40" s="345">
        <v>0</v>
      </c>
      <c r="JZ40" s="345">
        <v>0</v>
      </c>
      <c r="KA40" s="349">
        <v>0</v>
      </c>
      <c r="KB40" s="347">
        <v>0</v>
      </c>
      <c r="KC40" s="352">
        <v>28000</v>
      </c>
      <c r="KD40" s="353">
        <v>0</v>
      </c>
      <c r="KE40" s="349">
        <v>28000</v>
      </c>
      <c r="KF40" s="351">
        <v>0</v>
      </c>
      <c r="KG40" s="345">
        <v>0</v>
      </c>
      <c r="KH40" s="345">
        <v>0</v>
      </c>
      <c r="KI40" s="345">
        <v>0</v>
      </c>
      <c r="KJ40" s="345">
        <v>0</v>
      </c>
      <c r="KK40" s="345">
        <v>0</v>
      </c>
      <c r="KL40" s="349">
        <v>0</v>
      </c>
      <c r="KM40" s="354">
        <v>28000</v>
      </c>
      <c r="KN40" s="342">
        <v>0</v>
      </c>
      <c r="KO40" s="343">
        <v>0</v>
      </c>
      <c r="KP40" s="344">
        <v>0</v>
      </c>
      <c r="KQ40" s="404">
        <v>0</v>
      </c>
      <c r="KR40" s="345">
        <v>203728</v>
      </c>
      <c r="KS40" s="345">
        <v>0</v>
      </c>
      <c r="KT40" s="345">
        <v>0</v>
      </c>
      <c r="KU40" s="345">
        <v>0</v>
      </c>
      <c r="KV40" s="345">
        <v>0</v>
      </c>
      <c r="KW40" s="349">
        <v>203728</v>
      </c>
      <c r="KX40" s="347">
        <v>203728</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174734</v>
      </c>
      <c r="MK40" s="345">
        <v>0</v>
      </c>
      <c r="ML40" s="345">
        <v>0</v>
      </c>
      <c r="MM40" s="345">
        <v>240765</v>
      </c>
      <c r="MN40" s="345">
        <v>0</v>
      </c>
      <c r="MO40" s="349">
        <v>415499</v>
      </c>
      <c r="MP40" s="354">
        <v>415499</v>
      </c>
      <c r="MQ40" s="348">
        <v>0</v>
      </c>
      <c r="MR40" s="345">
        <v>0</v>
      </c>
      <c r="MS40" s="349">
        <v>0</v>
      </c>
      <c r="MT40" s="404">
        <v>0</v>
      </c>
      <c r="MU40" s="345">
        <v>0</v>
      </c>
      <c r="MV40" s="345">
        <v>0</v>
      </c>
      <c r="MW40" s="345">
        <v>0</v>
      </c>
      <c r="MX40" s="345">
        <v>240765</v>
      </c>
      <c r="MY40" s="345">
        <v>0</v>
      </c>
      <c r="MZ40" s="349">
        <v>240765</v>
      </c>
      <c r="NA40" s="354">
        <v>240765</v>
      </c>
      <c r="NB40" s="348">
        <v>0</v>
      </c>
      <c r="NC40" s="345">
        <v>0</v>
      </c>
      <c r="ND40" s="349">
        <v>0</v>
      </c>
      <c r="NE40" s="404">
        <v>0</v>
      </c>
      <c r="NF40" s="345">
        <v>174734</v>
      </c>
      <c r="NG40" s="345">
        <v>0</v>
      </c>
      <c r="NH40" s="345">
        <v>0</v>
      </c>
      <c r="NI40" s="345">
        <v>0</v>
      </c>
      <c r="NJ40" s="345">
        <v>0</v>
      </c>
      <c r="NK40" s="349">
        <v>174734</v>
      </c>
      <c r="NL40" s="347">
        <v>174734</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244111</v>
      </c>
      <c r="OJ40" s="345">
        <v>277599</v>
      </c>
      <c r="OK40" s="346">
        <v>521710</v>
      </c>
      <c r="OL40" s="351">
        <v>0</v>
      </c>
      <c r="OM40" s="345">
        <v>1409030</v>
      </c>
      <c r="ON40" s="345">
        <v>1038162</v>
      </c>
      <c r="OO40" s="345">
        <v>1024803</v>
      </c>
      <c r="OP40" s="345">
        <v>642537</v>
      </c>
      <c r="OQ40" s="345">
        <v>547394</v>
      </c>
      <c r="OR40" s="349">
        <v>4661926</v>
      </c>
      <c r="OS40" s="354">
        <v>5183636</v>
      </c>
    </row>
    <row r="41" spans="2:409" s="70" customFormat="1" ht="21" customHeight="1" x14ac:dyDescent="0.2">
      <c r="B41" s="106" t="s">
        <v>36</v>
      </c>
      <c r="C41" s="326">
        <v>4018</v>
      </c>
      <c r="D41" s="327">
        <v>30867</v>
      </c>
      <c r="E41" s="328">
        <v>34885</v>
      </c>
      <c r="F41" s="329">
        <v>0</v>
      </c>
      <c r="G41" s="327">
        <v>506022</v>
      </c>
      <c r="H41" s="327">
        <v>1424353</v>
      </c>
      <c r="I41" s="327">
        <v>346700</v>
      </c>
      <c r="J41" s="327">
        <v>801628</v>
      </c>
      <c r="K41" s="327">
        <v>0</v>
      </c>
      <c r="L41" s="367">
        <v>3078703</v>
      </c>
      <c r="M41" s="330">
        <v>3113588</v>
      </c>
      <c r="N41" s="326">
        <v>4018</v>
      </c>
      <c r="O41" s="327">
        <v>11617</v>
      </c>
      <c r="P41" s="328">
        <v>15635</v>
      </c>
      <c r="Q41" s="326">
        <v>0</v>
      </c>
      <c r="R41" s="327">
        <v>172877</v>
      </c>
      <c r="S41" s="327">
        <v>521645</v>
      </c>
      <c r="T41" s="327">
        <v>80866</v>
      </c>
      <c r="U41" s="327">
        <v>82458</v>
      </c>
      <c r="V41" s="327">
        <v>0</v>
      </c>
      <c r="W41" s="328">
        <v>857846</v>
      </c>
      <c r="X41" s="330">
        <v>873481</v>
      </c>
      <c r="Y41" s="326">
        <v>0</v>
      </c>
      <c r="Z41" s="327">
        <v>0</v>
      </c>
      <c r="AA41" s="328">
        <v>0</v>
      </c>
      <c r="AB41" s="326">
        <v>0</v>
      </c>
      <c r="AC41" s="327">
        <v>43696</v>
      </c>
      <c r="AD41" s="327">
        <v>354990</v>
      </c>
      <c r="AE41" s="327">
        <v>35749</v>
      </c>
      <c r="AF41" s="327">
        <v>0</v>
      </c>
      <c r="AG41" s="327">
        <v>0</v>
      </c>
      <c r="AH41" s="328">
        <v>434435</v>
      </c>
      <c r="AI41" s="330">
        <v>434435</v>
      </c>
      <c r="AJ41" s="326">
        <v>0</v>
      </c>
      <c r="AK41" s="327">
        <v>0</v>
      </c>
      <c r="AL41" s="328">
        <v>0</v>
      </c>
      <c r="AM41" s="326">
        <v>0</v>
      </c>
      <c r="AN41" s="327">
        <v>0</v>
      </c>
      <c r="AO41" s="327">
        <v>0</v>
      </c>
      <c r="AP41" s="327">
        <v>0</v>
      </c>
      <c r="AQ41" s="327">
        <v>0</v>
      </c>
      <c r="AR41" s="327">
        <v>0</v>
      </c>
      <c r="AS41" s="328">
        <v>0</v>
      </c>
      <c r="AT41" s="330">
        <v>0</v>
      </c>
      <c r="AU41" s="326">
        <v>0</v>
      </c>
      <c r="AV41" s="327">
        <v>11617</v>
      </c>
      <c r="AW41" s="328">
        <v>11617</v>
      </c>
      <c r="AX41" s="326">
        <v>0</v>
      </c>
      <c r="AY41" s="327">
        <v>55446</v>
      </c>
      <c r="AZ41" s="327">
        <v>77496</v>
      </c>
      <c r="BA41" s="327">
        <v>6365</v>
      </c>
      <c r="BB41" s="327">
        <v>34746</v>
      </c>
      <c r="BC41" s="327">
        <v>0</v>
      </c>
      <c r="BD41" s="328">
        <v>174053</v>
      </c>
      <c r="BE41" s="330">
        <v>185670</v>
      </c>
      <c r="BF41" s="326">
        <v>0</v>
      </c>
      <c r="BG41" s="327">
        <v>0</v>
      </c>
      <c r="BH41" s="331">
        <v>0</v>
      </c>
      <c r="BI41" s="332">
        <v>0</v>
      </c>
      <c r="BJ41" s="327">
        <v>32463</v>
      </c>
      <c r="BK41" s="327">
        <v>0</v>
      </c>
      <c r="BL41" s="327">
        <v>0</v>
      </c>
      <c r="BM41" s="327">
        <v>0</v>
      </c>
      <c r="BN41" s="327">
        <v>0</v>
      </c>
      <c r="BO41" s="328">
        <v>32463</v>
      </c>
      <c r="BP41" s="330">
        <v>32463</v>
      </c>
      <c r="BQ41" s="326">
        <v>4018</v>
      </c>
      <c r="BR41" s="327">
        <v>0</v>
      </c>
      <c r="BS41" s="328">
        <v>4018</v>
      </c>
      <c r="BT41" s="326">
        <v>0</v>
      </c>
      <c r="BU41" s="327">
        <v>41272</v>
      </c>
      <c r="BV41" s="327">
        <v>89159</v>
      </c>
      <c r="BW41" s="327">
        <v>38752</v>
      </c>
      <c r="BX41" s="327">
        <v>47712</v>
      </c>
      <c r="BY41" s="327">
        <v>0</v>
      </c>
      <c r="BZ41" s="328">
        <v>216895</v>
      </c>
      <c r="CA41" s="330">
        <v>220913</v>
      </c>
      <c r="CB41" s="326">
        <v>0</v>
      </c>
      <c r="CC41" s="327">
        <v>0</v>
      </c>
      <c r="CD41" s="328">
        <v>0</v>
      </c>
      <c r="CE41" s="326">
        <v>0</v>
      </c>
      <c r="CF41" s="327">
        <v>16893</v>
      </c>
      <c r="CG41" s="327">
        <v>297072</v>
      </c>
      <c r="CH41" s="327">
        <v>80761</v>
      </c>
      <c r="CI41" s="327">
        <v>203225</v>
      </c>
      <c r="CJ41" s="327">
        <v>0</v>
      </c>
      <c r="CK41" s="328">
        <v>597951</v>
      </c>
      <c r="CL41" s="330">
        <v>597951</v>
      </c>
      <c r="CM41" s="326">
        <v>0</v>
      </c>
      <c r="CN41" s="327">
        <v>0</v>
      </c>
      <c r="CO41" s="328">
        <v>0</v>
      </c>
      <c r="CP41" s="332">
        <v>0</v>
      </c>
      <c r="CQ41" s="327">
        <v>16893</v>
      </c>
      <c r="CR41" s="327">
        <v>297072</v>
      </c>
      <c r="CS41" s="327">
        <v>0</v>
      </c>
      <c r="CT41" s="327">
        <v>203225</v>
      </c>
      <c r="CU41" s="327">
        <v>0</v>
      </c>
      <c r="CV41" s="328">
        <v>517190</v>
      </c>
      <c r="CW41" s="330">
        <v>517190</v>
      </c>
      <c r="CX41" s="326">
        <v>0</v>
      </c>
      <c r="CY41" s="327">
        <v>0</v>
      </c>
      <c r="CZ41" s="328">
        <v>0</v>
      </c>
      <c r="DA41" s="326">
        <v>0</v>
      </c>
      <c r="DB41" s="327">
        <v>0</v>
      </c>
      <c r="DC41" s="327">
        <v>0</v>
      </c>
      <c r="DD41" s="327">
        <v>80761</v>
      </c>
      <c r="DE41" s="327">
        <v>0</v>
      </c>
      <c r="DF41" s="327">
        <v>0</v>
      </c>
      <c r="DG41" s="328">
        <v>80761</v>
      </c>
      <c r="DH41" s="330">
        <v>80761</v>
      </c>
      <c r="DI41" s="326">
        <v>0</v>
      </c>
      <c r="DJ41" s="327">
        <v>0</v>
      </c>
      <c r="DK41" s="331">
        <v>0</v>
      </c>
      <c r="DL41" s="332">
        <v>0</v>
      </c>
      <c r="DM41" s="327">
        <v>0</v>
      </c>
      <c r="DN41" s="327">
        <v>147557</v>
      </c>
      <c r="DO41" s="327">
        <v>0</v>
      </c>
      <c r="DP41" s="327">
        <v>82253</v>
      </c>
      <c r="DQ41" s="327">
        <v>0</v>
      </c>
      <c r="DR41" s="328">
        <v>229810</v>
      </c>
      <c r="DS41" s="330">
        <v>229810</v>
      </c>
      <c r="DT41" s="326">
        <v>0</v>
      </c>
      <c r="DU41" s="327">
        <v>0</v>
      </c>
      <c r="DV41" s="328">
        <v>0</v>
      </c>
      <c r="DW41" s="326">
        <v>0</v>
      </c>
      <c r="DX41" s="327">
        <v>0</v>
      </c>
      <c r="DY41" s="327">
        <v>147557</v>
      </c>
      <c r="DZ41" s="327">
        <v>0</v>
      </c>
      <c r="EA41" s="327">
        <v>82253</v>
      </c>
      <c r="EB41" s="327">
        <v>0</v>
      </c>
      <c r="EC41" s="328">
        <v>229810</v>
      </c>
      <c r="ED41" s="330">
        <v>229810</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404">
        <v>0</v>
      </c>
      <c r="FE41" s="327">
        <v>0</v>
      </c>
      <c r="FF41" s="327">
        <v>0</v>
      </c>
      <c r="FG41" s="327">
        <v>0</v>
      </c>
      <c r="FH41" s="327">
        <v>0</v>
      </c>
      <c r="FI41" s="327">
        <v>0</v>
      </c>
      <c r="FJ41" s="328">
        <v>0</v>
      </c>
      <c r="FK41" s="330">
        <v>0</v>
      </c>
      <c r="FL41" s="326">
        <v>0</v>
      </c>
      <c r="FM41" s="327">
        <v>19250</v>
      </c>
      <c r="FN41" s="328">
        <v>19250</v>
      </c>
      <c r="FO41" s="326">
        <v>0</v>
      </c>
      <c r="FP41" s="327">
        <v>31430</v>
      </c>
      <c r="FQ41" s="327">
        <v>128863</v>
      </c>
      <c r="FR41" s="327">
        <v>10920</v>
      </c>
      <c r="FS41" s="327">
        <v>52878</v>
      </c>
      <c r="FT41" s="327">
        <v>0</v>
      </c>
      <c r="FU41" s="328">
        <v>224091</v>
      </c>
      <c r="FV41" s="330">
        <v>243341</v>
      </c>
      <c r="FW41" s="333">
        <v>0</v>
      </c>
      <c r="FX41" s="327">
        <v>19250</v>
      </c>
      <c r="FY41" s="331">
        <v>19250</v>
      </c>
      <c r="FZ41" s="332">
        <v>0</v>
      </c>
      <c r="GA41" s="327">
        <v>31430</v>
      </c>
      <c r="GB41" s="327">
        <v>128863</v>
      </c>
      <c r="GC41" s="327">
        <v>10920</v>
      </c>
      <c r="GD41" s="327">
        <v>52878</v>
      </c>
      <c r="GE41" s="327">
        <v>0</v>
      </c>
      <c r="GF41" s="328">
        <v>224091</v>
      </c>
      <c r="GG41" s="334">
        <v>243341</v>
      </c>
      <c r="GH41" s="333">
        <v>0</v>
      </c>
      <c r="GI41" s="327">
        <v>0</v>
      </c>
      <c r="GJ41" s="331">
        <v>0</v>
      </c>
      <c r="GK41" s="332">
        <v>0</v>
      </c>
      <c r="GL41" s="327">
        <v>0</v>
      </c>
      <c r="GM41" s="327">
        <v>0</v>
      </c>
      <c r="GN41" s="327">
        <v>0</v>
      </c>
      <c r="GO41" s="327">
        <v>0</v>
      </c>
      <c r="GP41" s="327">
        <v>0</v>
      </c>
      <c r="GQ41" s="328">
        <v>0</v>
      </c>
      <c r="GR41" s="330">
        <v>0</v>
      </c>
      <c r="GS41" s="326">
        <v>0</v>
      </c>
      <c r="GT41" s="327">
        <v>0</v>
      </c>
      <c r="GU41" s="328">
        <v>0</v>
      </c>
      <c r="GV41" s="326">
        <v>0</v>
      </c>
      <c r="GW41" s="327">
        <v>0</v>
      </c>
      <c r="GX41" s="327">
        <v>0</v>
      </c>
      <c r="GY41" s="327">
        <v>0</v>
      </c>
      <c r="GZ41" s="327">
        <v>0</v>
      </c>
      <c r="HA41" s="327">
        <v>0</v>
      </c>
      <c r="HB41" s="331">
        <v>0</v>
      </c>
      <c r="HC41" s="330">
        <v>0</v>
      </c>
      <c r="HD41" s="326">
        <v>0</v>
      </c>
      <c r="HE41" s="327">
        <v>0</v>
      </c>
      <c r="HF41" s="331">
        <v>0</v>
      </c>
      <c r="HG41" s="332">
        <v>0</v>
      </c>
      <c r="HH41" s="327">
        <v>284822</v>
      </c>
      <c r="HI41" s="327">
        <v>329216</v>
      </c>
      <c r="HJ41" s="327">
        <v>174153</v>
      </c>
      <c r="HK41" s="327">
        <v>380814</v>
      </c>
      <c r="HL41" s="327">
        <v>0</v>
      </c>
      <c r="HM41" s="328">
        <v>1169005</v>
      </c>
      <c r="HN41" s="329">
        <v>1169005</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44306</v>
      </c>
      <c r="IE41" s="339">
        <v>227796</v>
      </c>
      <c r="IF41" s="337">
        <v>234248</v>
      </c>
      <c r="IG41" s="336">
        <v>0</v>
      </c>
      <c r="IH41" s="337">
        <v>0</v>
      </c>
      <c r="II41" s="340">
        <v>506350</v>
      </c>
      <c r="IJ41" s="341">
        <v>506350</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44306</v>
      </c>
      <c r="JL41" s="345">
        <v>0</v>
      </c>
      <c r="JM41" s="345">
        <v>0</v>
      </c>
      <c r="JN41" s="345">
        <v>0</v>
      </c>
      <c r="JO41" s="345">
        <v>0</v>
      </c>
      <c r="JP41" s="349">
        <v>44306</v>
      </c>
      <c r="JQ41" s="347">
        <v>44306</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0</v>
      </c>
      <c r="KI41" s="345">
        <v>0</v>
      </c>
      <c r="KJ41" s="345">
        <v>0</v>
      </c>
      <c r="KK41" s="345">
        <v>0</v>
      </c>
      <c r="KL41" s="349">
        <v>0</v>
      </c>
      <c r="KM41" s="354">
        <v>0</v>
      </c>
      <c r="KN41" s="342">
        <v>0</v>
      </c>
      <c r="KO41" s="343">
        <v>0</v>
      </c>
      <c r="KP41" s="344">
        <v>0</v>
      </c>
      <c r="KQ41" s="404">
        <v>0</v>
      </c>
      <c r="KR41" s="345">
        <v>0</v>
      </c>
      <c r="KS41" s="345">
        <v>227796</v>
      </c>
      <c r="KT41" s="345">
        <v>234248</v>
      </c>
      <c r="KU41" s="345">
        <v>0</v>
      </c>
      <c r="KV41" s="345">
        <v>0</v>
      </c>
      <c r="KW41" s="349">
        <v>462044</v>
      </c>
      <c r="KX41" s="347">
        <v>462044</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211571</v>
      </c>
      <c r="MM41" s="345">
        <v>0</v>
      </c>
      <c r="MN41" s="345">
        <v>248504</v>
      </c>
      <c r="MO41" s="349">
        <v>460075</v>
      </c>
      <c r="MP41" s="354">
        <v>460075</v>
      </c>
      <c r="MQ41" s="348">
        <v>0</v>
      </c>
      <c r="MR41" s="345">
        <v>0</v>
      </c>
      <c r="MS41" s="349">
        <v>0</v>
      </c>
      <c r="MT41" s="404">
        <v>0</v>
      </c>
      <c r="MU41" s="345">
        <v>0</v>
      </c>
      <c r="MV41" s="345">
        <v>0</v>
      </c>
      <c r="MW41" s="345">
        <v>211571</v>
      </c>
      <c r="MX41" s="345">
        <v>0</v>
      </c>
      <c r="MY41" s="345">
        <v>248504</v>
      </c>
      <c r="MZ41" s="349">
        <v>460075</v>
      </c>
      <c r="NA41" s="354">
        <v>460075</v>
      </c>
      <c r="NB41" s="348">
        <v>0</v>
      </c>
      <c r="NC41" s="345">
        <v>0</v>
      </c>
      <c r="ND41" s="349">
        <v>0</v>
      </c>
      <c r="NE41" s="404">
        <v>0</v>
      </c>
      <c r="NF41" s="345">
        <v>0</v>
      </c>
      <c r="NG41" s="345">
        <v>0</v>
      </c>
      <c r="NH41" s="345">
        <v>0</v>
      </c>
      <c r="NI41" s="345">
        <v>0</v>
      </c>
      <c r="NJ41" s="345">
        <v>0</v>
      </c>
      <c r="NK41" s="349">
        <v>0</v>
      </c>
      <c r="NL41" s="347">
        <v>0</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0</v>
      </c>
      <c r="OF41" s="345">
        <v>0</v>
      </c>
      <c r="OG41" s="349">
        <v>0</v>
      </c>
      <c r="OH41" s="350">
        <v>0</v>
      </c>
      <c r="OI41" s="348">
        <v>4018</v>
      </c>
      <c r="OJ41" s="345">
        <v>30867</v>
      </c>
      <c r="OK41" s="346">
        <v>34885</v>
      </c>
      <c r="OL41" s="351">
        <v>0</v>
      </c>
      <c r="OM41" s="345">
        <v>550328</v>
      </c>
      <c r="ON41" s="345">
        <v>1652149</v>
      </c>
      <c r="OO41" s="345">
        <v>792519</v>
      </c>
      <c r="OP41" s="345">
        <v>801628</v>
      </c>
      <c r="OQ41" s="345">
        <v>248504</v>
      </c>
      <c r="OR41" s="349">
        <v>4045128</v>
      </c>
      <c r="OS41" s="354">
        <v>4080013</v>
      </c>
    </row>
    <row r="42" spans="2:409" s="70" customFormat="1" ht="21" customHeight="1" thickBot="1" x14ac:dyDescent="0.25">
      <c r="B42" s="108" t="s">
        <v>37</v>
      </c>
      <c r="C42" s="371">
        <v>0</v>
      </c>
      <c r="D42" s="372">
        <v>0</v>
      </c>
      <c r="E42" s="373">
        <v>0</v>
      </c>
      <c r="F42" s="374">
        <v>0</v>
      </c>
      <c r="G42" s="372">
        <v>0</v>
      </c>
      <c r="H42" s="372">
        <v>83257</v>
      </c>
      <c r="I42" s="372">
        <v>0</v>
      </c>
      <c r="J42" s="372">
        <v>0</v>
      </c>
      <c r="K42" s="372">
        <v>185100</v>
      </c>
      <c r="L42" s="374">
        <v>268357</v>
      </c>
      <c r="M42" s="375">
        <v>268357</v>
      </c>
      <c r="N42" s="371">
        <v>0</v>
      </c>
      <c r="O42" s="372">
        <v>0</v>
      </c>
      <c r="P42" s="373">
        <v>0</v>
      </c>
      <c r="Q42" s="371">
        <v>0</v>
      </c>
      <c r="R42" s="372">
        <v>0</v>
      </c>
      <c r="S42" s="372">
        <v>49506</v>
      </c>
      <c r="T42" s="372">
        <v>0</v>
      </c>
      <c r="U42" s="372">
        <v>0</v>
      </c>
      <c r="V42" s="372">
        <v>57096</v>
      </c>
      <c r="W42" s="373">
        <v>106602</v>
      </c>
      <c r="X42" s="375">
        <v>106602</v>
      </c>
      <c r="Y42" s="371">
        <v>0</v>
      </c>
      <c r="Z42" s="372">
        <v>0</v>
      </c>
      <c r="AA42" s="373">
        <v>0</v>
      </c>
      <c r="AB42" s="371">
        <v>0</v>
      </c>
      <c r="AC42" s="372">
        <v>0</v>
      </c>
      <c r="AD42" s="372">
        <v>0</v>
      </c>
      <c r="AE42" s="372">
        <v>0</v>
      </c>
      <c r="AF42" s="372">
        <v>0</v>
      </c>
      <c r="AG42" s="372">
        <v>15461</v>
      </c>
      <c r="AH42" s="373">
        <v>15461</v>
      </c>
      <c r="AI42" s="375">
        <v>15461</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49506</v>
      </c>
      <c r="BA42" s="372">
        <v>0</v>
      </c>
      <c r="BB42" s="372">
        <v>0</v>
      </c>
      <c r="BC42" s="372">
        <v>30197</v>
      </c>
      <c r="BD42" s="373">
        <v>79703</v>
      </c>
      <c r="BE42" s="375">
        <v>79703</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11438</v>
      </c>
      <c r="BZ42" s="373">
        <v>11438</v>
      </c>
      <c r="CA42" s="375">
        <v>11438</v>
      </c>
      <c r="CB42" s="371">
        <v>0</v>
      </c>
      <c r="CC42" s="372">
        <v>0</v>
      </c>
      <c r="CD42" s="373">
        <v>0</v>
      </c>
      <c r="CE42" s="371">
        <v>0</v>
      </c>
      <c r="CF42" s="372">
        <v>0</v>
      </c>
      <c r="CG42" s="372">
        <v>22159</v>
      </c>
      <c r="CH42" s="372">
        <v>0</v>
      </c>
      <c r="CI42" s="372">
        <v>0</v>
      </c>
      <c r="CJ42" s="372">
        <v>0</v>
      </c>
      <c r="CK42" s="373">
        <v>22159</v>
      </c>
      <c r="CL42" s="375">
        <v>22159</v>
      </c>
      <c r="CM42" s="371">
        <v>0</v>
      </c>
      <c r="CN42" s="372">
        <v>0</v>
      </c>
      <c r="CO42" s="373">
        <v>0</v>
      </c>
      <c r="CP42" s="377">
        <v>0</v>
      </c>
      <c r="CQ42" s="372">
        <v>0</v>
      </c>
      <c r="CR42" s="372">
        <v>22159</v>
      </c>
      <c r="CS42" s="372">
        <v>0</v>
      </c>
      <c r="CT42" s="372">
        <v>0</v>
      </c>
      <c r="CU42" s="372">
        <v>0</v>
      </c>
      <c r="CV42" s="373">
        <v>22159</v>
      </c>
      <c r="CW42" s="375">
        <v>22159</v>
      </c>
      <c r="CX42" s="371">
        <v>0</v>
      </c>
      <c r="CY42" s="372">
        <v>0</v>
      </c>
      <c r="CZ42" s="373">
        <v>0</v>
      </c>
      <c r="DA42" s="371">
        <v>0</v>
      </c>
      <c r="DB42" s="372">
        <v>0</v>
      </c>
      <c r="DC42" s="372">
        <v>0</v>
      </c>
      <c r="DD42" s="372">
        <v>0</v>
      </c>
      <c r="DE42" s="372">
        <v>0</v>
      </c>
      <c r="DF42" s="372">
        <v>0</v>
      </c>
      <c r="DG42" s="373">
        <v>0</v>
      </c>
      <c r="DH42" s="375">
        <v>0</v>
      </c>
      <c r="DI42" s="371">
        <v>0</v>
      </c>
      <c r="DJ42" s="372">
        <v>0</v>
      </c>
      <c r="DK42" s="376">
        <v>0</v>
      </c>
      <c r="DL42" s="377">
        <v>0</v>
      </c>
      <c r="DM42" s="372">
        <v>0</v>
      </c>
      <c r="DN42" s="372">
        <v>0</v>
      </c>
      <c r="DO42" s="372">
        <v>0</v>
      </c>
      <c r="DP42" s="372">
        <v>0</v>
      </c>
      <c r="DQ42" s="372">
        <v>91744</v>
      </c>
      <c r="DR42" s="373">
        <v>91744</v>
      </c>
      <c r="DS42" s="375">
        <v>91744</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91744</v>
      </c>
      <c r="EN42" s="376">
        <v>91744</v>
      </c>
      <c r="EO42" s="375">
        <v>91744</v>
      </c>
      <c r="EP42" s="371">
        <v>0</v>
      </c>
      <c r="EQ42" s="372">
        <v>0</v>
      </c>
      <c r="ER42" s="376">
        <v>0</v>
      </c>
      <c r="ES42" s="377">
        <v>0</v>
      </c>
      <c r="ET42" s="372">
        <v>0</v>
      </c>
      <c r="EU42" s="372">
        <v>0</v>
      </c>
      <c r="EV42" s="372">
        <v>0</v>
      </c>
      <c r="EW42" s="372">
        <v>0</v>
      </c>
      <c r="EX42" s="372">
        <v>0</v>
      </c>
      <c r="EY42" s="373">
        <v>0</v>
      </c>
      <c r="EZ42" s="375">
        <v>0</v>
      </c>
      <c r="FA42" s="371">
        <v>0</v>
      </c>
      <c r="FB42" s="372">
        <v>0</v>
      </c>
      <c r="FC42" s="376">
        <v>0</v>
      </c>
      <c r="FD42" s="405">
        <v>0</v>
      </c>
      <c r="FE42" s="372">
        <v>0</v>
      </c>
      <c r="FF42" s="372">
        <v>0</v>
      </c>
      <c r="FG42" s="372">
        <v>0</v>
      </c>
      <c r="FH42" s="372">
        <v>0</v>
      </c>
      <c r="FI42" s="372">
        <v>0</v>
      </c>
      <c r="FJ42" s="373">
        <v>0</v>
      </c>
      <c r="FK42" s="375">
        <v>0</v>
      </c>
      <c r="FL42" s="371">
        <v>0</v>
      </c>
      <c r="FM42" s="372">
        <v>0</v>
      </c>
      <c r="FN42" s="373">
        <v>0</v>
      </c>
      <c r="FO42" s="371">
        <v>0</v>
      </c>
      <c r="FP42" s="372">
        <v>0</v>
      </c>
      <c r="FQ42" s="372">
        <v>11592</v>
      </c>
      <c r="FR42" s="372">
        <v>0</v>
      </c>
      <c r="FS42" s="372">
        <v>0</v>
      </c>
      <c r="FT42" s="372">
        <v>36260</v>
      </c>
      <c r="FU42" s="373">
        <v>47852</v>
      </c>
      <c r="FV42" s="375">
        <v>47852</v>
      </c>
      <c r="FW42" s="378">
        <v>0</v>
      </c>
      <c r="FX42" s="372">
        <v>0</v>
      </c>
      <c r="FY42" s="376">
        <v>0</v>
      </c>
      <c r="FZ42" s="377">
        <v>0</v>
      </c>
      <c r="GA42" s="372">
        <v>0</v>
      </c>
      <c r="GB42" s="372">
        <v>11592</v>
      </c>
      <c r="GC42" s="372">
        <v>0</v>
      </c>
      <c r="GD42" s="372">
        <v>0</v>
      </c>
      <c r="GE42" s="372">
        <v>36260</v>
      </c>
      <c r="GF42" s="373">
        <v>47852</v>
      </c>
      <c r="GG42" s="379">
        <v>47852</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111616</v>
      </c>
      <c r="II42" s="387">
        <v>111616</v>
      </c>
      <c r="IJ42" s="388">
        <v>111616</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111616</v>
      </c>
      <c r="JP42" s="396">
        <v>111616</v>
      </c>
      <c r="JQ42" s="394">
        <v>111616</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0</v>
      </c>
      <c r="MM42" s="392">
        <v>0</v>
      </c>
      <c r="MN42" s="392">
        <v>0</v>
      </c>
      <c r="MO42" s="396">
        <v>0</v>
      </c>
      <c r="MP42" s="401">
        <v>0</v>
      </c>
      <c r="MQ42" s="395">
        <v>0</v>
      </c>
      <c r="MR42" s="392">
        <v>0</v>
      </c>
      <c r="MS42" s="396">
        <v>0</v>
      </c>
      <c r="MT42" s="405">
        <v>0</v>
      </c>
      <c r="MU42" s="392">
        <v>0</v>
      </c>
      <c r="MV42" s="392">
        <v>0</v>
      </c>
      <c r="MW42" s="392">
        <v>0</v>
      </c>
      <c r="MX42" s="392">
        <v>0</v>
      </c>
      <c r="MY42" s="392">
        <v>0</v>
      </c>
      <c r="MZ42" s="396">
        <v>0</v>
      </c>
      <c r="NA42" s="401">
        <v>0</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0</v>
      </c>
      <c r="ON42" s="392">
        <v>83257</v>
      </c>
      <c r="OO42" s="392">
        <v>0</v>
      </c>
      <c r="OP42" s="392">
        <v>0</v>
      </c>
      <c r="OQ42" s="392">
        <v>296716</v>
      </c>
      <c r="OR42" s="396">
        <v>379973</v>
      </c>
      <c r="OS42" s="401">
        <v>379973</v>
      </c>
    </row>
    <row r="43" spans="2:409" x14ac:dyDescent="0.2">
      <c r="B43" s="71"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tabSelected="1"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71" customWidth="1"/>
    <col min="2" max="2" width="9.77734375" style="71" customWidth="1"/>
    <col min="3" max="4" width="9.21875" style="71" bestFit="1" customWidth="1"/>
    <col min="5" max="5" width="10.77734375" style="71" bestFit="1" customWidth="1"/>
    <col min="6" max="6" width="7.88671875" style="71" customWidth="1"/>
    <col min="7" max="11" width="10.44140625" style="71" bestFit="1" customWidth="1"/>
    <col min="12" max="13" width="11.6640625" style="71" bestFit="1" customWidth="1"/>
    <col min="14" max="16" width="9.21875" style="71" bestFit="1" customWidth="1"/>
    <col min="17" max="17" width="7.44140625" style="71" customWidth="1"/>
    <col min="18" max="18" width="9.21875" style="71" bestFit="1" customWidth="1"/>
    <col min="19" max="22" width="10.44140625" style="71" bestFit="1" customWidth="1"/>
    <col min="23" max="24" width="11.6640625" style="71" bestFit="1" customWidth="1"/>
    <col min="25" max="27" width="9.109375" style="71" bestFit="1" customWidth="1"/>
    <col min="28" max="28" width="7" style="71" customWidth="1"/>
    <col min="29" max="30" width="9.109375" style="71" bestFit="1" customWidth="1"/>
    <col min="31" max="32" width="9.6640625" style="71" bestFit="1" customWidth="1"/>
    <col min="33" max="33" width="9.109375" style="71" bestFit="1" customWidth="1"/>
    <col min="34" max="35" width="9.6640625" style="71" bestFit="1" customWidth="1"/>
    <col min="36" max="38" width="9.109375" style="71" bestFit="1" customWidth="1"/>
    <col min="39" max="39" width="7.33203125" style="71" customWidth="1"/>
    <col min="40" max="49" width="9.109375" style="71" bestFit="1" customWidth="1"/>
    <col min="50" max="50" width="7.33203125" style="71" customWidth="1"/>
    <col min="51" max="60" width="9.109375" style="71" bestFit="1" customWidth="1"/>
    <col min="61" max="61" width="7.77734375" style="71" customWidth="1"/>
    <col min="62" max="71" width="9.109375" style="71" bestFit="1" customWidth="1"/>
    <col min="72" max="72" width="7.77734375" style="71" customWidth="1"/>
    <col min="73" max="77" width="9.109375" style="71" bestFit="1" customWidth="1"/>
    <col min="78" max="79" width="9.6640625" style="71" bestFit="1" customWidth="1"/>
    <col min="80" max="82" width="9.109375" style="71" bestFit="1" customWidth="1"/>
    <col min="83" max="83" width="7.88671875" style="71" customWidth="1"/>
    <col min="84" max="93" width="9.109375" style="71" bestFit="1" customWidth="1"/>
    <col min="94" max="94" width="8" style="71" customWidth="1"/>
    <col min="95" max="104" width="9.109375" style="71" bestFit="1" customWidth="1"/>
    <col min="105" max="105" width="8" style="71" customWidth="1"/>
    <col min="106" max="115" width="9.109375" style="71" bestFit="1" customWidth="1"/>
    <col min="116" max="116" width="7.6640625" style="71" customWidth="1"/>
    <col min="117" max="117" width="9.109375" style="71" bestFit="1" customWidth="1"/>
    <col min="118" max="121" width="9.6640625" style="71" bestFit="1" customWidth="1"/>
    <col min="122" max="123" width="10.6640625" style="71" bestFit="1" customWidth="1"/>
    <col min="124" max="126" width="9.109375" style="71" bestFit="1" customWidth="1"/>
    <col min="127" max="127" width="7.44140625" style="71" customWidth="1"/>
    <col min="128" max="129" width="9.109375" style="71" bestFit="1" customWidth="1"/>
    <col min="130" max="134" width="9.6640625" style="71" bestFit="1" customWidth="1"/>
    <col min="135" max="137" width="9.109375" style="71" bestFit="1" customWidth="1"/>
    <col min="138" max="138" width="7.6640625" style="71" customWidth="1"/>
    <col min="139" max="148" width="9.109375" style="71" bestFit="1" customWidth="1"/>
    <col min="149" max="149" width="7.77734375" style="71" customWidth="1"/>
    <col min="150" max="159" width="9.109375" style="71" bestFit="1" customWidth="1"/>
    <col min="160" max="160" width="7.77734375" style="71" customWidth="1"/>
    <col min="161" max="170" width="9.109375" style="71" bestFit="1" customWidth="1"/>
    <col min="171" max="171" width="7.33203125" style="71" customWidth="1"/>
    <col min="172" max="181" width="9.109375" style="71" bestFit="1" customWidth="1"/>
    <col min="182" max="182" width="8" style="71" customWidth="1"/>
    <col min="183" max="188" width="9.109375" style="71" bestFit="1" customWidth="1"/>
    <col min="189" max="189" width="9.6640625" style="71" bestFit="1" customWidth="1"/>
    <col min="190" max="192" width="9.109375" style="71" bestFit="1" customWidth="1"/>
    <col min="193" max="193" width="7.44140625" style="71" customWidth="1"/>
    <col min="194" max="203" width="9.109375" style="71" bestFit="1" customWidth="1"/>
    <col min="204" max="204" width="7.88671875" style="71" customWidth="1"/>
    <col min="205" max="214" width="9.109375" style="71" bestFit="1" customWidth="1"/>
    <col min="215" max="215" width="7.88671875" style="71" customWidth="1"/>
    <col min="216" max="225" width="9.109375" style="71" bestFit="1" customWidth="1"/>
    <col min="226" max="226" width="7.6640625" style="71" customWidth="1"/>
    <col min="227" max="229" width="9.6640625" style="71" bestFit="1" customWidth="1"/>
    <col min="230" max="230" width="10.6640625" style="71" bestFit="1" customWidth="1"/>
    <col min="231" max="231" width="9.6640625" style="71" bestFit="1" customWidth="1"/>
    <col min="232" max="233" width="10.6640625" style="71" bestFit="1" customWidth="1"/>
    <col min="234" max="16384" width="9" style="71"/>
  </cols>
  <sheetData>
    <row r="1" spans="2:233" ht="24" customHeight="1" x14ac:dyDescent="0.2">
      <c r="B1" s="10" t="s">
        <v>160</v>
      </c>
      <c r="C1" s="247"/>
      <c r="D1" s="247"/>
      <c r="E1" s="63">
        <f>第１表!F2</f>
        <v>6</v>
      </c>
      <c r="F1" s="64">
        <f>第１表!G2</f>
        <v>12</v>
      </c>
      <c r="G1" s="529">
        <f>IF(F1&lt;3,F1-2+12,F1-2)</f>
        <v>10</v>
      </c>
      <c r="H1" s="529"/>
      <c r="L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c r="DV1" s="247"/>
      <c r="DW1" s="247"/>
      <c r="DX1" s="247"/>
      <c r="DY1" s="247"/>
      <c r="DZ1" s="247"/>
      <c r="EA1" s="247"/>
      <c r="EB1" s="247"/>
      <c r="EC1" s="247"/>
    </row>
    <row r="2" spans="2:233" ht="24" customHeight="1" thickBot="1" x14ac:dyDescent="0.25">
      <c r="B2" s="10" t="s">
        <v>161</v>
      </c>
    </row>
    <row r="3" spans="2:233" ht="21" customHeight="1" thickBot="1" x14ac:dyDescent="0.25">
      <c r="B3" s="577"/>
      <c r="C3" s="437" t="s">
        <v>115</v>
      </c>
      <c r="D3" s="438"/>
      <c r="E3" s="438"/>
      <c r="F3" s="438"/>
      <c r="G3" s="438"/>
      <c r="H3" s="438"/>
      <c r="I3" s="438"/>
      <c r="J3" s="438"/>
      <c r="K3" s="438"/>
      <c r="L3" s="438"/>
      <c r="M3" s="438"/>
      <c r="N3" s="435"/>
      <c r="O3" s="435"/>
      <c r="P3" s="435"/>
      <c r="Q3" s="435"/>
      <c r="R3" s="435"/>
      <c r="S3" s="435"/>
      <c r="T3" s="435"/>
      <c r="U3" s="435"/>
      <c r="V3" s="435"/>
      <c r="W3" s="435"/>
      <c r="X3" s="435"/>
      <c r="Y3" s="435"/>
      <c r="Z3" s="435"/>
      <c r="AA3" s="435"/>
      <c r="AB3" s="435"/>
      <c r="AC3" s="435"/>
      <c r="AD3" s="435"/>
      <c r="AE3" s="435"/>
      <c r="AF3" s="435"/>
      <c r="AG3" s="435"/>
      <c r="AH3" s="435"/>
      <c r="AI3" s="435"/>
      <c r="AJ3" s="435"/>
      <c r="AK3" s="435"/>
      <c r="AL3" s="435"/>
      <c r="AM3" s="435"/>
      <c r="AN3" s="435"/>
      <c r="AO3" s="435"/>
      <c r="AP3" s="435"/>
      <c r="AQ3" s="435"/>
      <c r="AR3" s="435"/>
      <c r="AS3" s="435"/>
      <c r="AT3" s="435"/>
      <c r="AU3" s="435"/>
      <c r="AV3" s="435"/>
      <c r="AW3" s="435"/>
      <c r="AX3" s="435"/>
      <c r="AY3" s="435"/>
      <c r="AZ3" s="435"/>
      <c r="BA3" s="435"/>
      <c r="BB3" s="435"/>
      <c r="BC3" s="435"/>
      <c r="BD3" s="435"/>
      <c r="BE3" s="435"/>
      <c r="BF3" s="435"/>
      <c r="BG3" s="435"/>
      <c r="BH3" s="435"/>
      <c r="BI3" s="435"/>
      <c r="BJ3" s="435"/>
      <c r="BK3" s="435"/>
      <c r="BL3" s="435"/>
      <c r="BM3" s="435"/>
      <c r="BN3" s="435"/>
      <c r="BO3" s="435"/>
      <c r="BP3" s="435"/>
      <c r="BQ3" s="435"/>
      <c r="BR3" s="435"/>
      <c r="BS3" s="435"/>
      <c r="BT3" s="435"/>
      <c r="BU3" s="435"/>
      <c r="BV3" s="435"/>
      <c r="BW3" s="435"/>
      <c r="BX3" s="435"/>
      <c r="BY3" s="435"/>
      <c r="BZ3" s="435"/>
      <c r="CA3" s="435"/>
      <c r="CB3" s="435"/>
      <c r="CC3" s="435"/>
      <c r="CD3" s="435"/>
      <c r="CE3" s="435"/>
      <c r="CF3" s="435"/>
      <c r="CG3" s="435"/>
      <c r="CH3" s="435"/>
      <c r="CI3" s="435"/>
      <c r="CJ3" s="435"/>
      <c r="CK3" s="435"/>
      <c r="CL3" s="435"/>
      <c r="CM3" s="435"/>
      <c r="CN3" s="435"/>
      <c r="CO3" s="435"/>
      <c r="CP3" s="435"/>
      <c r="CQ3" s="435"/>
      <c r="CR3" s="435"/>
      <c r="CS3" s="435"/>
      <c r="CT3" s="435"/>
      <c r="CU3" s="435"/>
      <c r="CV3" s="435"/>
      <c r="CW3" s="435"/>
      <c r="CX3" s="435"/>
      <c r="CY3" s="435"/>
      <c r="CZ3" s="435"/>
      <c r="DA3" s="435"/>
      <c r="DB3" s="435"/>
      <c r="DC3" s="435"/>
      <c r="DD3" s="435"/>
      <c r="DE3" s="435"/>
      <c r="DF3" s="435"/>
      <c r="DG3" s="435"/>
      <c r="DH3" s="436"/>
      <c r="DI3" s="437" t="s">
        <v>117</v>
      </c>
      <c r="DJ3" s="438"/>
      <c r="DK3" s="438"/>
      <c r="DL3" s="438"/>
      <c r="DM3" s="438"/>
      <c r="DN3" s="438"/>
      <c r="DO3" s="438"/>
      <c r="DP3" s="438"/>
      <c r="DQ3" s="438"/>
      <c r="DR3" s="438"/>
      <c r="DS3" s="438"/>
      <c r="DT3" s="438"/>
      <c r="DU3" s="438"/>
      <c r="DV3" s="438"/>
      <c r="DW3" s="438"/>
      <c r="DX3" s="438"/>
      <c r="DY3" s="438"/>
      <c r="DZ3" s="438"/>
      <c r="EA3" s="438"/>
      <c r="EB3" s="438"/>
      <c r="EC3" s="438"/>
      <c r="ED3" s="438"/>
      <c r="EE3" s="438"/>
      <c r="EF3" s="438"/>
      <c r="EG3" s="438"/>
      <c r="EH3" s="438"/>
      <c r="EI3" s="438"/>
      <c r="EJ3" s="438"/>
      <c r="EK3" s="438"/>
      <c r="EL3" s="438"/>
      <c r="EM3" s="438"/>
      <c r="EN3" s="438"/>
      <c r="EO3" s="438"/>
      <c r="EP3" s="438"/>
      <c r="EQ3" s="438"/>
      <c r="ER3" s="438"/>
      <c r="ES3" s="438"/>
      <c r="ET3" s="438"/>
      <c r="EU3" s="438"/>
      <c r="EV3" s="438"/>
      <c r="EW3" s="438"/>
      <c r="EX3" s="438"/>
      <c r="EY3" s="438"/>
      <c r="EZ3" s="438"/>
      <c r="FA3" s="438"/>
      <c r="FB3" s="438"/>
      <c r="FC3" s="438"/>
      <c r="FD3" s="438"/>
      <c r="FE3" s="438"/>
      <c r="FF3" s="438"/>
      <c r="FG3" s="438"/>
      <c r="FH3" s="438"/>
      <c r="FI3" s="438"/>
      <c r="FJ3" s="438"/>
      <c r="FK3" s="438"/>
      <c r="FL3" s="438"/>
      <c r="FM3" s="438"/>
      <c r="FN3" s="438"/>
      <c r="FO3" s="438"/>
      <c r="FP3" s="438"/>
      <c r="FQ3" s="438"/>
      <c r="FR3" s="438"/>
      <c r="FS3" s="438"/>
      <c r="FT3" s="438"/>
      <c r="FU3" s="438"/>
      <c r="FV3" s="438"/>
      <c r="FW3" s="438"/>
      <c r="FX3" s="438"/>
      <c r="FY3" s="438"/>
      <c r="FZ3" s="438"/>
      <c r="GA3" s="438"/>
      <c r="GB3" s="438"/>
      <c r="GC3" s="438"/>
      <c r="GD3" s="438"/>
      <c r="GE3" s="438"/>
      <c r="GF3" s="438"/>
      <c r="GG3" s="438"/>
      <c r="GH3" s="438"/>
      <c r="GI3" s="438"/>
      <c r="GJ3" s="438"/>
      <c r="GK3" s="438"/>
      <c r="GL3" s="438"/>
      <c r="GM3" s="438"/>
      <c r="GN3" s="438"/>
      <c r="GO3" s="438"/>
      <c r="GP3" s="438"/>
      <c r="GQ3" s="438"/>
      <c r="GR3" s="438"/>
      <c r="GS3" s="438"/>
      <c r="GT3" s="438"/>
      <c r="GU3" s="438"/>
      <c r="GV3" s="438"/>
      <c r="GW3" s="438"/>
      <c r="GX3" s="438"/>
      <c r="GY3" s="438"/>
      <c r="GZ3" s="438"/>
      <c r="HA3" s="438"/>
      <c r="HB3" s="438"/>
      <c r="HC3" s="438"/>
      <c r="HD3" s="438"/>
      <c r="HE3" s="438"/>
      <c r="HF3" s="438"/>
      <c r="HG3" s="438"/>
      <c r="HH3" s="438"/>
      <c r="HI3" s="438"/>
      <c r="HJ3" s="438"/>
      <c r="HK3" s="438"/>
      <c r="HL3" s="438"/>
      <c r="HM3" s="438"/>
      <c r="HN3" s="439"/>
      <c r="HO3" s="537" t="s">
        <v>60</v>
      </c>
      <c r="HP3" s="538"/>
      <c r="HQ3" s="538"/>
      <c r="HR3" s="538"/>
      <c r="HS3" s="538"/>
      <c r="HT3" s="538"/>
      <c r="HU3" s="538"/>
      <c r="HV3" s="538"/>
      <c r="HW3" s="538"/>
      <c r="HX3" s="538"/>
      <c r="HY3" s="539"/>
    </row>
    <row r="4" spans="2:233" ht="21" customHeight="1" thickBot="1" x14ac:dyDescent="0.25">
      <c r="B4" s="558"/>
      <c r="C4" s="518"/>
      <c r="D4" s="519"/>
      <c r="E4" s="519"/>
      <c r="F4" s="519"/>
      <c r="G4" s="519"/>
      <c r="H4" s="519"/>
      <c r="I4" s="519"/>
      <c r="J4" s="519"/>
      <c r="K4" s="519"/>
      <c r="L4" s="519"/>
      <c r="M4" s="576"/>
      <c r="N4" s="534" t="s">
        <v>57</v>
      </c>
      <c r="O4" s="535"/>
      <c r="P4" s="535"/>
      <c r="Q4" s="535"/>
      <c r="R4" s="535"/>
      <c r="S4" s="535"/>
      <c r="T4" s="535"/>
      <c r="U4" s="535"/>
      <c r="V4" s="535"/>
      <c r="W4" s="535"/>
      <c r="X4" s="536"/>
      <c r="Y4" s="534" t="s">
        <v>58</v>
      </c>
      <c r="Z4" s="535"/>
      <c r="AA4" s="535"/>
      <c r="AB4" s="535"/>
      <c r="AC4" s="535"/>
      <c r="AD4" s="535"/>
      <c r="AE4" s="535"/>
      <c r="AF4" s="535"/>
      <c r="AG4" s="535"/>
      <c r="AH4" s="535"/>
      <c r="AI4" s="536"/>
      <c r="AJ4" s="534" t="s">
        <v>59</v>
      </c>
      <c r="AK4" s="535"/>
      <c r="AL4" s="535"/>
      <c r="AM4" s="535"/>
      <c r="AN4" s="535"/>
      <c r="AO4" s="535"/>
      <c r="AP4" s="535"/>
      <c r="AQ4" s="535"/>
      <c r="AR4" s="535"/>
      <c r="AS4" s="535"/>
      <c r="AT4" s="536"/>
      <c r="AU4" s="534" t="s">
        <v>148</v>
      </c>
      <c r="AV4" s="535"/>
      <c r="AW4" s="535"/>
      <c r="AX4" s="535"/>
      <c r="AY4" s="535"/>
      <c r="AZ4" s="535"/>
      <c r="BA4" s="535"/>
      <c r="BB4" s="535"/>
      <c r="BC4" s="535"/>
      <c r="BD4" s="535"/>
      <c r="BE4" s="536"/>
      <c r="BF4" s="534" t="s">
        <v>116</v>
      </c>
      <c r="BG4" s="535"/>
      <c r="BH4" s="535"/>
      <c r="BI4" s="535"/>
      <c r="BJ4" s="535"/>
      <c r="BK4" s="535"/>
      <c r="BL4" s="535"/>
      <c r="BM4" s="535"/>
      <c r="BN4" s="535"/>
      <c r="BO4" s="535"/>
      <c r="BP4" s="536"/>
      <c r="BQ4" s="534" t="s">
        <v>77</v>
      </c>
      <c r="BR4" s="535"/>
      <c r="BS4" s="535"/>
      <c r="BT4" s="535"/>
      <c r="BU4" s="535"/>
      <c r="BV4" s="535"/>
      <c r="BW4" s="535"/>
      <c r="BX4" s="535"/>
      <c r="BY4" s="535"/>
      <c r="BZ4" s="535"/>
      <c r="CA4" s="536"/>
      <c r="CB4" s="534" t="s">
        <v>78</v>
      </c>
      <c r="CC4" s="535"/>
      <c r="CD4" s="535"/>
      <c r="CE4" s="535"/>
      <c r="CF4" s="535"/>
      <c r="CG4" s="535"/>
      <c r="CH4" s="535"/>
      <c r="CI4" s="535"/>
      <c r="CJ4" s="535"/>
      <c r="CK4" s="535"/>
      <c r="CL4" s="536"/>
      <c r="CM4" s="534" t="s">
        <v>79</v>
      </c>
      <c r="CN4" s="535"/>
      <c r="CO4" s="535"/>
      <c r="CP4" s="535"/>
      <c r="CQ4" s="535"/>
      <c r="CR4" s="535"/>
      <c r="CS4" s="535"/>
      <c r="CT4" s="535"/>
      <c r="CU4" s="535"/>
      <c r="CV4" s="535"/>
      <c r="CW4" s="536"/>
      <c r="CX4" s="534" t="s">
        <v>149</v>
      </c>
      <c r="CY4" s="535"/>
      <c r="CZ4" s="535"/>
      <c r="DA4" s="535"/>
      <c r="DB4" s="535"/>
      <c r="DC4" s="535"/>
      <c r="DD4" s="535"/>
      <c r="DE4" s="535"/>
      <c r="DF4" s="535"/>
      <c r="DG4" s="535"/>
      <c r="DH4" s="536"/>
      <c r="DI4" s="518"/>
      <c r="DJ4" s="519"/>
      <c r="DK4" s="519"/>
      <c r="DL4" s="519"/>
      <c r="DM4" s="519"/>
      <c r="DN4" s="519"/>
      <c r="DO4" s="519"/>
      <c r="DP4" s="519"/>
      <c r="DQ4" s="519"/>
      <c r="DR4" s="519"/>
      <c r="DS4" s="520"/>
      <c r="DT4" s="534" t="s">
        <v>57</v>
      </c>
      <c r="DU4" s="535"/>
      <c r="DV4" s="535"/>
      <c r="DW4" s="535"/>
      <c r="DX4" s="535"/>
      <c r="DY4" s="535"/>
      <c r="DZ4" s="535"/>
      <c r="EA4" s="535"/>
      <c r="EB4" s="535"/>
      <c r="EC4" s="535"/>
      <c r="ED4" s="536"/>
      <c r="EE4" s="534" t="s">
        <v>58</v>
      </c>
      <c r="EF4" s="535"/>
      <c r="EG4" s="535"/>
      <c r="EH4" s="535"/>
      <c r="EI4" s="535"/>
      <c r="EJ4" s="535"/>
      <c r="EK4" s="535"/>
      <c r="EL4" s="535"/>
      <c r="EM4" s="535"/>
      <c r="EN4" s="535"/>
      <c r="EO4" s="536"/>
      <c r="EP4" s="534" t="s">
        <v>59</v>
      </c>
      <c r="EQ4" s="535"/>
      <c r="ER4" s="535"/>
      <c r="ES4" s="535"/>
      <c r="ET4" s="535"/>
      <c r="EU4" s="535"/>
      <c r="EV4" s="535"/>
      <c r="EW4" s="535"/>
      <c r="EX4" s="535"/>
      <c r="EY4" s="535"/>
      <c r="EZ4" s="536"/>
      <c r="FA4" s="534" t="s">
        <v>148</v>
      </c>
      <c r="FB4" s="535"/>
      <c r="FC4" s="535"/>
      <c r="FD4" s="535"/>
      <c r="FE4" s="535"/>
      <c r="FF4" s="535"/>
      <c r="FG4" s="535"/>
      <c r="FH4" s="535"/>
      <c r="FI4" s="535"/>
      <c r="FJ4" s="535"/>
      <c r="FK4" s="536"/>
      <c r="FL4" s="534" t="s">
        <v>116</v>
      </c>
      <c r="FM4" s="535"/>
      <c r="FN4" s="535"/>
      <c r="FO4" s="535"/>
      <c r="FP4" s="535"/>
      <c r="FQ4" s="535"/>
      <c r="FR4" s="535"/>
      <c r="FS4" s="535"/>
      <c r="FT4" s="535"/>
      <c r="FU4" s="535"/>
      <c r="FV4" s="536"/>
      <c r="FW4" s="534" t="s">
        <v>77</v>
      </c>
      <c r="FX4" s="535"/>
      <c r="FY4" s="535"/>
      <c r="FZ4" s="535"/>
      <c r="GA4" s="535"/>
      <c r="GB4" s="535"/>
      <c r="GC4" s="535"/>
      <c r="GD4" s="535"/>
      <c r="GE4" s="535"/>
      <c r="GF4" s="535"/>
      <c r="GG4" s="536"/>
      <c r="GH4" s="534" t="s">
        <v>78</v>
      </c>
      <c r="GI4" s="535"/>
      <c r="GJ4" s="535"/>
      <c r="GK4" s="535"/>
      <c r="GL4" s="535"/>
      <c r="GM4" s="535"/>
      <c r="GN4" s="535"/>
      <c r="GO4" s="535"/>
      <c r="GP4" s="535"/>
      <c r="GQ4" s="535"/>
      <c r="GR4" s="536"/>
      <c r="GS4" s="534" t="s">
        <v>79</v>
      </c>
      <c r="GT4" s="535"/>
      <c r="GU4" s="535"/>
      <c r="GV4" s="535"/>
      <c r="GW4" s="535"/>
      <c r="GX4" s="535"/>
      <c r="GY4" s="535"/>
      <c r="GZ4" s="535"/>
      <c r="HA4" s="535"/>
      <c r="HB4" s="535"/>
      <c r="HC4" s="536"/>
      <c r="HD4" s="534" t="s">
        <v>149</v>
      </c>
      <c r="HE4" s="535"/>
      <c r="HF4" s="535"/>
      <c r="HG4" s="535"/>
      <c r="HH4" s="535"/>
      <c r="HI4" s="535"/>
      <c r="HJ4" s="535"/>
      <c r="HK4" s="535"/>
      <c r="HL4" s="535"/>
      <c r="HM4" s="535"/>
      <c r="HN4" s="536"/>
      <c r="HO4" s="554"/>
      <c r="HP4" s="555"/>
      <c r="HQ4" s="555"/>
      <c r="HR4" s="555"/>
      <c r="HS4" s="555"/>
      <c r="HT4" s="555"/>
      <c r="HU4" s="555"/>
      <c r="HV4" s="555"/>
      <c r="HW4" s="555"/>
      <c r="HX4" s="555"/>
      <c r="HY4" s="556"/>
    </row>
    <row r="5" spans="2:233" ht="21" customHeight="1" x14ac:dyDescent="0.2">
      <c r="B5" s="558"/>
      <c r="C5" s="510" t="s">
        <v>61</v>
      </c>
      <c r="D5" s="511"/>
      <c r="E5" s="512"/>
      <c r="F5" s="559" t="s">
        <v>62</v>
      </c>
      <c r="G5" s="511"/>
      <c r="H5" s="511"/>
      <c r="I5" s="511"/>
      <c r="J5" s="511"/>
      <c r="K5" s="511"/>
      <c r="L5" s="560"/>
      <c r="M5" s="561" t="s">
        <v>52</v>
      </c>
      <c r="N5" s="518" t="s">
        <v>61</v>
      </c>
      <c r="O5" s="519"/>
      <c r="P5" s="520"/>
      <c r="Q5" s="541" t="s">
        <v>62</v>
      </c>
      <c r="R5" s="519"/>
      <c r="S5" s="519"/>
      <c r="T5" s="519"/>
      <c r="U5" s="519"/>
      <c r="V5" s="519"/>
      <c r="W5" s="542"/>
      <c r="X5" s="431" t="s">
        <v>52</v>
      </c>
      <c r="Y5" s="518" t="s">
        <v>61</v>
      </c>
      <c r="Z5" s="519"/>
      <c r="AA5" s="520"/>
      <c r="AB5" s="541" t="s">
        <v>62</v>
      </c>
      <c r="AC5" s="519"/>
      <c r="AD5" s="519"/>
      <c r="AE5" s="519"/>
      <c r="AF5" s="519"/>
      <c r="AG5" s="519"/>
      <c r="AH5" s="542"/>
      <c r="AI5" s="431" t="s">
        <v>52</v>
      </c>
      <c r="AJ5" s="518" t="s">
        <v>61</v>
      </c>
      <c r="AK5" s="519"/>
      <c r="AL5" s="520"/>
      <c r="AM5" s="541" t="s">
        <v>62</v>
      </c>
      <c r="AN5" s="519"/>
      <c r="AO5" s="519"/>
      <c r="AP5" s="519"/>
      <c r="AQ5" s="519"/>
      <c r="AR5" s="519"/>
      <c r="AS5" s="542"/>
      <c r="AT5" s="431" t="s">
        <v>52</v>
      </c>
      <c r="AU5" s="518" t="s">
        <v>61</v>
      </c>
      <c r="AV5" s="519"/>
      <c r="AW5" s="520"/>
      <c r="AX5" s="541" t="s">
        <v>62</v>
      </c>
      <c r="AY5" s="519"/>
      <c r="AZ5" s="519"/>
      <c r="BA5" s="519"/>
      <c r="BB5" s="519"/>
      <c r="BC5" s="519"/>
      <c r="BD5" s="542"/>
      <c r="BE5" s="431" t="s">
        <v>52</v>
      </c>
      <c r="BF5" s="518" t="s">
        <v>61</v>
      </c>
      <c r="BG5" s="519"/>
      <c r="BH5" s="520"/>
      <c r="BI5" s="541" t="s">
        <v>62</v>
      </c>
      <c r="BJ5" s="519"/>
      <c r="BK5" s="519"/>
      <c r="BL5" s="519"/>
      <c r="BM5" s="519"/>
      <c r="BN5" s="519"/>
      <c r="BO5" s="542"/>
      <c r="BP5" s="431" t="s">
        <v>52</v>
      </c>
      <c r="BQ5" s="518" t="s">
        <v>61</v>
      </c>
      <c r="BR5" s="519"/>
      <c r="BS5" s="520"/>
      <c r="BT5" s="541" t="s">
        <v>62</v>
      </c>
      <c r="BU5" s="519"/>
      <c r="BV5" s="519"/>
      <c r="BW5" s="519"/>
      <c r="BX5" s="519"/>
      <c r="BY5" s="519"/>
      <c r="BZ5" s="542"/>
      <c r="CA5" s="431" t="s">
        <v>52</v>
      </c>
      <c r="CB5" s="518" t="s">
        <v>61</v>
      </c>
      <c r="CC5" s="519"/>
      <c r="CD5" s="520"/>
      <c r="CE5" s="541" t="s">
        <v>62</v>
      </c>
      <c r="CF5" s="519"/>
      <c r="CG5" s="519"/>
      <c r="CH5" s="519"/>
      <c r="CI5" s="519"/>
      <c r="CJ5" s="519"/>
      <c r="CK5" s="542"/>
      <c r="CL5" s="431" t="s">
        <v>52</v>
      </c>
      <c r="CM5" s="518" t="s">
        <v>61</v>
      </c>
      <c r="CN5" s="519"/>
      <c r="CO5" s="520"/>
      <c r="CP5" s="541" t="s">
        <v>62</v>
      </c>
      <c r="CQ5" s="519"/>
      <c r="CR5" s="519"/>
      <c r="CS5" s="519"/>
      <c r="CT5" s="519"/>
      <c r="CU5" s="519"/>
      <c r="CV5" s="542"/>
      <c r="CW5" s="431" t="s">
        <v>52</v>
      </c>
      <c r="CX5" s="518" t="s">
        <v>61</v>
      </c>
      <c r="CY5" s="519"/>
      <c r="CZ5" s="520"/>
      <c r="DA5" s="541" t="s">
        <v>62</v>
      </c>
      <c r="DB5" s="519"/>
      <c r="DC5" s="519"/>
      <c r="DD5" s="519"/>
      <c r="DE5" s="519"/>
      <c r="DF5" s="519"/>
      <c r="DG5" s="542"/>
      <c r="DH5" s="431" t="s">
        <v>52</v>
      </c>
      <c r="DI5" s="510" t="s">
        <v>61</v>
      </c>
      <c r="DJ5" s="511"/>
      <c r="DK5" s="512"/>
      <c r="DL5" s="559" t="s">
        <v>62</v>
      </c>
      <c r="DM5" s="511"/>
      <c r="DN5" s="511"/>
      <c r="DO5" s="511"/>
      <c r="DP5" s="511"/>
      <c r="DQ5" s="511"/>
      <c r="DR5" s="560"/>
      <c r="DS5" s="514" t="s">
        <v>52</v>
      </c>
      <c r="DT5" s="518" t="s">
        <v>61</v>
      </c>
      <c r="DU5" s="519"/>
      <c r="DV5" s="520"/>
      <c r="DW5" s="541" t="s">
        <v>62</v>
      </c>
      <c r="DX5" s="519"/>
      <c r="DY5" s="519"/>
      <c r="DZ5" s="519"/>
      <c r="EA5" s="519"/>
      <c r="EB5" s="519"/>
      <c r="EC5" s="542"/>
      <c r="ED5" s="431" t="s">
        <v>52</v>
      </c>
      <c r="EE5" s="518" t="s">
        <v>61</v>
      </c>
      <c r="EF5" s="519"/>
      <c r="EG5" s="520"/>
      <c r="EH5" s="541" t="s">
        <v>62</v>
      </c>
      <c r="EI5" s="519"/>
      <c r="EJ5" s="519"/>
      <c r="EK5" s="519"/>
      <c r="EL5" s="519"/>
      <c r="EM5" s="519"/>
      <c r="EN5" s="542"/>
      <c r="EO5" s="431" t="s">
        <v>52</v>
      </c>
      <c r="EP5" s="518" t="s">
        <v>61</v>
      </c>
      <c r="EQ5" s="519"/>
      <c r="ER5" s="520"/>
      <c r="ES5" s="541" t="s">
        <v>62</v>
      </c>
      <c r="ET5" s="519"/>
      <c r="EU5" s="519"/>
      <c r="EV5" s="519"/>
      <c r="EW5" s="519"/>
      <c r="EX5" s="519"/>
      <c r="EY5" s="542"/>
      <c r="EZ5" s="431" t="s">
        <v>52</v>
      </c>
      <c r="FA5" s="518" t="s">
        <v>61</v>
      </c>
      <c r="FB5" s="519"/>
      <c r="FC5" s="520"/>
      <c r="FD5" s="541" t="s">
        <v>62</v>
      </c>
      <c r="FE5" s="519"/>
      <c r="FF5" s="519"/>
      <c r="FG5" s="519"/>
      <c r="FH5" s="519"/>
      <c r="FI5" s="519"/>
      <c r="FJ5" s="542"/>
      <c r="FK5" s="431" t="s">
        <v>52</v>
      </c>
      <c r="FL5" s="518" t="s">
        <v>61</v>
      </c>
      <c r="FM5" s="519"/>
      <c r="FN5" s="520"/>
      <c r="FO5" s="541" t="s">
        <v>62</v>
      </c>
      <c r="FP5" s="519"/>
      <c r="FQ5" s="519"/>
      <c r="FR5" s="519"/>
      <c r="FS5" s="519"/>
      <c r="FT5" s="519"/>
      <c r="FU5" s="542"/>
      <c r="FV5" s="431" t="s">
        <v>52</v>
      </c>
      <c r="FW5" s="518" t="s">
        <v>61</v>
      </c>
      <c r="FX5" s="519"/>
      <c r="FY5" s="520"/>
      <c r="FZ5" s="541" t="s">
        <v>62</v>
      </c>
      <c r="GA5" s="519"/>
      <c r="GB5" s="519"/>
      <c r="GC5" s="519"/>
      <c r="GD5" s="519"/>
      <c r="GE5" s="519"/>
      <c r="GF5" s="542"/>
      <c r="GG5" s="431" t="s">
        <v>52</v>
      </c>
      <c r="GH5" s="518" t="s">
        <v>61</v>
      </c>
      <c r="GI5" s="519"/>
      <c r="GJ5" s="520"/>
      <c r="GK5" s="541" t="s">
        <v>62</v>
      </c>
      <c r="GL5" s="519"/>
      <c r="GM5" s="519"/>
      <c r="GN5" s="519"/>
      <c r="GO5" s="519"/>
      <c r="GP5" s="519"/>
      <c r="GQ5" s="542"/>
      <c r="GR5" s="431" t="s">
        <v>52</v>
      </c>
      <c r="GS5" s="518" t="s">
        <v>61</v>
      </c>
      <c r="GT5" s="519"/>
      <c r="GU5" s="520"/>
      <c r="GV5" s="541" t="s">
        <v>62</v>
      </c>
      <c r="GW5" s="519"/>
      <c r="GX5" s="519"/>
      <c r="GY5" s="519"/>
      <c r="GZ5" s="519"/>
      <c r="HA5" s="519"/>
      <c r="HB5" s="542"/>
      <c r="HC5" s="431" t="s">
        <v>52</v>
      </c>
      <c r="HD5" s="518" t="s">
        <v>61</v>
      </c>
      <c r="HE5" s="519"/>
      <c r="HF5" s="520"/>
      <c r="HG5" s="541" t="s">
        <v>62</v>
      </c>
      <c r="HH5" s="519"/>
      <c r="HI5" s="519"/>
      <c r="HJ5" s="519"/>
      <c r="HK5" s="519"/>
      <c r="HL5" s="519"/>
      <c r="HM5" s="542"/>
      <c r="HN5" s="431" t="s">
        <v>52</v>
      </c>
      <c r="HO5" s="518" t="s">
        <v>61</v>
      </c>
      <c r="HP5" s="519"/>
      <c r="HQ5" s="520"/>
      <c r="HR5" s="541" t="s">
        <v>62</v>
      </c>
      <c r="HS5" s="519"/>
      <c r="HT5" s="519"/>
      <c r="HU5" s="519"/>
      <c r="HV5" s="519"/>
      <c r="HW5" s="519"/>
      <c r="HX5" s="542"/>
      <c r="HY5" s="431" t="s">
        <v>52</v>
      </c>
    </row>
    <row r="6" spans="2:233" ht="30" customHeight="1" thickBot="1" x14ac:dyDescent="0.25">
      <c r="B6" s="578"/>
      <c r="C6" s="73" t="s">
        <v>118</v>
      </c>
      <c r="D6" s="74" t="s">
        <v>44</v>
      </c>
      <c r="E6" s="250" t="s">
        <v>45</v>
      </c>
      <c r="F6" s="76" t="s">
        <v>83</v>
      </c>
      <c r="G6" s="74" t="s">
        <v>47</v>
      </c>
      <c r="H6" s="74" t="s">
        <v>48</v>
      </c>
      <c r="I6" s="74" t="s">
        <v>49</v>
      </c>
      <c r="J6" s="74" t="s">
        <v>50</v>
      </c>
      <c r="K6" s="74" t="s">
        <v>51</v>
      </c>
      <c r="L6" s="75" t="s">
        <v>45</v>
      </c>
      <c r="M6" s="530"/>
      <c r="N6" s="73" t="s">
        <v>118</v>
      </c>
      <c r="O6" s="74" t="s">
        <v>44</v>
      </c>
      <c r="P6" s="250" t="s">
        <v>45</v>
      </c>
      <c r="Q6" s="76" t="s">
        <v>83</v>
      </c>
      <c r="R6" s="74" t="s">
        <v>47</v>
      </c>
      <c r="S6" s="74" t="s">
        <v>48</v>
      </c>
      <c r="T6" s="74" t="s">
        <v>49</v>
      </c>
      <c r="U6" s="74" t="s">
        <v>50</v>
      </c>
      <c r="V6" s="74" t="s">
        <v>51</v>
      </c>
      <c r="W6" s="75" t="s">
        <v>45</v>
      </c>
      <c r="X6" s="530"/>
      <c r="Y6" s="73" t="s">
        <v>118</v>
      </c>
      <c r="Z6" s="74" t="s">
        <v>44</v>
      </c>
      <c r="AA6" s="250" t="s">
        <v>45</v>
      </c>
      <c r="AB6" s="76" t="s">
        <v>83</v>
      </c>
      <c r="AC6" s="74" t="s">
        <v>47</v>
      </c>
      <c r="AD6" s="74" t="s">
        <v>48</v>
      </c>
      <c r="AE6" s="74" t="s">
        <v>49</v>
      </c>
      <c r="AF6" s="74" t="s">
        <v>50</v>
      </c>
      <c r="AG6" s="74" t="s">
        <v>51</v>
      </c>
      <c r="AH6" s="75" t="s">
        <v>45</v>
      </c>
      <c r="AI6" s="530"/>
      <c r="AJ6" s="73" t="s">
        <v>118</v>
      </c>
      <c r="AK6" s="74" t="s">
        <v>44</v>
      </c>
      <c r="AL6" s="250" t="s">
        <v>45</v>
      </c>
      <c r="AM6" s="76" t="s">
        <v>83</v>
      </c>
      <c r="AN6" s="74" t="s">
        <v>47</v>
      </c>
      <c r="AO6" s="74" t="s">
        <v>48</v>
      </c>
      <c r="AP6" s="74" t="s">
        <v>49</v>
      </c>
      <c r="AQ6" s="74" t="s">
        <v>50</v>
      </c>
      <c r="AR6" s="74" t="s">
        <v>51</v>
      </c>
      <c r="AS6" s="75" t="s">
        <v>45</v>
      </c>
      <c r="AT6" s="530"/>
      <c r="AU6" s="73" t="s">
        <v>118</v>
      </c>
      <c r="AV6" s="74" t="s">
        <v>44</v>
      </c>
      <c r="AW6" s="250" t="s">
        <v>45</v>
      </c>
      <c r="AX6" s="76" t="s">
        <v>83</v>
      </c>
      <c r="AY6" s="74" t="s">
        <v>47</v>
      </c>
      <c r="AZ6" s="74" t="s">
        <v>48</v>
      </c>
      <c r="BA6" s="74" t="s">
        <v>49</v>
      </c>
      <c r="BB6" s="74" t="s">
        <v>50</v>
      </c>
      <c r="BC6" s="74" t="s">
        <v>51</v>
      </c>
      <c r="BD6" s="75" t="s">
        <v>45</v>
      </c>
      <c r="BE6" s="530"/>
      <c r="BF6" s="73" t="s">
        <v>118</v>
      </c>
      <c r="BG6" s="74" t="s">
        <v>44</v>
      </c>
      <c r="BH6" s="250" t="s">
        <v>45</v>
      </c>
      <c r="BI6" s="76" t="s">
        <v>83</v>
      </c>
      <c r="BJ6" s="74" t="s">
        <v>47</v>
      </c>
      <c r="BK6" s="74" t="s">
        <v>48</v>
      </c>
      <c r="BL6" s="74" t="s">
        <v>49</v>
      </c>
      <c r="BM6" s="74" t="s">
        <v>50</v>
      </c>
      <c r="BN6" s="74" t="s">
        <v>51</v>
      </c>
      <c r="BO6" s="75" t="s">
        <v>45</v>
      </c>
      <c r="BP6" s="530"/>
      <c r="BQ6" s="73" t="s">
        <v>118</v>
      </c>
      <c r="BR6" s="74" t="s">
        <v>44</v>
      </c>
      <c r="BS6" s="250" t="s">
        <v>45</v>
      </c>
      <c r="BT6" s="76" t="s">
        <v>83</v>
      </c>
      <c r="BU6" s="74" t="s">
        <v>47</v>
      </c>
      <c r="BV6" s="74" t="s">
        <v>48</v>
      </c>
      <c r="BW6" s="74" t="s">
        <v>49</v>
      </c>
      <c r="BX6" s="74" t="s">
        <v>50</v>
      </c>
      <c r="BY6" s="74" t="s">
        <v>51</v>
      </c>
      <c r="BZ6" s="75" t="s">
        <v>45</v>
      </c>
      <c r="CA6" s="530"/>
      <c r="CB6" s="73" t="s">
        <v>118</v>
      </c>
      <c r="CC6" s="74" t="s">
        <v>44</v>
      </c>
      <c r="CD6" s="250" t="s">
        <v>45</v>
      </c>
      <c r="CE6" s="76" t="s">
        <v>83</v>
      </c>
      <c r="CF6" s="74" t="s">
        <v>47</v>
      </c>
      <c r="CG6" s="74" t="s">
        <v>48</v>
      </c>
      <c r="CH6" s="74" t="s">
        <v>49</v>
      </c>
      <c r="CI6" s="74" t="s">
        <v>50</v>
      </c>
      <c r="CJ6" s="74" t="s">
        <v>51</v>
      </c>
      <c r="CK6" s="75" t="s">
        <v>45</v>
      </c>
      <c r="CL6" s="530"/>
      <c r="CM6" s="73" t="s">
        <v>118</v>
      </c>
      <c r="CN6" s="74" t="s">
        <v>44</v>
      </c>
      <c r="CO6" s="250" t="s">
        <v>45</v>
      </c>
      <c r="CP6" s="76" t="s">
        <v>83</v>
      </c>
      <c r="CQ6" s="74" t="s">
        <v>47</v>
      </c>
      <c r="CR6" s="74" t="s">
        <v>48</v>
      </c>
      <c r="CS6" s="74" t="s">
        <v>49</v>
      </c>
      <c r="CT6" s="74" t="s">
        <v>50</v>
      </c>
      <c r="CU6" s="74" t="s">
        <v>51</v>
      </c>
      <c r="CV6" s="75" t="s">
        <v>45</v>
      </c>
      <c r="CW6" s="530"/>
      <c r="CX6" s="73" t="s">
        <v>118</v>
      </c>
      <c r="CY6" s="74" t="s">
        <v>44</v>
      </c>
      <c r="CZ6" s="250" t="s">
        <v>45</v>
      </c>
      <c r="DA6" s="76" t="s">
        <v>83</v>
      </c>
      <c r="DB6" s="74" t="s">
        <v>47</v>
      </c>
      <c r="DC6" s="74" t="s">
        <v>48</v>
      </c>
      <c r="DD6" s="74" t="s">
        <v>49</v>
      </c>
      <c r="DE6" s="74" t="s">
        <v>50</v>
      </c>
      <c r="DF6" s="74" t="s">
        <v>51</v>
      </c>
      <c r="DG6" s="75" t="s">
        <v>45</v>
      </c>
      <c r="DH6" s="530"/>
      <c r="DI6" s="73" t="s">
        <v>118</v>
      </c>
      <c r="DJ6" s="74" t="s">
        <v>44</v>
      </c>
      <c r="DK6" s="250" t="s">
        <v>45</v>
      </c>
      <c r="DL6" s="76" t="s">
        <v>83</v>
      </c>
      <c r="DM6" s="74" t="s">
        <v>47</v>
      </c>
      <c r="DN6" s="74" t="s">
        <v>48</v>
      </c>
      <c r="DO6" s="74" t="s">
        <v>49</v>
      </c>
      <c r="DP6" s="74" t="s">
        <v>50</v>
      </c>
      <c r="DQ6" s="74" t="s">
        <v>51</v>
      </c>
      <c r="DR6" s="75" t="s">
        <v>45</v>
      </c>
      <c r="DS6" s="564"/>
      <c r="DT6" s="73" t="s">
        <v>118</v>
      </c>
      <c r="DU6" s="74" t="s">
        <v>44</v>
      </c>
      <c r="DV6" s="250" t="s">
        <v>45</v>
      </c>
      <c r="DW6" s="76" t="s">
        <v>83</v>
      </c>
      <c r="DX6" s="74" t="s">
        <v>47</v>
      </c>
      <c r="DY6" s="74" t="s">
        <v>48</v>
      </c>
      <c r="DZ6" s="74" t="s">
        <v>49</v>
      </c>
      <c r="EA6" s="74" t="s">
        <v>50</v>
      </c>
      <c r="EB6" s="74" t="s">
        <v>51</v>
      </c>
      <c r="EC6" s="75" t="s">
        <v>45</v>
      </c>
      <c r="ED6" s="530"/>
      <c r="EE6" s="73" t="s">
        <v>118</v>
      </c>
      <c r="EF6" s="74" t="s">
        <v>44</v>
      </c>
      <c r="EG6" s="250" t="s">
        <v>45</v>
      </c>
      <c r="EH6" s="76" t="s">
        <v>83</v>
      </c>
      <c r="EI6" s="74" t="s">
        <v>47</v>
      </c>
      <c r="EJ6" s="74" t="s">
        <v>48</v>
      </c>
      <c r="EK6" s="74" t="s">
        <v>49</v>
      </c>
      <c r="EL6" s="74" t="s">
        <v>50</v>
      </c>
      <c r="EM6" s="74" t="s">
        <v>51</v>
      </c>
      <c r="EN6" s="75" t="s">
        <v>45</v>
      </c>
      <c r="EO6" s="530"/>
      <c r="EP6" s="73" t="s">
        <v>118</v>
      </c>
      <c r="EQ6" s="74" t="s">
        <v>44</v>
      </c>
      <c r="ER6" s="250" t="s">
        <v>45</v>
      </c>
      <c r="ES6" s="76" t="s">
        <v>83</v>
      </c>
      <c r="ET6" s="74" t="s">
        <v>47</v>
      </c>
      <c r="EU6" s="74" t="s">
        <v>48</v>
      </c>
      <c r="EV6" s="74" t="s">
        <v>49</v>
      </c>
      <c r="EW6" s="74" t="s">
        <v>50</v>
      </c>
      <c r="EX6" s="74" t="s">
        <v>51</v>
      </c>
      <c r="EY6" s="75" t="s">
        <v>45</v>
      </c>
      <c r="EZ6" s="530"/>
      <c r="FA6" s="73" t="s">
        <v>118</v>
      </c>
      <c r="FB6" s="74" t="s">
        <v>44</v>
      </c>
      <c r="FC6" s="250" t="s">
        <v>45</v>
      </c>
      <c r="FD6" s="76" t="s">
        <v>83</v>
      </c>
      <c r="FE6" s="74" t="s">
        <v>47</v>
      </c>
      <c r="FF6" s="74" t="s">
        <v>48</v>
      </c>
      <c r="FG6" s="74" t="s">
        <v>49</v>
      </c>
      <c r="FH6" s="74" t="s">
        <v>50</v>
      </c>
      <c r="FI6" s="74" t="s">
        <v>51</v>
      </c>
      <c r="FJ6" s="75" t="s">
        <v>45</v>
      </c>
      <c r="FK6" s="530"/>
      <c r="FL6" s="73" t="s">
        <v>118</v>
      </c>
      <c r="FM6" s="74" t="s">
        <v>44</v>
      </c>
      <c r="FN6" s="250" t="s">
        <v>45</v>
      </c>
      <c r="FO6" s="76" t="s">
        <v>83</v>
      </c>
      <c r="FP6" s="74" t="s">
        <v>47</v>
      </c>
      <c r="FQ6" s="74" t="s">
        <v>48</v>
      </c>
      <c r="FR6" s="74" t="s">
        <v>49</v>
      </c>
      <c r="FS6" s="74" t="s">
        <v>50</v>
      </c>
      <c r="FT6" s="74" t="s">
        <v>51</v>
      </c>
      <c r="FU6" s="75" t="s">
        <v>45</v>
      </c>
      <c r="FV6" s="530"/>
      <c r="FW6" s="73" t="s">
        <v>118</v>
      </c>
      <c r="FX6" s="74" t="s">
        <v>44</v>
      </c>
      <c r="FY6" s="250" t="s">
        <v>45</v>
      </c>
      <c r="FZ6" s="76" t="s">
        <v>83</v>
      </c>
      <c r="GA6" s="74" t="s">
        <v>47</v>
      </c>
      <c r="GB6" s="74" t="s">
        <v>48</v>
      </c>
      <c r="GC6" s="74" t="s">
        <v>49</v>
      </c>
      <c r="GD6" s="74" t="s">
        <v>50</v>
      </c>
      <c r="GE6" s="74" t="s">
        <v>51</v>
      </c>
      <c r="GF6" s="75" t="s">
        <v>45</v>
      </c>
      <c r="GG6" s="530"/>
      <c r="GH6" s="73" t="s">
        <v>118</v>
      </c>
      <c r="GI6" s="74" t="s">
        <v>44</v>
      </c>
      <c r="GJ6" s="250" t="s">
        <v>45</v>
      </c>
      <c r="GK6" s="76" t="s">
        <v>83</v>
      </c>
      <c r="GL6" s="74" t="s">
        <v>47</v>
      </c>
      <c r="GM6" s="74" t="s">
        <v>48</v>
      </c>
      <c r="GN6" s="74" t="s">
        <v>49</v>
      </c>
      <c r="GO6" s="74" t="s">
        <v>50</v>
      </c>
      <c r="GP6" s="74" t="s">
        <v>51</v>
      </c>
      <c r="GQ6" s="75" t="s">
        <v>45</v>
      </c>
      <c r="GR6" s="530"/>
      <c r="GS6" s="73" t="s">
        <v>118</v>
      </c>
      <c r="GT6" s="74" t="s">
        <v>44</v>
      </c>
      <c r="GU6" s="250" t="s">
        <v>45</v>
      </c>
      <c r="GV6" s="76" t="s">
        <v>83</v>
      </c>
      <c r="GW6" s="74" t="s">
        <v>47</v>
      </c>
      <c r="GX6" s="74" t="s">
        <v>48</v>
      </c>
      <c r="GY6" s="74" t="s">
        <v>49</v>
      </c>
      <c r="GZ6" s="74" t="s">
        <v>50</v>
      </c>
      <c r="HA6" s="74" t="s">
        <v>51</v>
      </c>
      <c r="HB6" s="75" t="s">
        <v>45</v>
      </c>
      <c r="HC6" s="530"/>
      <c r="HD6" s="73" t="s">
        <v>118</v>
      </c>
      <c r="HE6" s="74" t="s">
        <v>44</v>
      </c>
      <c r="HF6" s="250" t="s">
        <v>45</v>
      </c>
      <c r="HG6" s="76" t="s">
        <v>83</v>
      </c>
      <c r="HH6" s="74" t="s">
        <v>47</v>
      </c>
      <c r="HI6" s="74" t="s">
        <v>48</v>
      </c>
      <c r="HJ6" s="74" t="s">
        <v>49</v>
      </c>
      <c r="HK6" s="74" t="s">
        <v>50</v>
      </c>
      <c r="HL6" s="74" t="s">
        <v>51</v>
      </c>
      <c r="HM6" s="75" t="s">
        <v>45</v>
      </c>
      <c r="HN6" s="530"/>
      <c r="HO6" s="73" t="s">
        <v>118</v>
      </c>
      <c r="HP6" s="74" t="s">
        <v>44</v>
      </c>
      <c r="HQ6" s="250" t="s">
        <v>45</v>
      </c>
      <c r="HR6" s="76" t="s">
        <v>83</v>
      </c>
      <c r="HS6" s="74" t="s">
        <v>47</v>
      </c>
      <c r="HT6" s="74" t="s">
        <v>48</v>
      </c>
      <c r="HU6" s="74" t="s">
        <v>49</v>
      </c>
      <c r="HV6" s="74" t="s">
        <v>50</v>
      </c>
      <c r="HW6" s="74" t="s">
        <v>51</v>
      </c>
      <c r="HX6" s="75" t="s">
        <v>45</v>
      </c>
      <c r="HY6" s="530"/>
    </row>
    <row r="7" spans="2:233" s="294" customFormat="1" ht="21" customHeight="1" x14ac:dyDescent="0.2">
      <c r="B7" s="84" t="s">
        <v>4</v>
      </c>
      <c r="C7" s="49">
        <v>4360</v>
      </c>
      <c r="D7" s="50">
        <v>89391</v>
      </c>
      <c r="E7" s="51">
        <v>93751</v>
      </c>
      <c r="F7" s="52">
        <v>0</v>
      </c>
      <c r="G7" s="50">
        <v>16143382</v>
      </c>
      <c r="H7" s="50">
        <v>38575255</v>
      </c>
      <c r="I7" s="50">
        <v>115250192</v>
      </c>
      <c r="J7" s="50">
        <v>155373115</v>
      </c>
      <c r="K7" s="50">
        <v>92198502</v>
      </c>
      <c r="L7" s="53">
        <v>417540446</v>
      </c>
      <c r="M7" s="54">
        <v>417634197</v>
      </c>
      <c r="N7" s="49">
        <v>0</v>
      </c>
      <c r="O7" s="50">
        <v>0</v>
      </c>
      <c r="P7" s="51">
        <v>0</v>
      </c>
      <c r="Q7" s="402">
        <v>0</v>
      </c>
      <c r="R7" s="50">
        <v>4108425</v>
      </c>
      <c r="S7" s="50">
        <v>14536601</v>
      </c>
      <c r="T7" s="50">
        <v>79575348</v>
      </c>
      <c r="U7" s="50">
        <v>113774427</v>
      </c>
      <c r="V7" s="50">
        <v>70067248</v>
      </c>
      <c r="W7" s="53">
        <v>282062049</v>
      </c>
      <c r="X7" s="54">
        <v>282062049</v>
      </c>
      <c r="Y7" s="49">
        <v>0</v>
      </c>
      <c r="Z7" s="50">
        <v>0</v>
      </c>
      <c r="AA7" s="51">
        <v>0</v>
      </c>
      <c r="AB7" s="402">
        <v>0</v>
      </c>
      <c r="AC7" s="50">
        <v>10114226</v>
      </c>
      <c r="AD7" s="50">
        <v>20103894</v>
      </c>
      <c r="AE7" s="50">
        <v>25683026</v>
      </c>
      <c r="AF7" s="50">
        <v>30994480</v>
      </c>
      <c r="AG7" s="50">
        <v>14329062</v>
      </c>
      <c r="AH7" s="53">
        <v>101224688</v>
      </c>
      <c r="AI7" s="54">
        <v>101224688</v>
      </c>
      <c r="AJ7" s="49">
        <v>0</v>
      </c>
      <c r="AK7" s="50">
        <v>0</v>
      </c>
      <c r="AL7" s="51">
        <v>0</v>
      </c>
      <c r="AM7" s="402">
        <v>0</v>
      </c>
      <c r="AN7" s="50">
        <v>0</v>
      </c>
      <c r="AO7" s="50">
        <v>0</v>
      </c>
      <c r="AP7" s="50">
        <v>0</v>
      </c>
      <c r="AQ7" s="50">
        <v>0</v>
      </c>
      <c r="AR7" s="50">
        <v>0</v>
      </c>
      <c r="AS7" s="53">
        <v>0</v>
      </c>
      <c r="AT7" s="54">
        <v>0</v>
      </c>
      <c r="AU7" s="49">
        <v>0</v>
      </c>
      <c r="AV7" s="50">
        <v>0</v>
      </c>
      <c r="AW7" s="51">
        <v>0</v>
      </c>
      <c r="AX7" s="402">
        <v>0</v>
      </c>
      <c r="AY7" s="50">
        <v>198495</v>
      </c>
      <c r="AZ7" s="50">
        <v>203440</v>
      </c>
      <c r="BA7" s="50">
        <v>442450</v>
      </c>
      <c r="BB7" s="50">
        <v>2303480</v>
      </c>
      <c r="BC7" s="50">
        <v>2896930</v>
      </c>
      <c r="BD7" s="53">
        <v>6044795</v>
      </c>
      <c r="BE7" s="54">
        <v>6044795</v>
      </c>
      <c r="BF7" s="49">
        <v>0</v>
      </c>
      <c r="BG7" s="50">
        <v>0</v>
      </c>
      <c r="BH7" s="51">
        <v>0</v>
      </c>
      <c r="BI7" s="402">
        <v>0</v>
      </c>
      <c r="BJ7" s="50">
        <v>69660</v>
      </c>
      <c r="BK7" s="50">
        <v>217845</v>
      </c>
      <c r="BL7" s="50">
        <v>1485765</v>
      </c>
      <c r="BM7" s="50">
        <v>1858535</v>
      </c>
      <c r="BN7" s="50">
        <v>1189860</v>
      </c>
      <c r="BO7" s="53">
        <v>4821665</v>
      </c>
      <c r="BP7" s="54">
        <v>4821665</v>
      </c>
      <c r="BQ7" s="49">
        <v>4070</v>
      </c>
      <c r="BR7" s="50">
        <v>83154</v>
      </c>
      <c r="BS7" s="51">
        <v>87224</v>
      </c>
      <c r="BT7" s="52">
        <v>0</v>
      </c>
      <c r="BU7" s="50">
        <v>1578759</v>
      </c>
      <c r="BV7" s="50">
        <v>3333084</v>
      </c>
      <c r="BW7" s="50">
        <v>7774131</v>
      </c>
      <c r="BX7" s="50">
        <v>6142774</v>
      </c>
      <c r="BY7" s="50">
        <v>3471984</v>
      </c>
      <c r="BZ7" s="53">
        <v>22300732</v>
      </c>
      <c r="CA7" s="54">
        <v>22387956</v>
      </c>
      <c r="CB7" s="49">
        <v>290</v>
      </c>
      <c r="CC7" s="50">
        <v>6237</v>
      </c>
      <c r="CD7" s="51">
        <v>6527</v>
      </c>
      <c r="CE7" s="52">
        <v>0</v>
      </c>
      <c r="CF7" s="50">
        <v>73817</v>
      </c>
      <c r="CG7" s="50">
        <v>180391</v>
      </c>
      <c r="CH7" s="50">
        <v>289472</v>
      </c>
      <c r="CI7" s="50">
        <v>299419</v>
      </c>
      <c r="CJ7" s="50">
        <v>243418</v>
      </c>
      <c r="CK7" s="53">
        <v>1086517</v>
      </c>
      <c r="CL7" s="54">
        <v>1093044</v>
      </c>
      <c r="CM7" s="49">
        <v>0</v>
      </c>
      <c r="CN7" s="50">
        <v>0</v>
      </c>
      <c r="CO7" s="51">
        <v>0</v>
      </c>
      <c r="CP7" s="52">
        <v>0</v>
      </c>
      <c r="CQ7" s="50">
        <v>0</v>
      </c>
      <c r="CR7" s="50">
        <v>0</v>
      </c>
      <c r="CS7" s="50">
        <v>0</v>
      </c>
      <c r="CT7" s="50">
        <v>0</v>
      </c>
      <c r="CU7" s="50">
        <v>0</v>
      </c>
      <c r="CV7" s="53">
        <v>0</v>
      </c>
      <c r="CW7" s="54">
        <v>0</v>
      </c>
      <c r="CX7" s="49">
        <v>0</v>
      </c>
      <c r="CY7" s="50">
        <v>0</v>
      </c>
      <c r="CZ7" s="51">
        <v>0</v>
      </c>
      <c r="DA7" s="402">
        <v>0</v>
      </c>
      <c r="DB7" s="50">
        <v>0</v>
      </c>
      <c r="DC7" s="50">
        <v>0</v>
      </c>
      <c r="DD7" s="50">
        <v>0</v>
      </c>
      <c r="DE7" s="50">
        <v>0</v>
      </c>
      <c r="DF7" s="50">
        <v>0</v>
      </c>
      <c r="DG7" s="53">
        <v>0</v>
      </c>
      <c r="DH7" s="54">
        <v>0</v>
      </c>
      <c r="DI7" s="49">
        <v>7414</v>
      </c>
      <c r="DJ7" s="50">
        <v>151226</v>
      </c>
      <c r="DK7" s="51">
        <v>158640</v>
      </c>
      <c r="DL7" s="52">
        <v>0</v>
      </c>
      <c r="DM7" s="50">
        <v>10711265</v>
      </c>
      <c r="DN7" s="50">
        <v>32759412</v>
      </c>
      <c r="DO7" s="50">
        <v>132092539</v>
      </c>
      <c r="DP7" s="50">
        <v>168239561</v>
      </c>
      <c r="DQ7" s="50">
        <v>99522702</v>
      </c>
      <c r="DR7" s="53">
        <v>443325479</v>
      </c>
      <c r="DS7" s="55">
        <v>443484119</v>
      </c>
      <c r="DT7" s="49">
        <v>0</v>
      </c>
      <c r="DU7" s="50">
        <v>0</v>
      </c>
      <c r="DV7" s="51">
        <v>0</v>
      </c>
      <c r="DW7" s="402">
        <v>0</v>
      </c>
      <c r="DX7" s="50">
        <v>5690399</v>
      </c>
      <c r="DY7" s="50">
        <v>21048901</v>
      </c>
      <c r="DZ7" s="50">
        <v>110349027</v>
      </c>
      <c r="EA7" s="50">
        <v>147554629</v>
      </c>
      <c r="EB7" s="50">
        <v>87530139</v>
      </c>
      <c r="EC7" s="53">
        <v>372173095</v>
      </c>
      <c r="ED7" s="54">
        <v>372173095</v>
      </c>
      <c r="EE7" s="49">
        <v>0</v>
      </c>
      <c r="EF7" s="50">
        <v>0</v>
      </c>
      <c r="EG7" s="51">
        <v>0</v>
      </c>
      <c r="EH7" s="402">
        <v>0</v>
      </c>
      <c r="EI7" s="50">
        <v>2361097</v>
      </c>
      <c r="EJ7" s="50">
        <v>5416843</v>
      </c>
      <c r="EK7" s="50">
        <v>6712150</v>
      </c>
      <c r="EL7" s="50">
        <v>7174979</v>
      </c>
      <c r="EM7" s="50">
        <v>3598096</v>
      </c>
      <c r="EN7" s="53">
        <v>25263165</v>
      </c>
      <c r="EO7" s="54">
        <v>25263165</v>
      </c>
      <c r="EP7" s="49">
        <v>0</v>
      </c>
      <c r="EQ7" s="50">
        <v>0</v>
      </c>
      <c r="ER7" s="51">
        <v>0</v>
      </c>
      <c r="ES7" s="402">
        <v>0</v>
      </c>
      <c r="ET7" s="50">
        <v>0</v>
      </c>
      <c r="EU7" s="50">
        <v>0</v>
      </c>
      <c r="EV7" s="50">
        <v>0</v>
      </c>
      <c r="EW7" s="50">
        <v>0</v>
      </c>
      <c r="EX7" s="50">
        <v>0</v>
      </c>
      <c r="EY7" s="53">
        <v>0</v>
      </c>
      <c r="EZ7" s="54">
        <v>0</v>
      </c>
      <c r="FA7" s="49">
        <v>0</v>
      </c>
      <c r="FB7" s="50">
        <v>0</v>
      </c>
      <c r="FC7" s="51">
        <v>0</v>
      </c>
      <c r="FD7" s="402">
        <v>0</v>
      </c>
      <c r="FE7" s="50">
        <v>41453</v>
      </c>
      <c r="FF7" s="50">
        <v>29125</v>
      </c>
      <c r="FG7" s="50">
        <v>69024</v>
      </c>
      <c r="FH7" s="50">
        <v>412762</v>
      </c>
      <c r="FI7" s="50">
        <v>657912</v>
      </c>
      <c r="FJ7" s="53">
        <v>1210276</v>
      </c>
      <c r="FK7" s="54">
        <v>1210276</v>
      </c>
      <c r="FL7" s="49">
        <v>0</v>
      </c>
      <c r="FM7" s="50">
        <v>0</v>
      </c>
      <c r="FN7" s="51">
        <v>0</v>
      </c>
      <c r="FO7" s="402">
        <v>0</v>
      </c>
      <c r="FP7" s="50">
        <v>108332</v>
      </c>
      <c r="FQ7" s="50">
        <v>339233</v>
      </c>
      <c r="FR7" s="50">
        <v>2416551</v>
      </c>
      <c r="FS7" s="50">
        <v>3156424</v>
      </c>
      <c r="FT7" s="50">
        <v>1956886</v>
      </c>
      <c r="FU7" s="53">
        <v>7977426</v>
      </c>
      <c r="FV7" s="54">
        <v>7977426</v>
      </c>
      <c r="FW7" s="49">
        <v>7386</v>
      </c>
      <c r="FX7" s="50">
        <v>145261</v>
      </c>
      <c r="FY7" s="51">
        <v>152647</v>
      </c>
      <c r="FZ7" s="52">
        <v>0</v>
      </c>
      <c r="GA7" s="50">
        <v>2480796</v>
      </c>
      <c r="GB7" s="50">
        <v>5783508</v>
      </c>
      <c r="GC7" s="50">
        <v>12357588</v>
      </c>
      <c r="GD7" s="50">
        <v>9760000</v>
      </c>
      <c r="GE7" s="50">
        <v>5579316</v>
      </c>
      <c r="GF7" s="53">
        <v>35961208</v>
      </c>
      <c r="GG7" s="54">
        <v>36113855</v>
      </c>
      <c r="GH7" s="49">
        <v>28</v>
      </c>
      <c r="GI7" s="50">
        <v>5965</v>
      </c>
      <c r="GJ7" s="51">
        <v>5993</v>
      </c>
      <c r="GK7" s="52">
        <v>0</v>
      </c>
      <c r="GL7" s="50">
        <v>29188</v>
      </c>
      <c r="GM7" s="50">
        <v>141802</v>
      </c>
      <c r="GN7" s="50">
        <v>188199</v>
      </c>
      <c r="GO7" s="50">
        <v>180767</v>
      </c>
      <c r="GP7" s="50">
        <v>200353</v>
      </c>
      <c r="GQ7" s="53">
        <v>740309</v>
      </c>
      <c r="GR7" s="54">
        <v>746302</v>
      </c>
      <c r="GS7" s="49">
        <v>0</v>
      </c>
      <c r="GT7" s="50">
        <v>0</v>
      </c>
      <c r="GU7" s="51">
        <v>0</v>
      </c>
      <c r="GV7" s="52">
        <v>0</v>
      </c>
      <c r="GW7" s="50">
        <v>0</v>
      </c>
      <c r="GX7" s="50">
        <v>0</v>
      </c>
      <c r="GY7" s="50">
        <v>0</v>
      </c>
      <c r="GZ7" s="50">
        <v>0</v>
      </c>
      <c r="HA7" s="50">
        <v>0</v>
      </c>
      <c r="HB7" s="53">
        <v>0</v>
      </c>
      <c r="HC7" s="54">
        <v>0</v>
      </c>
      <c r="HD7" s="49">
        <v>0</v>
      </c>
      <c r="HE7" s="50">
        <v>0</v>
      </c>
      <c r="HF7" s="51">
        <v>0</v>
      </c>
      <c r="HG7" s="402">
        <v>0</v>
      </c>
      <c r="HH7" s="50">
        <v>0</v>
      </c>
      <c r="HI7" s="50">
        <v>0</v>
      </c>
      <c r="HJ7" s="50">
        <v>0</v>
      </c>
      <c r="HK7" s="50">
        <v>0</v>
      </c>
      <c r="HL7" s="50">
        <v>0</v>
      </c>
      <c r="HM7" s="53">
        <v>0</v>
      </c>
      <c r="HN7" s="54">
        <v>0</v>
      </c>
      <c r="HO7" s="49">
        <v>11774</v>
      </c>
      <c r="HP7" s="50">
        <v>240617</v>
      </c>
      <c r="HQ7" s="51">
        <v>252391</v>
      </c>
      <c r="HR7" s="52">
        <v>0</v>
      </c>
      <c r="HS7" s="50">
        <v>26854647</v>
      </c>
      <c r="HT7" s="50">
        <v>71334667</v>
      </c>
      <c r="HU7" s="50">
        <v>247342731</v>
      </c>
      <c r="HV7" s="50">
        <v>323612676</v>
      </c>
      <c r="HW7" s="50">
        <v>191721204</v>
      </c>
      <c r="HX7" s="53">
        <v>860865925</v>
      </c>
      <c r="HY7" s="54">
        <v>861118316</v>
      </c>
    </row>
    <row r="8" spans="2:233" s="294" customFormat="1" ht="21" customHeight="1" x14ac:dyDescent="0.2">
      <c r="B8" s="95" t="s">
        <v>5</v>
      </c>
      <c r="C8" s="56">
        <v>435</v>
      </c>
      <c r="D8" s="57">
        <v>35055</v>
      </c>
      <c r="E8" s="58">
        <v>35490</v>
      </c>
      <c r="F8" s="59">
        <v>0</v>
      </c>
      <c r="G8" s="57">
        <v>5861416</v>
      </c>
      <c r="H8" s="57">
        <v>20705769</v>
      </c>
      <c r="I8" s="57">
        <v>50712928</v>
      </c>
      <c r="J8" s="57">
        <v>64938676</v>
      </c>
      <c r="K8" s="57">
        <v>40438879</v>
      </c>
      <c r="L8" s="60">
        <v>182657668</v>
      </c>
      <c r="M8" s="61">
        <v>182693158</v>
      </c>
      <c r="N8" s="56">
        <v>0</v>
      </c>
      <c r="O8" s="57">
        <v>0</v>
      </c>
      <c r="P8" s="58">
        <v>0</v>
      </c>
      <c r="Q8" s="403">
        <v>0</v>
      </c>
      <c r="R8" s="57">
        <v>2149319</v>
      </c>
      <c r="S8" s="57">
        <v>10148128</v>
      </c>
      <c r="T8" s="57">
        <v>35904150</v>
      </c>
      <c r="U8" s="57">
        <v>48794489</v>
      </c>
      <c r="V8" s="57">
        <v>30887140</v>
      </c>
      <c r="W8" s="60">
        <v>127883226</v>
      </c>
      <c r="X8" s="61">
        <v>127883226</v>
      </c>
      <c r="Y8" s="56">
        <v>0</v>
      </c>
      <c r="Z8" s="57">
        <v>0</v>
      </c>
      <c r="AA8" s="58">
        <v>0</v>
      </c>
      <c r="AB8" s="403">
        <v>0</v>
      </c>
      <c r="AC8" s="57">
        <v>3261640</v>
      </c>
      <c r="AD8" s="57">
        <v>8912807</v>
      </c>
      <c r="AE8" s="57">
        <v>11479011</v>
      </c>
      <c r="AF8" s="57">
        <v>13347709</v>
      </c>
      <c r="AG8" s="57">
        <v>7012437</v>
      </c>
      <c r="AH8" s="60">
        <v>44013604</v>
      </c>
      <c r="AI8" s="61">
        <v>44013604</v>
      </c>
      <c r="AJ8" s="56">
        <v>0</v>
      </c>
      <c r="AK8" s="57">
        <v>0</v>
      </c>
      <c r="AL8" s="58">
        <v>0</v>
      </c>
      <c r="AM8" s="403">
        <v>0</v>
      </c>
      <c r="AN8" s="57">
        <v>0</v>
      </c>
      <c r="AO8" s="57">
        <v>0</v>
      </c>
      <c r="AP8" s="57">
        <v>0</v>
      </c>
      <c r="AQ8" s="57">
        <v>0</v>
      </c>
      <c r="AR8" s="57">
        <v>0</v>
      </c>
      <c r="AS8" s="60">
        <v>0</v>
      </c>
      <c r="AT8" s="61">
        <v>0</v>
      </c>
      <c r="AU8" s="56">
        <v>0</v>
      </c>
      <c r="AV8" s="57">
        <v>0</v>
      </c>
      <c r="AW8" s="58">
        <v>0</v>
      </c>
      <c r="AX8" s="403">
        <v>0</v>
      </c>
      <c r="AY8" s="57">
        <v>24645</v>
      </c>
      <c r="AZ8" s="57">
        <v>0</v>
      </c>
      <c r="BA8" s="57">
        <v>35185</v>
      </c>
      <c r="BB8" s="57">
        <v>439190</v>
      </c>
      <c r="BC8" s="57">
        <v>546245</v>
      </c>
      <c r="BD8" s="60">
        <v>1045265</v>
      </c>
      <c r="BE8" s="61">
        <v>1045265</v>
      </c>
      <c r="BF8" s="56">
        <v>0</v>
      </c>
      <c r="BG8" s="57">
        <v>0</v>
      </c>
      <c r="BH8" s="58">
        <v>0</v>
      </c>
      <c r="BI8" s="403">
        <v>0</v>
      </c>
      <c r="BJ8" s="57">
        <v>35340</v>
      </c>
      <c r="BK8" s="57">
        <v>139345</v>
      </c>
      <c r="BL8" s="57">
        <v>203090</v>
      </c>
      <c r="BM8" s="57">
        <v>169080</v>
      </c>
      <c r="BN8" s="57">
        <v>236415</v>
      </c>
      <c r="BO8" s="60">
        <v>783270</v>
      </c>
      <c r="BP8" s="61">
        <v>783270</v>
      </c>
      <c r="BQ8" s="56">
        <v>145</v>
      </c>
      <c r="BR8" s="57">
        <v>34475</v>
      </c>
      <c r="BS8" s="58">
        <v>34620</v>
      </c>
      <c r="BT8" s="59">
        <v>0</v>
      </c>
      <c r="BU8" s="57">
        <v>362113</v>
      </c>
      <c r="BV8" s="57">
        <v>1397436</v>
      </c>
      <c r="BW8" s="57">
        <v>2910365</v>
      </c>
      <c r="BX8" s="57">
        <v>2022323</v>
      </c>
      <c r="BY8" s="57">
        <v>1625681</v>
      </c>
      <c r="BZ8" s="60">
        <v>8317918</v>
      </c>
      <c r="CA8" s="61">
        <v>8352538</v>
      </c>
      <c r="CB8" s="56">
        <v>290</v>
      </c>
      <c r="CC8" s="57">
        <v>580</v>
      </c>
      <c r="CD8" s="58">
        <v>870</v>
      </c>
      <c r="CE8" s="59">
        <v>0</v>
      </c>
      <c r="CF8" s="57">
        <v>28359</v>
      </c>
      <c r="CG8" s="57">
        <v>108053</v>
      </c>
      <c r="CH8" s="57">
        <v>181127</v>
      </c>
      <c r="CI8" s="57">
        <v>165885</v>
      </c>
      <c r="CJ8" s="57">
        <v>130961</v>
      </c>
      <c r="CK8" s="60">
        <v>614385</v>
      </c>
      <c r="CL8" s="61">
        <v>615255</v>
      </c>
      <c r="CM8" s="56">
        <v>0</v>
      </c>
      <c r="CN8" s="57">
        <v>0</v>
      </c>
      <c r="CO8" s="58">
        <v>0</v>
      </c>
      <c r="CP8" s="59">
        <v>0</v>
      </c>
      <c r="CQ8" s="57">
        <v>0</v>
      </c>
      <c r="CR8" s="57">
        <v>0</v>
      </c>
      <c r="CS8" s="57">
        <v>0</v>
      </c>
      <c r="CT8" s="57">
        <v>0</v>
      </c>
      <c r="CU8" s="57">
        <v>0</v>
      </c>
      <c r="CV8" s="60">
        <v>0</v>
      </c>
      <c r="CW8" s="61">
        <v>0</v>
      </c>
      <c r="CX8" s="56">
        <v>0</v>
      </c>
      <c r="CY8" s="57">
        <v>0</v>
      </c>
      <c r="CZ8" s="58">
        <v>0</v>
      </c>
      <c r="DA8" s="403">
        <v>0</v>
      </c>
      <c r="DB8" s="57">
        <v>0</v>
      </c>
      <c r="DC8" s="57">
        <v>0</v>
      </c>
      <c r="DD8" s="57">
        <v>0</v>
      </c>
      <c r="DE8" s="57">
        <v>0</v>
      </c>
      <c r="DF8" s="57">
        <v>0</v>
      </c>
      <c r="DG8" s="60">
        <v>0</v>
      </c>
      <c r="DH8" s="61">
        <v>0</v>
      </c>
      <c r="DI8" s="56">
        <v>2116</v>
      </c>
      <c r="DJ8" s="57">
        <v>67085</v>
      </c>
      <c r="DK8" s="58">
        <v>69201</v>
      </c>
      <c r="DL8" s="59">
        <v>0</v>
      </c>
      <c r="DM8" s="57">
        <v>5336703</v>
      </c>
      <c r="DN8" s="57">
        <v>20995599</v>
      </c>
      <c r="DO8" s="57">
        <v>60526585</v>
      </c>
      <c r="DP8" s="57">
        <v>72149220</v>
      </c>
      <c r="DQ8" s="57">
        <v>44302734</v>
      </c>
      <c r="DR8" s="60">
        <v>203310841</v>
      </c>
      <c r="DS8" s="62">
        <v>203380042</v>
      </c>
      <c r="DT8" s="56">
        <v>0</v>
      </c>
      <c r="DU8" s="57">
        <v>0</v>
      </c>
      <c r="DV8" s="58">
        <v>0</v>
      </c>
      <c r="DW8" s="403">
        <v>0</v>
      </c>
      <c r="DX8" s="57">
        <v>3435045</v>
      </c>
      <c r="DY8" s="57">
        <v>14995644</v>
      </c>
      <c r="DZ8" s="57">
        <v>51380192</v>
      </c>
      <c r="EA8" s="57">
        <v>64133523</v>
      </c>
      <c r="EB8" s="57">
        <v>38917764</v>
      </c>
      <c r="EC8" s="60">
        <v>172862168</v>
      </c>
      <c r="ED8" s="61">
        <v>172862168</v>
      </c>
      <c r="EE8" s="56">
        <v>0</v>
      </c>
      <c r="EF8" s="57">
        <v>0</v>
      </c>
      <c r="EG8" s="58">
        <v>0</v>
      </c>
      <c r="EH8" s="403">
        <v>0</v>
      </c>
      <c r="EI8" s="57">
        <v>1154765</v>
      </c>
      <c r="EJ8" s="57">
        <v>3256721</v>
      </c>
      <c r="EK8" s="57">
        <v>3795044</v>
      </c>
      <c r="EL8" s="57">
        <v>3944508</v>
      </c>
      <c r="EM8" s="57">
        <v>2187948</v>
      </c>
      <c r="EN8" s="60">
        <v>14338986</v>
      </c>
      <c r="EO8" s="61">
        <v>14338986</v>
      </c>
      <c r="EP8" s="56">
        <v>0</v>
      </c>
      <c r="EQ8" s="57">
        <v>0</v>
      </c>
      <c r="ER8" s="58">
        <v>0</v>
      </c>
      <c r="ES8" s="403">
        <v>0</v>
      </c>
      <c r="ET8" s="57">
        <v>0</v>
      </c>
      <c r="EU8" s="57">
        <v>0</v>
      </c>
      <c r="EV8" s="57">
        <v>0</v>
      </c>
      <c r="EW8" s="57">
        <v>0</v>
      </c>
      <c r="EX8" s="57">
        <v>0</v>
      </c>
      <c r="EY8" s="60">
        <v>0</v>
      </c>
      <c r="EZ8" s="61">
        <v>0</v>
      </c>
      <c r="FA8" s="56">
        <v>0</v>
      </c>
      <c r="FB8" s="57">
        <v>0</v>
      </c>
      <c r="FC8" s="58">
        <v>0</v>
      </c>
      <c r="FD8" s="403">
        <v>0</v>
      </c>
      <c r="FE8" s="57">
        <v>217</v>
      </c>
      <c r="FF8" s="57">
        <v>0</v>
      </c>
      <c r="FG8" s="57">
        <v>11966</v>
      </c>
      <c r="FH8" s="57">
        <v>86224</v>
      </c>
      <c r="FI8" s="57">
        <v>225438</v>
      </c>
      <c r="FJ8" s="60">
        <v>323845</v>
      </c>
      <c r="FK8" s="61">
        <v>323845</v>
      </c>
      <c r="FL8" s="56">
        <v>0</v>
      </c>
      <c r="FM8" s="57">
        <v>0</v>
      </c>
      <c r="FN8" s="58">
        <v>0</v>
      </c>
      <c r="FO8" s="403">
        <v>0</v>
      </c>
      <c r="FP8" s="57">
        <v>58342</v>
      </c>
      <c r="FQ8" s="57">
        <v>138260</v>
      </c>
      <c r="FR8" s="57">
        <v>297278</v>
      </c>
      <c r="FS8" s="57">
        <v>350296</v>
      </c>
      <c r="FT8" s="57">
        <v>375230</v>
      </c>
      <c r="FU8" s="60">
        <v>1219406</v>
      </c>
      <c r="FV8" s="61">
        <v>1219406</v>
      </c>
      <c r="FW8" s="56">
        <v>2088</v>
      </c>
      <c r="FX8" s="57">
        <v>67050</v>
      </c>
      <c r="FY8" s="58">
        <v>69138</v>
      </c>
      <c r="FZ8" s="59">
        <v>0</v>
      </c>
      <c r="GA8" s="57">
        <v>667048</v>
      </c>
      <c r="GB8" s="57">
        <v>2522592</v>
      </c>
      <c r="GC8" s="57">
        <v>4941905</v>
      </c>
      <c r="GD8" s="57">
        <v>3533839</v>
      </c>
      <c r="GE8" s="57">
        <v>2515195</v>
      </c>
      <c r="GF8" s="60">
        <v>14180579</v>
      </c>
      <c r="GG8" s="61">
        <v>14249717</v>
      </c>
      <c r="GH8" s="56">
        <v>28</v>
      </c>
      <c r="GI8" s="57">
        <v>35</v>
      </c>
      <c r="GJ8" s="58">
        <v>63</v>
      </c>
      <c r="GK8" s="59">
        <v>0</v>
      </c>
      <c r="GL8" s="57">
        <v>21286</v>
      </c>
      <c r="GM8" s="57">
        <v>82382</v>
      </c>
      <c r="GN8" s="57">
        <v>100200</v>
      </c>
      <c r="GO8" s="57">
        <v>100830</v>
      </c>
      <c r="GP8" s="57">
        <v>81159</v>
      </c>
      <c r="GQ8" s="60">
        <v>385857</v>
      </c>
      <c r="GR8" s="61">
        <v>385920</v>
      </c>
      <c r="GS8" s="56">
        <v>0</v>
      </c>
      <c r="GT8" s="57">
        <v>0</v>
      </c>
      <c r="GU8" s="58">
        <v>0</v>
      </c>
      <c r="GV8" s="59">
        <v>0</v>
      </c>
      <c r="GW8" s="57">
        <v>0</v>
      </c>
      <c r="GX8" s="57">
        <v>0</v>
      </c>
      <c r="GY8" s="57">
        <v>0</v>
      </c>
      <c r="GZ8" s="57">
        <v>0</v>
      </c>
      <c r="HA8" s="57">
        <v>0</v>
      </c>
      <c r="HB8" s="60">
        <v>0</v>
      </c>
      <c r="HC8" s="61">
        <v>0</v>
      </c>
      <c r="HD8" s="56">
        <v>0</v>
      </c>
      <c r="HE8" s="57">
        <v>0</v>
      </c>
      <c r="HF8" s="58">
        <v>0</v>
      </c>
      <c r="HG8" s="403">
        <v>0</v>
      </c>
      <c r="HH8" s="57">
        <v>0</v>
      </c>
      <c r="HI8" s="57">
        <v>0</v>
      </c>
      <c r="HJ8" s="57">
        <v>0</v>
      </c>
      <c r="HK8" s="57">
        <v>0</v>
      </c>
      <c r="HL8" s="57">
        <v>0</v>
      </c>
      <c r="HM8" s="60">
        <v>0</v>
      </c>
      <c r="HN8" s="61">
        <v>0</v>
      </c>
      <c r="HO8" s="56">
        <v>2551</v>
      </c>
      <c r="HP8" s="57">
        <v>102140</v>
      </c>
      <c r="HQ8" s="58">
        <v>104691</v>
      </c>
      <c r="HR8" s="59">
        <v>0</v>
      </c>
      <c r="HS8" s="57">
        <v>11198119</v>
      </c>
      <c r="HT8" s="57">
        <v>41701368</v>
      </c>
      <c r="HU8" s="57">
        <v>111239513</v>
      </c>
      <c r="HV8" s="57">
        <v>137087896</v>
      </c>
      <c r="HW8" s="57">
        <v>84741613</v>
      </c>
      <c r="HX8" s="60">
        <v>385968509</v>
      </c>
      <c r="HY8" s="61">
        <v>386073200</v>
      </c>
    </row>
    <row r="9" spans="2:233" ht="21" customHeight="1" x14ac:dyDescent="0.2">
      <c r="B9" s="106" t="s">
        <v>6</v>
      </c>
      <c r="C9" s="24">
        <v>0</v>
      </c>
      <c r="D9" s="25">
        <v>6756</v>
      </c>
      <c r="E9" s="26">
        <v>6756</v>
      </c>
      <c r="F9" s="27">
        <v>0</v>
      </c>
      <c r="G9" s="25">
        <v>2654626</v>
      </c>
      <c r="H9" s="25">
        <v>4311610</v>
      </c>
      <c r="I9" s="25">
        <v>15412846</v>
      </c>
      <c r="J9" s="25">
        <v>21330203</v>
      </c>
      <c r="K9" s="25">
        <v>12923831</v>
      </c>
      <c r="L9" s="28">
        <v>56633116</v>
      </c>
      <c r="M9" s="29">
        <v>56639872</v>
      </c>
      <c r="N9" s="24">
        <v>0</v>
      </c>
      <c r="O9" s="25">
        <v>0</v>
      </c>
      <c r="P9" s="26">
        <v>0</v>
      </c>
      <c r="Q9" s="404">
        <v>0</v>
      </c>
      <c r="R9" s="25">
        <v>837160</v>
      </c>
      <c r="S9" s="25">
        <v>1747210</v>
      </c>
      <c r="T9" s="25">
        <v>10506745</v>
      </c>
      <c r="U9" s="25">
        <v>15845697</v>
      </c>
      <c r="V9" s="25">
        <v>9693785</v>
      </c>
      <c r="W9" s="28">
        <v>38630597</v>
      </c>
      <c r="X9" s="29">
        <v>38630597</v>
      </c>
      <c r="Y9" s="24">
        <v>0</v>
      </c>
      <c r="Z9" s="25">
        <v>0</v>
      </c>
      <c r="AA9" s="26">
        <v>0</v>
      </c>
      <c r="AB9" s="404">
        <v>0</v>
      </c>
      <c r="AC9" s="25">
        <v>1546345</v>
      </c>
      <c r="AD9" s="25">
        <v>2070330</v>
      </c>
      <c r="AE9" s="25">
        <v>3468130</v>
      </c>
      <c r="AF9" s="25">
        <v>3725720</v>
      </c>
      <c r="AG9" s="25">
        <v>2222020</v>
      </c>
      <c r="AH9" s="28">
        <v>13032545</v>
      </c>
      <c r="AI9" s="29">
        <v>13032545</v>
      </c>
      <c r="AJ9" s="24">
        <v>0</v>
      </c>
      <c r="AK9" s="25">
        <v>0</v>
      </c>
      <c r="AL9" s="26">
        <v>0</v>
      </c>
      <c r="AM9" s="404">
        <v>0</v>
      </c>
      <c r="AN9" s="25">
        <v>0</v>
      </c>
      <c r="AO9" s="25">
        <v>0</v>
      </c>
      <c r="AP9" s="25">
        <v>0</v>
      </c>
      <c r="AQ9" s="25">
        <v>0</v>
      </c>
      <c r="AR9" s="25">
        <v>0</v>
      </c>
      <c r="AS9" s="28">
        <v>0</v>
      </c>
      <c r="AT9" s="29">
        <v>0</v>
      </c>
      <c r="AU9" s="24">
        <v>0</v>
      </c>
      <c r="AV9" s="25">
        <v>0</v>
      </c>
      <c r="AW9" s="26">
        <v>0</v>
      </c>
      <c r="AX9" s="404">
        <v>0</v>
      </c>
      <c r="AY9" s="25">
        <v>0</v>
      </c>
      <c r="AZ9" s="25">
        <v>0</v>
      </c>
      <c r="BA9" s="25">
        <v>0</v>
      </c>
      <c r="BB9" s="25">
        <v>277270</v>
      </c>
      <c r="BC9" s="25">
        <v>377605</v>
      </c>
      <c r="BD9" s="28">
        <v>654875</v>
      </c>
      <c r="BE9" s="29">
        <v>654875</v>
      </c>
      <c r="BF9" s="24">
        <v>0</v>
      </c>
      <c r="BG9" s="25">
        <v>0</v>
      </c>
      <c r="BH9" s="26">
        <v>0</v>
      </c>
      <c r="BI9" s="404">
        <v>0</v>
      </c>
      <c r="BJ9" s="25">
        <v>34320</v>
      </c>
      <c r="BK9" s="25">
        <v>73315</v>
      </c>
      <c r="BL9" s="25">
        <v>452895</v>
      </c>
      <c r="BM9" s="25">
        <v>447435</v>
      </c>
      <c r="BN9" s="25">
        <v>309675</v>
      </c>
      <c r="BO9" s="28">
        <v>1317640</v>
      </c>
      <c r="BP9" s="29">
        <v>1317640</v>
      </c>
      <c r="BQ9" s="24">
        <v>0</v>
      </c>
      <c r="BR9" s="25">
        <v>1099</v>
      </c>
      <c r="BS9" s="26">
        <v>1099</v>
      </c>
      <c r="BT9" s="27">
        <v>0</v>
      </c>
      <c r="BU9" s="25">
        <v>236801</v>
      </c>
      <c r="BV9" s="25">
        <v>391314</v>
      </c>
      <c r="BW9" s="25">
        <v>937356</v>
      </c>
      <c r="BX9" s="25">
        <v>960782</v>
      </c>
      <c r="BY9" s="25">
        <v>265187</v>
      </c>
      <c r="BZ9" s="28">
        <v>2791440</v>
      </c>
      <c r="CA9" s="29">
        <v>2792539</v>
      </c>
      <c r="CB9" s="24">
        <v>0</v>
      </c>
      <c r="CC9" s="25">
        <v>5657</v>
      </c>
      <c r="CD9" s="26">
        <v>5657</v>
      </c>
      <c r="CE9" s="27">
        <v>0</v>
      </c>
      <c r="CF9" s="25">
        <v>0</v>
      </c>
      <c r="CG9" s="25">
        <v>29441</v>
      </c>
      <c r="CH9" s="25">
        <v>47720</v>
      </c>
      <c r="CI9" s="25">
        <v>73299</v>
      </c>
      <c r="CJ9" s="25">
        <v>55559</v>
      </c>
      <c r="CK9" s="28">
        <v>206019</v>
      </c>
      <c r="CL9" s="29">
        <v>211676</v>
      </c>
      <c r="CM9" s="24">
        <v>0</v>
      </c>
      <c r="CN9" s="25">
        <v>0</v>
      </c>
      <c r="CO9" s="26">
        <v>0</v>
      </c>
      <c r="CP9" s="27">
        <v>0</v>
      </c>
      <c r="CQ9" s="25">
        <v>0</v>
      </c>
      <c r="CR9" s="25">
        <v>0</v>
      </c>
      <c r="CS9" s="25">
        <v>0</v>
      </c>
      <c r="CT9" s="25">
        <v>0</v>
      </c>
      <c r="CU9" s="25">
        <v>0</v>
      </c>
      <c r="CV9" s="28">
        <v>0</v>
      </c>
      <c r="CW9" s="29">
        <v>0</v>
      </c>
      <c r="CX9" s="24">
        <v>0</v>
      </c>
      <c r="CY9" s="25">
        <v>0</v>
      </c>
      <c r="CZ9" s="26">
        <v>0</v>
      </c>
      <c r="DA9" s="404">
        <v>0</v>
      </c>
      <c r="DB9" s="25">
        <v>0</v>
      </c>
      <c r="DC9" s="25">
        <v>0</v>
      </c>
      <c r="DD9" s="25">
        <v>0</v>
      </c>
      <c r="DE9" s="25">
        <v>0</v>
      </c>
      <c r="DF9" s="25">
        <v>0</v>
      </c>
      <c r="DG9" s="28">
        <v>0</v>
      </c>
      <c r="DH9" s="29">
        <v>0</v>
      </c>
      <c r="DI9" s="24">
        <v>0</v>
      </c>
      <c r="DJ9" s="25">
        <v>10660</v>
      </c>
      <c r="DK9" s="26">
        <v>10660</v>
      </c>
      <c r="DL9" s="27">
        <v>0</v>
      </c>
      <c r="DM9" s="25">
        <v>1521358</v>
      </c>
      <c r="DN9" s="25">
        <v>3309279</v>
      </c>
      <c r="DO9" s="25">
        <v>14427185</v>
      </c>
      <c r="DP9" s="25">
        <v>19963941</v>
      </c>
      <c r="DQ9" s="25">
        <v>12130596</v>
      </c>
      <c r="DR9" s="28">
        <v>51352359</v>
      </c>
      <c r="DS9" s="30">
        <v>51363019</v>
      </c>
      <c r="DT9" s="24">
        <v>0</v>
      </c>
      <c r="DU9" s="25">
        <v>0</v>
      </c>
      <c r="DV9" s="26">
        <v>0</v>
      </c>
      <c r="DW9" s="404">
        <v>0</v>
      </c>
      <c r="DX9" s="25">
        <v>857441</v>
      </c>
      <c r="DY9" s="25">
        <v>1938869</v>
      </c>
      <c r="DZ9" s="25">
        <v>11641336</v>
      </c>
      <c r="EA9" s="25">
        <v>16662491</v>
      </c>
      <c r="EB9" s="25">
        <v>10431924</v>
      </c>
      <c r="EC9" s="28">
        <v>41532061</v>
      </c>
      <c r="ED9" s="29">
        <v>41532061</v>
      </c>
      <c r="EE9" s="24">
        <v>0</v>
      </c>
      <c r="EF9" s="25">
        <v>0</v>
      </c>
      <c r="EG9" s="26">
        <v>0</v>
      </c>
      <c r="EH9" s="404">
        <v>0</v>
      </c>
      <c r="EI9" s="25">
        <v>328529</v>
      </c>
      <c r="EJ9" s="25">
        <v>603549</v>
      </c>
      <c r="EK9" s="25">
        <v>852316</v>
      </c>
      <c r="EL9" s="25">
        <v>1082387</v>
      </c>
      <c r="EM9" s="25">
        <v>604844</v>
      </c>
      <c r="EN9" s="28">
        <v>3471625</v>
      </c>
      <c r="EO9" s="29">
        <v>3471625</v>
      </c>
      <c r="EP9" s="24">
        <v>0</v>
      </c>
      <c r="EQ9" s="25">
        <v>0</v>
      </c>
      <c r="ER9" s="26">
        <v>0</v>
      </c>
      <c r="ES9" s="404">
        <v>0</v>
      </c>
      <c r="ET9" s="25">
        <v>0</v>
      </c>
      <c r="EU9" s="25">
        <v>0</v>
      </c>
      <c r="EV9" s="25">
        <v>0</v>
      </c>
      <c r="EW9" s="25">
        <v>0</v>
      </c>
      <c r="EX9" s="25">
        <v>0</v>
      </c>
      <c r="EY9" s="28">
        <v>0</v>
      </c>
      <c r="EZ9" s="29">
        <v>0</v>
      </c>
      <c r="FA9" s="24">
        <v>0</v>
      </c>
      <c r="FB9" s="25">
        <v>0</v>
      </c>
      <c r="FC9" s="26">
        <v>0</v>
      </c>
      <c r="FD9" s="404">
        <v>0</v>
      </c>
      <c r="FE9" s="25">
        <v>0</v>
      </c>
      <c r="FF9" s="25">
        <v>0</v>
      </c>
      <c r="FG9" s="25">
        <v>0</v>
      </c>
      <c r="FH9" s="25">
        <v>69860</v>
      </c>
      <c r="FI9" s="25">
        <v>70791</v>
      </c>
      <c r="FJ9" s="28">
        <v>140651</v>
      </c>
      <c r="FK9" s="29">
        <v>140651</v>
      </c>
      <c r="FL9" s="24">
        <v>0</v>
      </c>
      <c r="FM9" s="25">
        <v>0</v>
      </c>
      <c r="FN9" s="26">
        <v>0</v>
      </c>
      <c r="FO9" s="404">
        <v>0</v>
      </c>
      <c r="FP9" s="25">
        <v>49990</v>
      </c>
      <c r="FQ9" s="25">
        <v>157821</v>
      </c>
      <c r="FR9" s="25">
        <v>649764</v>
      </c>
      <c r="FS9" s="25">
        <v>794645</v>
      </c>
      <c r="FT9" s="25">
        <v>525751</v>
      </c>
      <c r="FU9" s="28">
        <v>2177971</v>
      </c>
      <c r="FV9" s="29">
        <v>2177971</v>
      </c>
      <c r="FW9" s="24">
        <v>0</v>
      </c>
      <c r="FX9" s="25">
        <v>4730</v>
      </c>
      <c r="FY9" s="26">
        <v>4730</v>
      </c>
      <c r="FZ9" s="27">
        <v>0</v>
      </c>
      <c r="GA9" s="25">
        <v>285398</v>
      </c>
      <c r="GB9" s="25">
        <v>573321</v>
      </c>
      <c r="GC9" s="25">
        <v>1241494</v>
      </c>
      <c r="GD9" s="25">
        <v>1306560</v>
      </c>
      <c r="GE9" s="25">
        <v>413310</v>
      </c>
      <c r="GF9" s="28">
        <v>3820083</v>
      </c>
      <c r="GG9" s="29">
        <v>3824813</v>
      </c>
      <c r="GH9" s="24">
        <v>0</v>
      </c>
      <c r="GI9" s="25">
        <v>5930</v>
      </c>
      <c r="GJ9" s="26">
        <v>5930</v>
      </c>
      <c r="GK9" s="27">
        <v>0</v>
      </c>
      <c r="GL9" s="25">
        <v>0</v>
      </c>
      <c r="GM9" s="25">
        <v>35719</v>
      </c>
      <c r="GN9" s="25">
        <v>42275</v>
      </c>
      <c r="GO9" s="25">
        <v>47998</v>
      </c>
      <c r="GP9" s="25">
        <v>83976</v>
      </c>
      <c r="GQ9" s="28">
        <v>209968</v>
      </c>
      <c r="GR9" s="29">
        <v>215898</v>
      </c>
      <c r="GS9" s="24">
        <v>0</v>
      </c>
      <c r="GT9" s="25">
        <v>0</v>
      </c>
      <c r="GU9" s="26">
        <v>0</v>
      </c>
      <c r="GV9" s="27">
        <v>0</v>
      </c>
      <c r="GW9" s="25">
        <v>0</v>
      </c>
      <c r="GX9" s="25">
        <v>0</v>
      </c>
      <c r="GY9" s="25">
        <v>0</v>
      </c>
      <c r="GZ9" s="25">
        <v>0</v>
      </c>
      <c r="HA9" s="25">
        <v>0</v>
      </c>
      <c r="HB9" s="28">
        <v>0</v>
      </c>
      <c r="HC9" s="29">
        <v>0</v>
      </c>
      <c r="HD9" s="24">
        <v>0</v>
      </c>
      <c r="HE9" s="25">
        <v>0</v>
      </c>
      <c r="HF9" s="26">
        <v>0</v>
      </c>
      <c r="HG9" s="404">
        <v>0</v>
      </c>
      <c r="HH9" s="25">
        <v>0</v>
      </c>
      <c r="HI9" s="25">
        <v>0</v>
      </c>
      <c r="HJ9" s="25">
        <v>0</v>
      </c>
      <c r="HK9" s="25">
        <v>0</v>
      </c>
      <c r="HL9" s="25">
        <v>0</v>
      </c>
      <c r="HM9" s="28">
        <v>0</v>
      </c>
      <c r="HN9" s="29">
        <v>0</v>
      </c>
      <c r="HO9" s="24">
        <v>0</v>
      </c>
      <c r="HP9" s="25">
        <v>17416</v>
      </c>
      <c r="HQ9" s="26">
        <v>17416</v>
      </c>
      <c r="HR9" s="27">
        <v>0</v>
      </c>
      <c r="HS9" s="25">
        <v>4175984</v>
      </c>
      <c r="HT9" s="25">
        <v>7620889</v>
      </c>
      <c r="HU9" s="25">
        <v>29840031</v>
      </c>
      <c r="HV9" s="25">
        <v>41294144</v>
      </c>
      <c r="HW9" s="25">
        <v>25054427</v>
      </c>
      <c r="HX9" s="28">
        <v>107985475</v>
      </c>
      <c r="HY9" s="29">
        <v>108002891</v>
      </c>
    </row>
    <row r="10" spans="2:233" ht="21" customHeight="1" x14ac:dyDescent="0.2">
      <c r="B10" s="106" t="s">
        <v>14</v>
      </c>
      <c r="C10" s="24">
        <v>0</v>
      </c>
      <c r="D10" s="25">
        <v>5100</v>
      </c>
      <c r="E10" s="26">
        <v>5100</v>
      </c>
      <c r="F10" s="27">
        <v>0</v>
      </c>
      <c r="G10" s="25">
        <v>632522</v>
      </c>
      <c r="H10" s="25">
        <v>1625515</v>
      </c>
      <c r="I10" s="25">
        <v>7856012</v>
      </c>
      <c r="J10" s="25">
        <v>12456947</v>
      </c>
      <c r="K10" s="25">
        <v>6887492</v>
      </c>
      <c r="L10" s="28">
        <v>29458488</v>
      </c>
      <c r="M10" s="29">
        <v>29463588</v>
      </c>
      <c r="N10" s="24">
        <v>0</v>
      </c>
      <c r="O10" s="25">
        <v>0</v>
      </c>
      <c r="P10" s="26">
        <v>0</v>
      </c>
      <c r="Q10" s="404">
        <v>0</v>
      </c>
      <c r="R10" s="25">
        <v>77375</v>
      </c>
      <c r="S10" s="25">
        <v>255020</v>
      </c>
      <c r="T10" s="25">
        <v>5640715</v>
      </c>
      <c r="U10" s="25">
        <v>8643702</v>
      </c>
      <c r="V10" s="25">
        <v>5337515</v>
      </c>
      <c r="W10" s="28">
        <v>19954327</v>
      </c>
      <c r="X10" s="29">
        <v>19954327</v>
      </c>
      <c r="Y10" s="24">
        <v>0</v>
      </c>
      <c r="Z10" s="25">
        <v>0</v>
      </c>
      <c r="AA10" s="26">
        <v>0</v>
      </c>
      <c r="AB10" s="404">
        <v>0</v>
      </c>
      <c r="AC10" s="25">
        <v>433700</v>
      </c>
      <c r="AD10" s="25">
        <v>1118196</v>
      </c>
      <c r="AE10" s="25">
        <v>1500363</v>
      </c>
      <c r="AF10" s="25">
        <v>2146032</v>
      </c>
      <c r="AG10" s="25">
        <v>696100</v>
      </c>
      <c r="AH10" s="28">
        <v>5894391</v>
      </c>
      <c r="AI10" s="29">
        <v>5894391</v>
      </c>
      <c r="AJ10" s="24">
        <v>0</v>
      </c>
      <c r="AK10" s="25">
        <v>0</v>
      </c>
      <c r="AL10" s="26">
        <v>0</v>
      </c>
      <c r="AM10" s="404">
        <v>0</v>
      </c>
      <c r="AN10" s="25">
        <v>0</v>
      </c>
      <c r="AO10" s="25">
        <v>0</v>
      </c>
      <c r="AP10" s="25">
        <v>0</v>
      </c>
      <c r="AQ10" s="25">
        <v>0</v>
      </c>
      <c r="AR10" s="25">
        <v>0</v>
      </c>
      <c r="AS10" s="28">
        <v>0</v>
      </c>
      <c r="AT10" s="29">
        <v>0</v>
      </c>
      <c r="AU10" s="24">
        <v>0</v>
      </c>
      <c r="AV10" s="25">
        <v>0</v>
      </c>
      <c r="AW10" s="26">
        <v>0</v>
      </c>
      <c r="AX10" s="404">
        <v>0</v>
      </c>
      <c r="AY10" s="25">
        <v>35495</v>
      </c>
      <c r="AZ10" s="25">
        <v>0</v>
      </c>
      <c r="BA10" s="25">
        <v>35340</v>
      </c>
      <c r="BB10" s="25">
        <v>824565</v>
      </c>
      <c r="BC10" s="25">
        <v>501840</v>
      </c>
      <c r="BD10" s="28">
        <v>1397240</v>
      </c>
      <c r="BE10" s="29">
        <v>1397240</v>
      </c>
      <c r="BF10" s="24">
        <v>0</v>
      </c>
      <c r="BG10" s="25">
        <v>0</v>
      </c>
      <c r="BH10" s="26">
        <v>0</v>
      </c>
      <c r="BI10" s="404">
        <v>0</v>
      </c>
      <c r="BJ10" s="25">
        <v>0</v>
      </c>
      <c r="BK10" s="25">
        <v>0</v>
      </c>
      <c r="BL10" s="25">
        <v>65255</v>
      </c>
      <c r="BM10" s="25">
        <v>74350</v>
      </c>
      <c r="BN10" s="25">
        <v>62620</v>
      </c>
      <c r="BO10" s="28">
        <v>202225</v>
      </c>
      <c r="BP10" s="29">
        <v>202225</v>
      </c>
      <c r="BQ10" s="24">
        <v>0</v>
      </c>
      <c r="BR10" s="25">
        <v>5100</v>
      </c>
      <c r="BS10" s="26">
        <v>5100</v>
      </c>
      <c r="BT10" s="27">
        <v>0</v>
      </c>
      <c r="BU10" s="25">
        <v>85952</v>
      </c>
      <c r="BV10" s="25">
        <v>252299</v>
      </c>
      <c r="BW10" s="25">
        <v>609429</v>
      </c>
      <c r="BX10" s="25">
        <v>768298</v>
      </c>
      <c r="BY10" s="25">
        <v>289417</v>
      </c>
      <c r="BZ10" s="28">
        <v>2005395</v>
      </c>
      <c r="CA10" s="29">
        <v>2010495</v>
      </c>
      <c r="CB10" s="24">
        <v>0</v>
      </c>
      <c r="CC10" s="25">
        <v>0</v>
      </c>
      <c r="CD10" s="26">
        <v>0</v>
      </c>
      <c r="CE10" s="27">
        <v>0</v>
      </c>
      <c r="CF10" s="25">
        <v>0</v>
      </c>
      <c r="CG10" s="25">
        <v>0</v>
      </c>
      <c r="CH10" s="25">
        <v>4910</v>
      </c>
      <c r="CI10" s="25">
        <v>0</v>
      </c>
      <c r="CJ10" s="25">
        <v>0</v>
      </c>
      <c r="CK10" s="28">
        <v>4910</v>
      </c>
      <c r="CL10" s="29">
        <v>4910</v>
      </c>
      <c r="CM10" s="24">
        <v>0</v>
      </c>
      <c r="CN10" s="25">
        <v>0</v>
      </c>
      <c r="CO10" s="26">
        <v>0</v>
      </c>
      <c r="CP10" s="27">
        <v>0</v>
      </c>
      <c r="CQ10" s="25">
        <v>0</v>
      </c>
      <c r="CR10" s="25">
        <v>0</v>
      </c>
      <c r="CS10" s="25">
        <v>0</v>
      </c>
      <c r="CT10" s="25">
        <v>0</v>
      </c>
      <c r="CU10" s="25">
        <v>0</v>
      </c>
      <c r="CV10" s="28">
        <v>0</v>
      </c>
      <c r="CW10" s="29">
        <v>0</v>
      </c>
      <c r="CX10" s="24">
        <v>0</v>
      </c>
      <c r="CY10" s="25">
        <v>0</v>
      </c>
      <c r="CZ10" s="26">
        <v>0</v>
      </c>
      <c r="DA10" s="404">
        <v>0</v>
      </c>
      <c r="DB10" s="25">
        <v>0</v>
      </c>
      <c r="DC10" s="25">
        <v>0</v>
      </c>
      <c r="DD10" s="25">
        <v>0</v>
      </c>
      <c r="DE10" s="25">
        <v>0</v>
      </c>
      <c r="DF10" s="25">
        <v>0</v>
      </c>
      <c r="DG10" s="28">
        <v>0</v>
      </c>
      <c r="DH10" s="29">
        <v>0</v>
      </c>
      <c r="DI10" s="24">
        <v>0</v>
      </c>
      <c r="DJ10" s="25">
        <v>13876</v>
      </c>
      <c r="DK10" s="26">
        <v>13876</v>
      </c>
      <c r="DL10" s="27">
        <v>0</v>
      </c>
      <c r="DM10" s="25">
        <v>383387</v>
      </c>
      <c r="DN10" s="25">
        <v>1264624</v>
      </c>
      <c r="DO10" s="25">
        <v>9863308</v>
      </c>
      <c r="DP10" s="25">
        <v>13905406</v>
      </c>
      <c r="DQ10" s="25">
        <v>7277598</v>
      </c>
      <c r="DR10" s="28">
        <v>32694323</v>
      </c>
      <c r="DS10" s="30">
        <v>32708199</v>
      </c>
      <c r="DT10" s="24">
        <v>0</v>
      </c>
      <c r="DU10" s="25">
        <v>0</v>
      </c>
      <c r="DV10" s="26">
        <v>0</v>
      </c>
      <c r="DW10" s="404">
        <v>0</v>
      </c>
      <c r="DX10" s="25">
        <v>92752</v>
      </c>
      <c r="DY10" s="25">
        <v>486696</v>
      </c>
      <c r="DZ10" s="25">
        <v>8445225</v>
      </c>
      <c r="EA10" s="25">
        <v>12210209</v>
      </c>
      <c r="EB10" s="25">
        <v>6335288</v>
      </c>
      <c r="EC10" s="28">
        <v>27570170</v>
      </c>
      <c r="ED10" s="29">
        <v>27570170</v>
      </c>
      <c r="EE10" s="24">
        <v>0</v>
      </c>
      <c r="EF10" s="25">
        <v>0</v>
      </c>
      <c r="EG10" s="26">
        <v>0</v>
      </c>
      <c r="EH10" s="404">
        <v>0</v>
      </c>
      <c r="EI10" s="25">
        <v>123210</v>
      </c>
      <c r="EJ10" s="25">
        <v>343255</v>
      </c>
      <c r="EK10" s="25">
        <v>250604</v>
      </c>
      <c r="EL10" s="25">
        <v>433003</v>
      </c>
      <c r="EM10" s="25">
        <v>106315</v>
      </c>
      <c r="EN10" s="28">
        <v>1256387</v>
      </c>
      <c r="EO10" s="29">
        <v>1256387</v>
      </c>
      <c r="EP10" s="24">
        <v>0</v>
      </c>
      <c r="EQ10" s="25">
        <v>0</v>
      </c>
      <c r="ER10" s="26">
        <v>0</v>
      </c>
      <c r="ES10" s="404">
        <v>0</v>
      </c>
      <c r="ET10" s="25">
        <v>0</v>
      </c>
      <c r="EU10" s="25">
        <v>0</v>
      </c>
      <c r="EV10" s="25">
        <v>0</v>
      </c>
      <c r="EW10" s="25">
        <v>0</v>
      </c>
      <c r="EX10" s="25">
        <v>0</v>
      </c>
      <c r="EY10" s="28">
        <v>0</v>
      </c>
      <c r="EZ10" s="29">
        <v>0</v>
      </c>
      <c r="FA10" s="24">
        <v>0</v>
      </c>
      <c r="FB10" s="25">
        <v>0</v>
      </c>
      <c r="FC10" s="26">
        <v>0</v>
      </c>
      <c r="FD10" s="404">
        <v>0</v>
      </c>
      <c r="FE10" s="25">
        <v>13547</v>
      </c>
      <c r="FF10" s="25">
        <v>0</v>
      </c>
      <c r="FG10" s="25">
        <v>434</v>
      </c>
      <c r="FH10" s="25">
        <v>128979</v>
      </c>
      <c r="FI10" s="25">
        <v>149560</v>
      </c>
      <c r="FJ10" s="28">
        <v>292520</v>
      </c>
      <c r="FK10" s="29">
        <v>292520</v>
      </c>
      <c r="FL10" s="24">
        <v>0</v>
      </c>
      <c r="FM10" s="25">
        <v>0</v>
      </c>
      <c r="FN10" s="26">
        <v>0</v>
      </c>
      <c r="FO10" s="404">
        <v>0</v>
      </c>
      <c r="FP10" s="25">
        <v>0</v>
      </c>
      <c r="FQ10" s="25">
        <v>0</v>
      </c>
      <c r="FR10" s="25">
        <v>123070</v>
      </c>
      <c r="FS10" s="25">
        <v>167601</v>
      </c>
      <c r="FT10" s="25">
        <v>101494</v>
      </c>
      <c r="FU10" s="28">
        <v>392165</v>
      </c>
      <c r="FV10" s="29">
        <v>392165</v>
      </c>
      <c r="FW10" s="24">
        <v>0</v>
      </c>
      <c r="FX10" s="25">
        <v>13876</v>
      </c>
      <c r="FY10" s="26">
        <v>13876</v>
      </c>
      <c r="FZ10" s="27">
        <v>0</v>
      </c>
      <c r="GA10" s="25">
        <v>153878</v>
      </c>
      <c r="GB10" s="25">
        <v>434673</v>
      </c>
      <c r="GC10" s="25">
        <v>1038198</v>
      </c>
      <c r="GD10" s="25">
        <v>965614</v>
      </c>
      <c r="GE10" s="25">
        <v>584941</v>
      </c>
      <c r="GF10" s="28">
        <v>3177304</v>
      </c>
      <c r="GG10" s="29">
        <v>3191180</v>
      </c>
      <c r="GH10" s="24">
        <v>0</v>
      </c>
      <c r="GI10" s="25">
        <v>0</v>
      </c>
      <c r="GJ10" s="26">
        <v>0</v>
      </c>
      <c r="GK10" s="27">
        <v>0</v>
      </c>
      <c r="GL10" s="25">
        <v>0</v>
      </c>
      <c r="GM10" s="25">
        <v>0</v>
      </c>
      <c r="GN10" s="25">
        <v>5777</v>
      </c>
      <c r="GO10" s="25">
        <v>0</v>
      </c>
      <c r="GP10" s="25">
        <v>0</v>
      </c>
      <c r="GQ10" s="28">
        <v>5777</v>
      </c>
      <c r="GR10" s="29">
        <v>5777</v>
      </c>
      <c r="GS10" s="24">
        <v>0</v>
      </c>
      <c r="GT10" s="25">
        <v>0</v>
      </c>
      <c r="GU10" s="26">
        <v>0</v>
      </c>
      <c r="GV10" s="27">
        <v>0</v>
      </c>
      <c r="GW10" s="25">
        <v>0</v>
      </c>
      <c r="GX10" s="25">
        <v>0</v>
      </c>
      <c r="GY10" s="25">
        <v>0</v>
      </c>
      <c r="GZ10" s="25">
        <v>0</v>
      </c>
      <c r="HA10" s="25">
        <v>0</v>
      </c>
      <c r="HB10" s="28">
        <v>0</v>
      </c>
      <c r="HC10" s="29">
        <v>0</v>
      </c>
      <c r="HD10" s="24">
        <v>0</v>
      </c>
      <c r="HE10" s="25">
        <v>0</v>
      </c>
      <c r="HF10" s="26">
        <v>0</v>
      </c>
      <c r="HG10" s="404">
        <v>0</v>
      </c>
      <c r="HH10" s="25">
        <v>0</v>
      </c>
      <c r="HI10" s="25">
        <v>0</v>
      </c>
      <c r="HJ10" s="25">
        <v>0</v>
      </c>
      <c r="HK10" s="25">
        <v>0</v>
      </c>
      <c r="HL10" s="25">
        <v>0</v>
      </c>
      <c r="HM10" s="28">
        <v>0</v>
      </c>
      <c r="HN10" s="29">
        <v>0</v>
      </c>
      <c r="HO10" s="24">
        <v>0</v>
      </c>
      <c r="HP10" s="25">
        <v>18976</v>
      </c>
      <c r="HQ10" s="26">
        <v>18976</v>
      </c>
      <c r="HR10" s="27">
        <v>0</v>
      </c>
      <c r="HS10" s="25">
        <v>1015909</v>
      </c>
      <c r="HT10" s="25">
        <v>2890139</v>
      </c>
      <c r="HU10" s="25">
        <v>17719320</v>
      </c>
      <c r="HV10" s="25">
        <v>26362353</v>
      </c>
      <c r="HW10" s="25">
        <v>14165090</v>
      </c>
      <c r="HX10" s="28">
        <v>62152811</v>
      </c>
      <c r="HY10" s="29">
        <v>62171787</v>
      </c>
    </row>
    <row r="11" spans="2:233" ht="21" customHeight="1" x14ac:dyDescent="0.2">
      <c r="B11" s="106" t="s">
        <v>7</v>
      </c>
      <c r="C11" s="24">
        <v>0</v>
      </c>
      <c r="D11" s="25">
        <v>4340</v>
      </c>
      <c r="E11" s="26">
        <v>4340</v>
      </c>
      <c r="F11" s="27">
        <v>0</v>
      </c>
      <c r="G11" s="25">
        <v>2076707</v>
      </c>
      <c r="H11" s="25">
        <v>2177606</v>
      </c>
      <c r="I11" s="25">
        <v>6924343</v>
      </c>
      <c r="J11" s="25">
        <v>8610400</v>
      </c>
      <c r="K11" s="25">
        <v>3823193</v>
      </c>
      <c r="L11" s="28">
        <v>23612249</v>
      </c>
      <c r="M11" s="29">
        <v>23616589</v>
      </c>
      <c r="N11" s="24">
        <v>0</v>
      </c>
      <c r="O11" s="25">
        <v>0</v>
      </c>
      <c r="P11" s="26">
        <v>0</v>
      </c>
      <c r="Q11" s="404">
        <v>0</v>
      </c>
      <c r="R11" s="25">
        <v>264055</v>
      </c>
      <c r="S11" s="25">
        <v>502515</v>
      </c>
      <c r="T11" s="25">
        <v>5242463</v>
      </c>
      <c r="U11" s="25">
        <v>6912150</v>
      </c>
      <c r="V11" s="25">
        <v>3150155</v>
      </c>
      <c r="W11" s="28">
        <v>16071338</v>
      </c>
      <c r="X11" s="29">
        <v>16071338</v>
      </c>
      <c r="Y11" s="24">
        <v>0</v>
      </c>
      <c r="Z11" s="25">
        <v>0</v>
      </c>
      <c r="AA11" s="26">
        <v>0</v>
      </c>
      <c r="AB11" s="404">
        <v>0</v>
      </c>
      <c r="AC11" s="25">
        <v>1637898</v>
      </c>
      <c r="AD11" s="25">
        <v>1459345</v>
      </c>
      <c r="AE11" s="25">
        <v>1425973</v>
      </c>
      <c r="AF11" s="25">
        <v>1445034</v>
      </c>
      <c r="AG11" s="25">
        <v>424055</v>
      </c>
      <c r="AH11" s="28">
        <v>6392305</v>
      </c>
      <c r="AI11" s="29">
        <v>6392305</v>
      </c>
      <c r="AJ11" s="24">
        <v>0</v>
      </c>
      <c r="AK11" s="25">
        <v>0</v>
      </c>
      <c r="AL11" s="26">
        <v>0</v>
      </c>
      <c r="AM11" s="404">
        <v>0</v>
      </c>
      <c r="AN11" s="25">
        <v>0</v>
      </c>
      <c r="AO11" s="25">
        <v>0</v>
      </c>
      <c r="AP11" s="25">
        <v>0</v>
      </c>
      <c r="AQ11" s="25">
        <v>0</v>
      </c>
      <c r="AR11" s="25">
        <v>0</v>
      </c>
      <c r="AS11" s="28">
        <v>0</v>
      </c>
      <c r="AT11" s="29">
        <v>0</v>
      </c>
      <c r="AU11" s="24">
        <v>0</v>
      </c>
      <c r="AV11" s="25">
        <v>0</v>
      </c>
      <c r="AW11" s="26">
        <v>0</v>
      </c>
      <c r="AX11" s="404">
        <v>0</v>
      </c>
      <c r="AY11" s="25">
        <v>0</v>
      </c>
      <c r="AZ11" s="25">
        <v>0</v>
      </c>
      <c r="BA11" s="25">
        <v>0</v>
      </c>
      <c r="BB11" s="25">
        <v>38520</v>
      </c>
      <c r="BC11" s="25">
        <v>40765</v>
      </c>
      <c r="BD11" s="28">
        <v>79285</v>
      </c>
      <c r="BE11" s="29">
        <v>79285</v>
      </c>
      <c r="BF11" s="24">
        <v>0</v>
      </c>
      <c r="BG11" s="25">
        <v>0</v>
      </c>
      <c r="BH11" s="26">
        <v>0</v>
      </c>
      <c r="BI11" s="404">
        <v>0</v>
      </c>
      <c r="BJ11" s="25">
        <v>0</v>
      </c>
      <c r="BK11" s="25">
        <v>0</v>
      </c>
      <c r="BL11" s="25">
        <v>0</v>
      </c>
      <c r="BM11" s="25">
        <v>0</v>
      </c>
      <c r="BN11" s="25">
        <v>0</v>
      </c>
      <c r="BO11" s="28">
        <v>0</v>
      </c>
      <c r="BP11" s="29">
        <v>0</v>
      </c>
      <c r="BQ11" s="24">
        <v>0</v>
      </c>
      <c r="BR11" s="25">
        <v>4340</v>
      </c>
      <c r="BS11" s="26">
        <v>4340</v>
      </c>
      <c r="BT11" s="27">
        <v>0</v>
      </c>
      <c r="BU11" s="25">
        <v>168624</v>
      </c>
      <c r="BV11" s="25">
        <v>201317</v>
      </c>
      <c r="BW11" s="25">
        <v>274377</v>
      </c>
      <c r="BX11" s="25">
        <v>210961</v>
      </c>
      <c r="BY11" s="25">
        <v>205241</v>
      </c>
      <c r="BZ11" s="28">
        <v>1060520</v>
      </c>
      <c r="CA11" s="29">
        <v>1064860</v>
      </c>
      <c r="CB11" s="24">
        <v>0</v>
      </c>
      <c r="CC11" s="25">
        <v>0</v>
      </c>
      <c r="CD11" s="26">
        <v>0</v>
      </c>
      <c r="CE11" s="27">
        <v>0</v>
      </c>
      <c r="CF11" s="25">
        <v>6130</v>
      </c>
      <c r="CG11" s="25">
        <v>14429</v>
      </c>
      <c r="CH11" s="25">
        <v>-18470</v>
      </c>
      <c r="CI11" s="25">
        <v>3735</v>
      </c>
      <c r="CJ11" s="25">
        <v>2977</v>
      </c>
      <c r="CK11" s="28">
        <v>8801</v>
      </c>
      <c r="CL11" s="29">
        <v>8801</v>
      </c>
      <c r="CM11" s="24">
        <v>0</v>
      </c>
      <c r="CN11" s="25">
        <v>0</v>
      </c>
      <c r="CO11" s="26">
        <v>0</v>
      </c>
      <c r="CP11" s="27">
        <v>0</v>
      </c>
      <c r="CQ11" s="25">
        <v>0</v>
      </c>
      <c r="CR11" s="25">
        <v>0</v>
      </c>
      <c r="CS11" s="25">
        <v>0</v>
      </c>
      <c r="CT11" s="25">
        <v>0</v>
      </c>
      <c r="CU11" s="25">
        <v>0</v>
      </c>
      <c r="CV11" s="28">
        <v>0</v>
      </c>
      <c r="CW11" s="29">
        <v>0</v>
      </c>
      <c r="CX11" s="24">
        <v>0</v>
      </c>
      <c r="CY11" s="25">
        <v>0</v>
      </c>
      <c r="CZ11" s="26">
        <v>0</v>
      </c>
      <c r="DA11" s="404">
        <v>0</v>
      </c>
      <c r="DB11" s="25">
        <v>0</v>
      </c>
      <c r="DC11" s="25">
        <v>0</v>
      </c>
      <c r="DD11" s="25">
        <v>0</v>
      </c>
      <c r="DE11" s="25">
        <v>0</v>
      </c>
      <c r="DF11" s="25">
        <v>0</v>
      </c>
      <c r="DG11" s="28">
        <v>0</v>
      </c>
      <c r="DH11" s="29">
        <v>0</v>
      </c>
      <c r="DI11" s="24">
        <v>0</v>
      </c>
      <c r="DJ11" s="25">
        <v>6539</v>
      </c>
      <c r="DK11" s="26">
        <v>6539</v>
      </c>
      <c r="DL11" s="27">
        <v>0</v>
      </c>
      <c r="DM11" s="25">
        <v>824887</v>
      </c>
      <c r="DN11" s="25">
        <v>1016411</v>
      </c>
      <c r="DO11" s="25">
        <v>7345993</v>
      </c>
      <c r="DP11" s="25">
        <v>8844131</v>
      </c>
      <c r="DQ11" s="25">
        <v>4675038</v>
      </c>
      <c r="DR11" s="28">
        <v>22706460</v>
      </c>
      <c r="DS11" s="30">
        <v>22712999</v>
      </c>
      <c r="DT11" s="24">
        <v>0</v>
      </c>
      <c r="DU11" s="25">
        <v>0</v>
      </c>
      <c r="DV11" s="26">
        <v>0</v>
      </c>
      <c r="DW11" s="404">
        <v>0</v>
      </c>
      <c r="DX11" s="25">
        <v>297111</v>
      </c>
      <c r="DY11" s="25">
        <v>510587</v>
      </c>
      <c r="DZ11" s="25">
        <v>6547071</v>
      </c>
      <c r="EA11" s="25">
        <v>8213237</v>
      </c>
      <c r="EB11" s="25">
        <v>4397921</v>
      </c>
      <c r="EC11" s="28">
        <v>19965927</v>
      </c>
      <c r="ED11" s="29">
        <v>19965927</v>
      </c>
      <c r="EE11" s="24">
        <v>0</v>
      </c>
      <c r="EF11" s="25">
        <v>0</v>
      </c>
      <c r="EG11" s="26">
        <v>0</v>
      </c>
      <c r="EH11" s="404">
        <v>0</v>
      </c>
      <c r="EI11" s="25">
        <v>226134</v>
      </c>
      <c r="EJ11" s="25">
        <v>183671</v>
      </c>
      <c r="EK11" s="25">
        <v>312384</v>
      </c>
      <c r="EL11" s="25">
        <v>210340</v>
      </c>
      <c r="EM11" s="25">
        <v>36230</v>
      </c>
      <c r="EN11" s="28">
        <v>968759</v>
      </c>
      <c r="EO11" s="29">
        <v>968759</v>
      </c>
      <c r="EP11" s="24">
        <v>0</v>
      </c>
      <c r="EQ11" s="25">
        <v>0</v>
      </c>
      <c r="ER11" s="26">
        <v>0</v>
      </c>
      <c r="ES11" s="404">
        <v>0</v>
      </c>
      <c r="ET11" s="25">
        <v>0</v>
      </c>
      <c r="EU11" s="25">
        <v>0</v>
      </c>
      <c r="EV11" s="25">
        <v>0</v>
      </c>
      <c r="EW11" s="25">
        <v>0</v>
      </c>
      <c r="EX11" s="25">
        <v>0</v>
      </c>
      <c r="EY11" s="28">
        <v>0</v>
      </c>
      <c r="EZ11" s="29">
        <v>0</v>
      </c>
      <c r="FA11" s="24">
        <v>0</v>
      </c>
      <c r="FB11" s="25">
        <v>0</v>
      </c>
      <c r="FC11" s="26">
        <v>0</v>
      </c>
      <c r="FD11" s="404">
        <v>0</v>
      </c>
      <c r="FE11" s="25">
        <v>0</v>
      </c>
      <c r="FF11" s="25">
        <v>0</v>
      </c>
      <c r="FG11" s="25">
        <v>0</v>
      </c>
      <c r="FH11" s="25">
        <v>462</v>
      </c>
      <c r="FI11" s="25">
        <v>13981</v>
      </c>
      <c r="FJ11" s="28">
        <v>14443</v>
      </c>
      <c r="FK11" s="29">
        <v>14443</v>
      </c>
      <c r="FL11" s="24">
        <v>0</v>
      </c>
      <c r="FM11" s="25">
        <v>0</v>
      </c>
      <c r="FN11" s="26">
        <v>0</v>
      </c>
      <c r="FO11" s="404">
        <v>0</v>
      </c>
      <c r="FP11" s="25">
        <v>0</v>
      </c>
      <c r="FQ11" s="25">
        <v>0</v>
      </c>
      <c r="FR11" s="25">
        <v>0</v>
      </c>
      <c r="FS11" s="25">
        <v>0</v>
      </c>
      <c r="FT11" s="25">
        <v>0</v>
      </c>
      <c r="FU11" s="28">
        <v>0</v>
      </c>
      <c r="FV11" s="29">
        <v>0</v>
      </c>
      <c r="FW11" s="24">
        <v>0</v>
      </c>
      <c r="FX11" s="25">
        <v>6539</v>
      </c>
      <c r="FY11" s="26">
        <v>6539</v>
      </c>
      <c r="FZ11" s="27">
        <v>0</v>
      </c>
      <c r="GA11" s="25">
        <v>301488</v>
      </c>
      <c r="GB11" s="25">
        <v>314411</v>
      </c>
      <c r="GC11" s="25">
        <v>481561</v>
      </c>
      <c r="GD11" s="25">
        <v>419931</v>
      </c>
      <c r="GE11" s="25">
        <v>226752</v>
      </c>
      <c r="GF11" s="28">
        <v>1744143</v>
      </c>
      <c r="GG11" s="29">
        <v>1750682</v>
      </c>
      <c r="GH11" s="24">
        <v>0</v>
      </c>
      <c r="GI11" s="25">
        <v>0</v>
      </c>
      <c r="GJ11" s="26">
        <v>0</v>
      </c>
      <c r="GK11" s="27">
        <v>0</v>
      </c>
      <c r="GL11" s="25">
        <v>154</v>
      </c>
      <c r="GM11" s="25">
        <v>7742</v>
      </c>
      <c r="GN11" s="25">
        <v>4977</v>
      </c>
      <c r="GO11" s="25">
        <v>161</v>
      </c>
      <c r="GP11" s="25">
        <v>154</v>
      </c>
      <c r="GQ11" s="28">
        <v>13188</v>
      </c>
      <c r="GR11" s="29">
        <v>13188</v>
      </c>
      <c r="GS11" s="24">
        <v>0</v>
      </c>
      <c r="GT11" s="25">
        <v>0</v>
      </c>
      <c r="GU11" s="26">
        <v>0</v>
      </c>
      <c r="GV11" s="27">
        <v>0</v>
      </c>
      <c r="GW11" s="25">
        <v>0</v>
      </c>
      <c r="GX11" s="25">
        <v>0</v>
      </c>
      <c r="GY11" s="25">
        <v>0</v>
      </c>
      <c r="GZ11" s="25">
        <v>0</v>
      </c>
      <c r="HA11" s="25">
        <v>0</v>
      </c>
      <c r="HB11" s="28">
        <v>0</v>
      </c>
      <c r="HC11" s="29">
        <v>0</v>
      </c>
      <c r="HD11" s="24">
        <v>0</v>
      </c>
      <c r="HE11" s="25">
        <v>0</v>
      </c>
      <c r="HF11" s="26">
        <v>0</v>
      </c>
      <c r="HG11" s="404">
        <v>0</v>
      </c>
      <c r="HH11" s="25">
        <v>0</v>
      </c>
      <c r="HI11" s="25">
        <v>0</v>
      </c>
      <c r="HJ11" s="25">
        <v>0</v>
      </c>
      <c r="HK11" s="25">
        <v>0</v>
      </c>
      <c r="HL11" s="25">
        <v>0</v>
      </c>
      <c r="HM11" s="28">
        <v>0</v>
      </c>
      <c r="HN11" s="29">
        <v>0</v>
      </c>
      <c r="HO11" s="24">
        <v>0</v>
      </c>
      <c r="HP11" s="25">
        <v>10879</v>
      </c>
      <c r="HQ11" s="26">
        <v>10879</v>
      </c>
      <c r="HR11" s="27">
        <v>0</v>
      </c>
      <c r="HS11" s="25">
        <v>2901594</v>
      </c>
      <c r="HT11" s="25">
        <v>3194017</v>
      </c>
      <c r="HU11" s="25">
        <v>14270336</v>
      </c>
      <c r="HV11" s="25">
        <v>17454531</v>
      </c>
      <c r="HW11" s="25">
        <v>8498231</v>
      </c>
      <c r="HX11" s="28">
        <v>46318709</v>
      </c>
      <c r="HY11" s="29">
        <v>46329588</v>
      </c>
    </row>
    <row r="12" spans="2:233" ht="21" customHeight="1" x14ac:dyDescent="0.2">
      <c r="B12" s="106" t="s">
        <v>8</v>
      </c>
      <c r="C12" s="24">
        <v>0</v>
      </c>
      <c r="D12" s="25">
        <v>11670</v>
      </c>
      <c r="E12" s="26">
        <v>11670</v>
      </c>
      <c r="F12" s="27">
        <v>0</v>
      </c>
      <c r="G12" s="25">
        <v>453987</v>
      </c>
      <c r="H12" s="25">
        <v>1232830</v>
      </c>
      <c r="I12" s="25">
        <v>4392178</v>
      </c>
      <c r="J12" s="25">
        <v>4565240</v>
      </c>
      <c r="K12" s="25">
        <v>2381049</v>
      </c>
      <c r="L12" s="28">
        <v>13025284</v>
      </c>
      <c r="M12" s="29">
        <v>13036954</v>
      </c>
      <c r="N12" s="24">
        <v>0</v>
      </c>
      <c r="O12" s="25">
        <v>0</v>
      </c>
      <c r="P12" s="26">
        <v>0</v>
      </c>
      <c r="Q12" s="404">
        <v>0</v>
      </c>
      <c r="R12" s="25">
        <v>158306</v>
      </c>
      <c r="S12" s="25">
        <v>477856</v>
      </c>
      <c r="T12" s="25">
        <v>2981391</v>
      </c>
      <c r="U12" s="25">
        <v>3220631</v>
      </c>
      <c r="V12" s="25">
        <v>1802149</v>
      </c>
      <c r="W12" s="28">
        <v>8640333</v>
      </c>
      <c r="X12" s="29">
        <v>8640333</v>
      </c>
      <c r="Y12" s="24">
        <v>0</v>
      </c>
      <c r="Z12" s="25">
        <v>0</v>
      </c>
      <c r="AA12" s="26">
        <v>0</v>
      </c>
      <c r="AB12" s="404">
        <v>0</v>
      </c>
      <c r="AC12" s="25">
        <v>215735</v>
      </c>
      <c r="AD12" s="25">
        <v>549020</v>
      </c>
      <c r="AE12" s="25">
        <v>660250</v>
      </c>
      <c r="AF12" s="25">
        <v>910800</v>
      </c>
      <c r="AG12" s="25">
        <v>398240</v>
      </c>
      <c r="AH12" s="28">
        <v>2734045</v>
      </c>
      <c r="AI12" s="29">
        <v>2734045</v>
      </c>
      <c r="AJ12" s="24">
        <v>0</v>
      </c>
      <c r="AK12" s="25">
        <v>0</v>
      </c>
      <c r="AL12" s="26">
        <v>0</v>
      </c>
      <c r="AM12" s="404">
        <v>0</v>
      </c>
      <c r="AN12" s="25">
        <v>0</v>
      </c>
      <c r="AO12" s="25">
        <v>0</v>
      </c>
      <c r="AP12" s="25">
        <v>0</v>
      </c>
      <c r="AQ12" s="25">
        <v>0</v>
      </c>
      <c r="AR12" s="25">
        <v>0</v>
      </c>
      <c r="AS12" s="28">
        <v>0</v>
      </c>
      <c r="AT12" s="29">
        <v>0</v>
      </c>
      <c r="AU12" s="24">
        <v>0</v>
      </c>
      <c r="AV12" s="25">
        <v>0</v>
      </c>
      <c r="AW12" s="26">
        <v>0</v>
      </c>
      <c r="AX12" s="404">
        <v>0</v>
      </c>
      <c r="AY12" s="25">
        <v>0</v>
      </c>
      <c r="AZ12" s="25">
        <v>0</v>
      </c>
      <c r="BA12" s="25">
        <v>32705</v>
      </c>
      <c r="BB12" s="25">
        <v>0</v>
      </c>
      <c r="BC12" s="25">
        <v>46035</v>
      </c>
      <c r="BD12" s="28">
        <v>78740</v>
      </c>
      <c r="BE12" s="29">
        <v>78740</v>
      </c>
      <c r="BF12" s="24">
        <v>0</v>
      </c>
      <c r="BG12" s="25">
        <v>0</v>
      </c>
      <c r="BH12" s="26">
        <v>0</v>
      </c>
      <c r="BI12" s="404">
        <v>0</v>
      </c>
      <c r="BJ12" s="25">
        <v>0</v>
      </c>
      <c r="BK12" s="25">
        <v>2635</v>
      </c>
      <c r="BL12" s="25">
        <v>84620</v>
      </c>
      <c r="BM12" s="25">
        <v>230050</v>
      </c>
      <c r="BN12" s="25">
        <v>5270</v>
      </c>
      <c r="BO12" s="28">
        <v>322575</v>
      </c>
      <c r="BP12" s="29">
        <v>322575</v>
      </c>
      <c r="BQ12" s="24">
        <v>0</v>
      </c>
      <c r="BR12" s="25">
        <v>11670</v>
      </c>
      <c r="BS12" s="26">
        <v>11670</v>
      </c>
      <c r="BT12" s="27">
        <v>0</v>
      </c>
      <c r="BU12" s="25">
        <v>79946</v>
      </c>
      <c r="BV12" s="25">
        <v>203319</v>
      </c>
      <c r="BW12" s="25">
        <v>633212</v>
      </c>
      <c r="BX12" s="25">
        <v>203759</v>
      </c>
      <c r="BY12" s="25">
        <v>126779</v>
      </c>
      <c r="BZ12" s="28">
        <v>1247015</v>
      </c>
      <c r="CA12" s="29">
        <v>1258685</v>
      </c>
      <c r="CB12" s="24">
        <v>0</v>
      </c>
      <c r="CC12" s="25">
        <v>0</v>
      </c>
      <c r="CD12" s="26">
        <v>0</v>
      </c>
      <c r="CE12" s="27">
        <v>0</v>
      </c>
      <c r="CF12" s="25">
        <v>0</v>
      </c>
      <c r="CG12" s="25">
        <v>0</v>
      </c>
      <c r="CH12" s="25">
        <v>0</v>
      </c>
      <c r="CI12" s="25">
        <v>0</v>
      </c>
      <c r="CJ12" s="25">
        <v>2576</v>
      </c>
      <c r="CK12" s="28">
        <v>2576</v>
      </c>
      <c r="CL12" s="29">
        <v>2576</v>
      </c>
      <c r="CM12" s="24">
        <v>0</v>
      </c>
      <c r="CN12" s="25">
        <v>0</v>
      </c>
      <c r="CO12" s="26">
        <v>0</v>
      </c>
      <c r="CP12" s="27">
        <v>0</v>
      </c>
      <c r="CQ12" s="25">
        <v>0</v>
      </c>
      <c r="CR12" s="25">
        <v>0</v>
      </c>
      <c r="CS12" s="25">
        <v>0</v>
      </c>
      <c r="CT12" s="25">
        <v>0</v>
      </c>
      <c r="CU12" s="25">
        <v>0</v>
      </c>
      <c r="CV12" s="28">
        <v>0</v>
      </c>
      <c r="CW12" s="29">
        <v>0</v>
      </c>
      <c r="CX12" s="24">
        <v>0</v>
      </c>
      <c r="CY12" s="25">
        <v>0</v>
      </c>
      <c r="CZ12" s="26">
        <v>0</v>
      </c>
      <c r="DA12" s="404">
        <v>0</v>
      </c>
      <c r="DB12" s="25">
        <v>0</v>
      </c>
      <c r="DC12" s="25">
        <v>0</v>
      </c>
      <c r="DD12" s="25">
        <v>0</v>
      </c>
      <c r="DE12" s="25">
        <v>0</v>
      </c>
      <c r="DF12" s="25">
        <v>0</v>
      </c>
      <c r="DG12" s="28">
        <v>0</v>
      </c>
      <c r="DH12" s="29">
        <v>0</v>
      </c>
      <c r="DI12" s="24">
        <v>0</v>
      </c>
      <c r="DJ12" s="25">
        <v>18254</v>
      </c>
      <c r="DK12" s="26">
        <v>18254</v>
      </c>
      <c r="DL12" s="27">
        <v>0</v>
      </c>
      <c r="DM12" s="25">
        <v>346017</v>
      </c>
      <c r="DN12" s="25">
        <v>1272363</v>
      </c>
      <c r="DO12" s="25">
        <v>5676524</v>
      </c>
      <c r="DP12" s="25">
        <v>5456820</v>
      </c>
      <c r="DQ12" s="25">
        <v>3077513</v>
      </c>
      <c r="DR12" s="28">
        <v>15829237</v>
      </c>
      <c r="DS12" s="30">
        <v>15847491</v>
      </c>
      <c r="DT12" s="24">
        <v>0</v>
      </c>
      <c r="DU12" s="25">
        <v>0</v>
      </c>
      <c r="DV12" s="26">
        <v>0</v>
      </c>
      <c r="DW12" s="404">
        <v>0</v>
      </c>
      <c r="DX12" s="25">
        <v>157356</v>
      </c>
      <c r="DY12" s="25">
        <v>807066</v>
      </c>
      <c r="DZ12" s="25">
        <v>4526371</v>
      </c>
      <c r="EA12" s="25">
        <v>4389947</v>
      </c>
      <c r="EB12" s="25">
        <v>2817368</v>
      </c>
      <c r="EC12" s="28">
        <v>12698108</v>
      </c>
      <c r="ED12" s="29">
        <v>12698108</v>
      </c>
      <c r="EE12" s="24">
        <v>0</v>
      </c>
      <c r="EF12" s="25">
        <v>0</v>
      </c>
      <c r="EG12" s="26">
        <v>0</v>
      </c>
      <c r="EH12" s="404">
        <v>0</v>
      </c>
      <c r="EI12" s="25">
        <v>23337</v>
      </c>
      <c r="EJ12" s="25">
        <v>90021</v>
      </c>
      <c r="EK12" s="25">
        <v>95210</v>
      </c>
      <c r="EL12" s="25">
        <v>163784</v>
      </c>
      <c r="EM12" s="25">
        <v>30413</v>
      </c>
      <c r="EN12" s="28">
        <v>402765</v>
      </c>
      <c r="EO12" s="29">
        <v>402765</v>
      </c>
      <c r="EP12" s="24">
        <v>0</v>
      </c>
      <c r="EQ12" s="25">
        <v>0</v>
      </c>
      <c r="ER12" s="26">
        <v>0</v>
      </c>
      <c r="ES12" s="404">
        <v>0</v>
      </c>
      <c r="ET12" s="25">
        <v>0</v>
      </c>
      <c r="EU12" s="25">
        <v>0</v>
      </c>
      <c r="EV12" s="25">
        <v>0</v>
      </c>
      <c r="EW12" s="25">
        <v>0</v>
      </c>
      <c r="EX12" s="25">
        <v>0</v>
      </c>
      <c r="EY12" s="28">
        <v>0</v>
      </c>
      <c r="EZ12" s="29">
        <v>0</v>
      </c>
      <c r="FA12" s="24">
        <v>0</v>
      </c>
      <c r="FB12" s="25">
        <v>0</v>
      </c>
      <c r="FC12" s="26">
        <v>0</v>
      </c>
      <c r="FD12" s="404">
        <v>0</v>
      </c>
      <c r="FE12" s="25">
        <v>0</v>
      </c>
      <c r="FF12" s="25">
        <v>0</v>
      </c>
      <c r="FG12" s="25">
        <v>217</v>
      </c>
      <c r="FH12" s="25">
        <v>0</v>
      </c>
      <c r="FI12" s="25">
        <v>14198</v>
      </c>
      <c r="FJ12" s="28">
        <v>14415</v>
      </c>
      <c r="FK12" s="29">
        <v>14415</v>
      </c>
      <c r="FL12" s="24">
        <v>0</v>
      </c>
      <c r="FM12" s="25">
        <v>0</v>
      </c>
      <c r="FN12" s="26">
        <v>0</v>
      </c>
      <c r="FO12" s="404">
        <v>0</v>
      </c>
      <c r="FP12" s="25">
        <v>0</v>
      </c>
      <c r="FQ12" s="25">
        <v>21576</v>
      </c>
      <c r="FR12" s="25">
        <v>175938</v>
      </c>
      <c r="FS12" s="25">
        <v>410074</v>
      </c>
      <c r="FT12" s="25">
        <v>43152</v>
      </c>
      <c r="FU12" s="28">
        <v>650740</v>
      </c>
      <c r="FV12" s="29">
        <v>650740</v>
      </c>
      <c r="FW12" s="24">
        <v>0</v>
      </c>
      <c r="FX12" s="25">
        <v>18254</v>
      </c>
      <c r="FY12" s="26">
        <v>18254</v>
      </c>
      <c r="FZ12" s="27">
        <v>0</v>
      </c>
      <c r="GA12" s="25">
        <v>165324</v>
      </c>
      <c r="GB12" s="25">
        <v>353700</v>
      </c>
      <c r="GC12" s="25">
        <v>878788</v>
      </c>
      <c r="GD12" s="25">
        <v>493015</v>
      </c>
      <c r="GE12" s="25">
        <v>172277</v>
      </c>
      <c r="GF12" s="28">
        <v>2063104</v>
      </c>
      <c r="GG12" s="29">
        <v>2081358</v>
      </c>
      <c r="GH12" s="24">
        <v>0</v>
      </c>
      <c r="GI12" s="25">
        <v>0</v>
      </c>
      <c r="GJ12" s="26">
        <v>0</v>
      </c>
      <c r="GK12" s="27">
        <v>0</v>
      </c>
      <c r="GL12" s="25">
        <v>0</v>
      </c>
      <c r="GM12" s="25">
        <v>0</v>
      </c>
      <c r="GN12" s="25">
        <v>0</v>
      </c>
      <c r="GO12" s="25">
        <v>0</v>
      </c>
      <c r="GP12" s="25">
        <v>105</v>
      </c>
      <c r="GQ12" s="28">
        <v>105</v>
      </c>
      <c r="GR12" s="29">
        <v>105</v>
      </c>
      <c r="GS12" s="24">
        <v>0</v>
      </c>
      <c r="GT12" s="25">
        <v>0</v>
      </c>
      <c r="GU12" s="26">
        <v>0</v>
      </c>
      <c r="GV12" s="27">
        <v>0</v>
      </c>
      <c r="GW12" s="25">
        <v>0</v>
      </c>
      <c r="GX12" s="25">
        <v>0</v>
      </c>
      <c r="GY12" s="25">
        <v>0</v>
      </c>
      <c r="GZ12" s="25">
        <v>0</v>
      </c>
      <c r="HA12" s="25">
        <v>0</v>
      </c>
      <c r="HB12" s="28">
        <v>0</v>
      </c>
      <c r="HC12" s="29">
        <v>0</v>
      </c>
      <c r="HD12" s="24">
        <v>0</v>
      </c>
      <c r="HE12" s="25">
        <v>0</v>
      </c>
      <c r="HF12" s="26">
        <v>0</v>
      </c>
      <c r="HG12" s="404">
        <v>0</v>
      </c>
      <c r="HH12" s="25">
        <v>0</v>
      </c>
      <c r="HI12" s="25">
        <v>0</v>
      </c>
      <c r="HJ12" s="25">
        <v>0</v>
      </c>
      <c r="HK12" s="25">
        <v>0</v>
      </c>
      <c r="HL12" s="25">
        <v>0</v>
      </c>
      <c r="HM12" s="28">
        <v>0</v>
      </c>
      <c r="HN12" s="29">
        <v>0</v>
      </c>
      <c r="HO12" s="24">
        <v>0</v>
      </c>
      <c r="HP12" s="25">
        <v>29924</v>
      </c>
      <c r="HQ12" s="26">
        <v>29924</v>
      </c>
      <c r="HR12" s="27">
        <v>0</v>
      </c>
      <c r="HS12" s="25">
        <v>800004</v>
      </c>
      <c r="HT12" s="25">
        <v>2505193</v>
      </c>
      <c r="HU12" s="25">
        <v>10068702</v>
      </c>
      <c r="HV12" s="25">
        <v>10022060</v>
      </c>
      <c r="HW12" s="25">
        <v>5458562</v>
      </c>
      <c r="HX12" s="28">
        <v>28854521</v>
      </c>
      <c r="HY12" s="29">
        <v>28884445</v>
      </c>
    </row>
    <row r="13" spans="2:233" ht="21" customHeight="1" x14ac:dyDescent="0.2">
      <c r="B13" s="106" t="s">
        <v>9</v>
      </c>
      <c r="C13" s="24">
        <v>0</v>
      </c>
      <c r="D13" s="25">
        <v>0</v>
      </c>
      <c r="E13" s="26">
        <v>0</v>
      </c>
      <c r="F13" s="27">
        <v>0</v>
      </c>
      <c r="G13" s="25">
        <v>167593</v>
      </c>
      <c r="H13" s="25">
        <v>150068</v>
      </c>
      <c r="I13" s="25">
        <v>1925126</v>
      </c>
      <c r="J13" s="25">
        <v>1912709</v>
      </c>
      <c r="K13" s="25">
        <v>1667292</v>
      </c>
      <c r="L13" s="28">
        <v>5822788</v>
      </c>
      <c r="M13" s="29">
        <v>5822788</v>
      </c>
      <c r="N13" s="24">
        <v>0</v>
      </c>
      <c r="O13" s="25">
        <v>0</v>
      </c>
      <c r="P13" s="26">
        <v>0</v>
      </c>
      <c r="Q13" s="404">
        <v>0</v>
      </c>
      <c r="R13" s="25">
        <v>45425</v>
      </c>
      <c r="S13" s="25">
        <v>43245</v>
      </c>
      <c r="T13" s="25">
        <v>1386619</v>
      </c>
      <c r="U13" s="25">
        <v>1312457</v>
      </c>
      <c r="V13" s="25">
        <v>1284155</v>
      </c>
      <c r="W13" s="28">
        <v>4071901</v>
      </c>
      <c r="X13" s="29">
        <v>4071901</v>
      </c>
      <c r="Y13" s="24">
        <v>0</v>
      </c>
      <c r="Z13" s="25">
        <v>0</v>
      </c>
      <c r="AA13" s="26">
        <v>0</v>
      </c>
      <c r="AB13" s="404">
        <v>0</v>
      </c>
      <c r="AC13" s="25">
        <v>103923</v>
      </c>
      <c r="AD13" s="25">
        <v>52785</v>
      </c>
      <c r="AE13" s="25">
        <v>412900</v>
      </c>
      <c r="AF13" s="25">
        <v>510235</v>
      </c>
      <c r="AG13" s="25">
        <v>290210</v>
      </c>
      <c r="AH13" s="28">
        <v>1370053</v>
      </c>
      <c r="AI13" s="29">
        <v>1370053</v>
      </c>
      <c r="AJ13" s="24">
        <v>0</v>
      </c>
      <c r="AK13" s="25">
        <v>0</v>
      </c>
      <c r="AL13" s="26">
        <v>0</v>
      </c>
      <c r="AM13" s="404">
        <v>0</v>
      </c>
      <c r="AN13" s="25">
        <v>0</v>
      </c>
      <c r="AO13" s="25">
        <v>0</v>
      </c>
      <c r="AP13" s="25">
        <v>0</v>
      </c>
      <c r="AQ13" s="25">
        <v>0</v>
      </c>
      <c r="AR13" s="25">
        <v>0</v>
      </c>
      <c r="AS13" s="28">
        <v>0</v>
      </c>
      <c r="AT13" s="29">
        <v>0</v>
      </c>
      <c r="AU13" s="24">
        <v>0</v>
      </c>
      <c r="AV13" s="25">
        <v>0</v>
      </c>
      <c r="AW13" s="26">
        <v>0</v>
      </c>
      <c r="AX13" s="404">
        <v>0</v>
      </c>
      <c r="AY13" s="25">
        <v>0</v>
      </c>
      <c r="AZ13" s="25">
        <v>0</v>
      </c>
      <c r="BA13" s="25">
        <v>0</v>
      </c>
      <c r="BB13" s="25">
        <v>0</v>
      </c>
      <c r="BC13" s="25">
        <v>7905</v>
      </c>
      <c r="BD13" s="28">
        <v>7905</v>
      </c>
      <c r="BE13" s="29">
        <v>7905</v>
      </c>
      <c r="BF13" s="24">
        <v>0</v>
      </c>
      <c r="BG13" s="25">
        <v>0</v>
      </c>
      <c r="BH13" s="26">
        <v>0</v>
      </c>
      <c r="BI13" s="404">
        <v>0</v>
      </c>
      <c r="BJ13" s="25">
        <v>0</v>
      </c>
      <c r="BK13" s="25">
        <v>0</v>
      </c>
      <c r="BL13" s="25">
        <v>0</v>
      </c>
      <c r="BM13" s="25">
        <v>0</v>
      </c>
      <c r="BN13" s="25">
        <v>24645</v>
      </c>
      <c r="BO13" s="28">
        <v>24645</v>
      </c>
      <c r="BP13" s="29">
        <v>24645</v>
      </c>
      <c r="BQ13" s="24">
        <v>0</v>
      </c>
      <c r="BR13" s="25">
        <v>0</v>
      </c>
      <c r="BS13" s="26">
        <v>0</v>
      </c>
      <c r="BT13" s="27">
        <v>0</v>
      </c>
      <c r="BU13" s="25">
        <v>15305</v>
      </c>
      <c r="BV13" s="25">
        <v>54038</v>
      </c>
      <c r="BW13" s="25">
        <v>112377</v>
      </c>
      <c r="BX13" s="25">
        <v>90017</v>
      </c>
      <c r="BY13" s="25">
        <v>59047</v>
      </c>
      <c r="BZ13" s="28">
        <v>330784</v>
      </c>
      <c r="CA13" s="29">
        <v>330784</v>
      </c>
      <c r="CB13" s="24">
        <v>0</v>
      </c>
      <c r="CC13" s="25">
        <v>0</v>
      </c>
      <c r="CD13" s="26">
        <v>0</v>
      </c>
      <c r="CE13" s="27">
        <v>0</v>
      </c>
      <c r="CF13" s="25">
        <v>2940</v>
      </c>
      <c r="CG13" s="25">
        <v>0</v>
      </c>
      <c r="CH13" s="25">
        <v>13230</v>
      </c>
      <c r="CI13" s="25">
        <v>0</v>
      </c>
      <c r="CJ13" s="25">
        <v>1330</v>
      </c>
      <c r="CK13" s="28">
        <v>17500</v>
      </c>
      <c r="CL13" s="29">
        <v>17500</v>
      </c>
      <c r="CM13" s="24">
        <v>0</v>
      </c>
      <c r="CN13" s="25">
        <v>0</v>
      </c>
      <c r="CO13" s="26">
        <v>0</v>
      </c>
      <c r="CP13" s="27">
        <v>0</v>
      </c>
      <c r="CQ13" s="25">
        <v>0</v>
      </c>
      <c r="CR13" s="25">
        <v>0</v>
      </c>
      <c r="CS13" s="25">
        <v>0</v>
      </c>
      <c r="CT13" s="25">
        <v>0</v>
      </c>
      <c r="CU13" s="25">
        <v>0</v>
      </c>
      <c r="CV13" s="28">
        <v>0</v>
      </c>
      <c r="CW13" s="29">
        <v>0</v>
      </c>
      <c r="CX13" s="24">
        <v>0</v>
      </c>
      <c r="CY13" s="25">
        <v>0</v>
      </c>
      <c r="CZ13" s="26">
        <v>0</v>
      </c>
      <c r="DA13" s="404">
        <v>0</v>
      </c>
      <c r="DB13" s="25">
        <v>0</v>
      </c>
      <c r="DC13" s="25">
        <v>0</v>
      </c>
      <c r="DD13" s="25">
        <v>0</v>
      </c>
      <c r="DE13" s="25">
        <v>0</v>
      </c>
      <c r="DF13" s="25">
        <v>0</v>
      </c>
      <c r="DG13" s="28">
        <v>0</v>
      </c>
      <c r="DH13" s="29">
        <v>0</v>
      </c>
      <c r="DI13" s="24">
        <v>0</v>
      </c>
      <c r="DJ13" s="25">
        <v>0</v>
      </c>
      <c r="DK13" s="26">
        <v>0</v>
      </c>
      <c r="DL13" s="27">
        <v>0</v>
      </c>
      <c r="DM13" s="25">
        <v>94230</v>
      </c>
      <c r="DN13" s="25">
        <v>304680</v>
      </c>
      <c r="DO13" s="25">
        <v>2269707</v>
      </c>
      <c r="DP13" s="25">
        <v>2384772</v>
      </c>
      <c r="DQ13" s="25">
        <v>1989918</v>
      </c>
      <c r="DR13" s="28">
        <v>7043307</v>
      </c>
      <c r="DS13" s="30">
        <v>7043307</v>
      </c>
      <c r="DT13" s="24">
        <v>0</v>
      </c>
      <c r="DU13" s="25">
        <v>0</v>
      </c>
      <c r="DV13" s="26">
        <v>0</v>
      </c>
      <c r="DW13" s="404">
        <v>0</v>
      </c>
      <c r="DX13" s="25">
        <v>52078</v>
      </c>
      <c r="DY13" s="25">
        <v>116529</v>
      </c>
      <c r="DZ13" s="25">
        <v>2039695</v>
      </c>
      <c r="EA13" s="25">
        <v>2115266</v>
      </c>
      <c r="EB13" s="25">
        <v>1689618</v>
      </c>
      <c r="EC13" s="28">
        <v>6013186</v>
      </c>
      <c r="ED13" s="29">
        <v>6013186</v>
      </c>
      <c r="EE13" s="24">
        <v>0</v>
      </c>
      <c r="EF13" s="25">
        <v>0</v>
      </c>
      <c r="EG13" s="26">
        <v>0</v>
      </c>
      <c r="EH13" s="404">
        <v>0</v>
      </c>
      <c r="EI13" s="25">
        <v>8788</v>
      </c>
      <c r="EJ13" s="25">
        <v>23718</v>
      </c>
      <c r="EK13" s="25">
        <v>58710</v>
      </c>
      <c r="EL13" s="25">
        <v>67781</v>
      </c>
      <c r="EM13" s="25">
        <v>78285</v>
      </c>
      <c r="EN13" s="28">
        <v>237282</v>
      </c>
      <c r="EO13" s="29">
        <v>237282</v>
      </c>
      <c r="EP13" s="24">
        <v>0</v>
      </c>
      <c r="EQ13" s="25">
        <v>0</v>
      </c>
      <c r="ER13" s="26">
        <v>0</v>
      </c>
      <c r="ES13" s="404">
        <v>0</v>
      </c>
      <c r="ET13" s="25">
        <v>0</v>
      </c>
      <c r="EU13" s="25">
        <v>0</v>
      </c>
      <c r="EV13" s="25">
        <v>0</v>
      </c>
      <c r="EW13" s="25">
        <v>0</v>
      </c>
      <c r="EX13" s="25">
        <v>0</v>
      </c>
      <c r="EY13" s="28">
        <v>0</v>
      </c>
      <c r="EZ13" s="29">
        <v>0</v>
      </c>
      <c r="FA13" s="24">
        <v>0</v>
      </c>
      <c r="FB13" s="25">
        <v>0</v>
      </c>
      <c r="FC13" s="26">
        <v>0</v>
      </c>
      <c r="FD13" s="404">
        <v>0</v>
      </c>
      <c r="FE13" s="25">
        <v>0</v>
      </c>
      <c r="FF13" s="25">
        <v>0</v>
      </c>
      <c r="FG13" s="25">
        <v>0</v>
      </c>
      <c r="FH13" s="25">
        <v>0</v>
      </c>
      <c r="FI13" s="25">
        <v>651</v>
      </c>
      <c r="FJ13" s="28">
        <v>651</v>
      </c>
      <c r="FK13" s="29">
        <v>651</v>
      </c>
      <c r="FL13" s="24">
        <v>0</v>
      </c>
      <c r="FM13" s="25">
        <v>0</v>
      </c>
      <c r="FN13" s="26">
        <v>0</v>
      </c>
      <c r="FO13" s="404">
        <v>0</v>
      </c>
      <c r="FP13" s="25">
        <v>0</v>
      </c>
      <c r="FQ13" s="25">
        <v>0</v>
      </c>
      <c r="FR13" s="25">
        <v>0</v>
      </c>
      <c r="FS13" s="25">
        <v>0</v>
      </c>
      <c r="FT13" s="25">
        <v>21576</v>
      </c>
      <c r="FU13" s="28">
        <v>21576</v>
      </c>
      <c r="FV13" s="29">
        <v>21576</v>
      </c>
      <c r="FW13" s="24">
        <v>0</v>
      </c>
      <c r="FX13" s="25">
        <v>0</v>
      </c>
      <c r="FY13" s="26">
        <v>0</v>
      </c>
      <c r="FZ13" s="27">
        <v>0</v>
      </c>
      <c r="GA13" s="25">
        <v>30500</v>
      </c>
      <c r="GB13" s="25">
        <v>164433</v>
      </c>
      <c r="GC13" s="25">
        <v>161861</v>
      </c>
      <c r="GD13" s="25">
        <v>201725</v>
      </c>
      <c r="GE13" s="25">
        <v>199704</v>
      </c>
      <c r="GF13" s="28">
        <v>758223</v>
      </c>
      <c r="GG13" s="29">
        <v>758223</v>
      </c>
      <c r="GH13" s="24">
        <v>0</v>
      </c>
      <c r="GI13" s="25">
        <v>0</v>
      </c>
      <c r="GJ13" s="26">
        <v>0</v>
      </c>
      <c r="GK13" s="27">
        <v>0</v>
      </c>
      <c r="GL13" s="25">
        <v>2864</v>
      </c>
      <c r="GM13" s="25">
        <v>0</v>
      </c>
      <c r="GN13" s="25">
        <v>9441</v>
      </c>
      <c r="GO13" s="25">
        <v>0</v>
      </c>
      <c r="GP13" s="25">
        <v>84</v>
      </c>
      <c r="GQ13" s="28">
        <v>12389</v>
      </c>
      <c r="GR13" s="29">
        <v>12389</v>
      </c>
      <c r="GS13" s="24">
        <v>0</v>
      </c>
      <c r="GT13" s="25">
        <v>0</v>
      </c>
      <c r="GU13" s="26">
        <v>0</v>
      </c>
      <c r="GV13" s="27">
        <v>0</v>
      </c>
      <c r="GW13" s="25">
        <v>0</v>
      </c>
      <c r="GX13" s="25">
        <v>0</v>
      </c>
      <c r="GY13" s="25">
        <v>0</v>
      </c>
      <c r="GZ13" s="25">
        <v>0</v>
      </c>
      <c r="HA13" s="25">
        <v>0</v>
      </c>
      <c r="HB13" s="28">
        <v>0</v>
      </c>
      <c r="HC13" s="29">
        <v>0</v>
      </c>
      <c r="HD13" s="24">
        <v>0</v>
      </c>
      <c r="HE13" s="25">
        <v>0</v>
      </c>
      <c r="HF13" s="26">
        <v>0</v>
      </c>
      <c r="HG13" s="404">
        <v>0</v>
      </c>
      <c r="HH13" s="25">
        <v>0</v>
      </c>
      <c r="HI13" s="25">
        <v>0</v>
      </c>
      <c r="HJ13" s="25">
        <v>0</v>
      </c>
      <c r="HK13" s="25">
        <v>0</v>
      </c>
      <c r="HL13" s="25">
        <v>0</v>
      </c>
      <c r="HM13" s="28">
        <v>0</v>
      </c>
      <c r="HN13" s="29">
        <v>0</v>
      </c>
      <c r="HO13" s="24">
        <v>0</v>
      </c>
      <c r="HP13" s="25">
        <v>0</v>
      </c>
      <c r="HQ13" s="26">
        <v>0</v>
      </c>
      <c r="HR13" s="27">
        <v>0</v>
      </c>
      <c r="HS13" s="25">
        <v>261823</v>
      </c>
      <c r="HT13" s="25">
        <v>454748</v>
      </c>
      <c r="HU13" s="25">
        <v>4194833</v>
      </c>
      <c r="HV13" s="25">
        <v>4297481</v>
      </c>
      <c r="HW13" s="25">
        <v>3657210</v>
      </c>
      <c r="HX13" s="28">
        <v>12866095</v>
      </c>
      <c r="HY13" s="29">
        <v>12866095</v>
      </c>
    </row>
    <row r="14" spans="2:233" ht="21" customHeight="1" x14ac:dyDescent="0.2">
      <c r="B14" s="106" t="s">
        <v>10</v>
      </c>
      <c r="C14" s="24">
        <v>0</v>
      </c>
      <c r="D14" s="25">
        <v>9200</v>
      </c>
      <c r="E14" s="26">
        <v>9200</v>
      </c>
      <c r="F14" s="27">
        <v>0</v>
      </c>
      <c r="G14" s="25">
        <v>659942</v>
      </c>
      <c r="H14" s="25">
        <v>888317</v>
      </c>
      <c r="I14" s="25">
        <v>2789092</v>
      </c>
      <c r="J14" s="25">
        <v>4988554</v>
      </c>
      <c r="K14" s="25">
        <v>3344343</v>
      </c>
      <c r="L14" s="28">
        <v>12670248</v>
      </c>
      <c r="M14" s="29">
        <v>12679448</v>
      </c>
      <c r="N14" s="24">
        <v>0</v>
      </c>
      <c r="O14" s="25">
        <v>0</v>
      </c>
      <c r="P14" s="26">
        <v>0</v>
      </c>
      <c r="Q14" s="404">
        <v>0</v>
      </c>
      <c r="R14" s="25">
        <v>113790</v>
      </c>
      <c r="S14" s="25">
        <v>234130</v>
      </c>
      <c r="T14" s="25">
        <v>1902716</v>
      </c>
      <c r="U14" s="25">
        <v>3496117</v>
      </c>
      <c r="V14" s="25">
        <v>2612100</v>
      </c>
      <c r="W14" s="28">
        <v>8358853</v>
      </c>
      <c r="X14" s="29">
        <v>8358853</v>
      </c>
      <c r="Y14" s="24">
        <v>0</v>
      </c>
      <c r="Z14" s="25">
        <v>0</v>
      </c>
      <c r="AA14" s="26">
        <v>0</v>
      </c>
      <c r="AB14" s="404">
        <v>0</v>
      </c>
      <c r="AC14" s="25">
        <v>456505</v>
      </c>
      <c r="AD14" s="25">
        <v>491705</v>
      </c>
      <c r="AE14" s="25">
        <v>500185</v>
      </c>
      <c r="AF14" s="25">
        <v>1095790</v>
      </c>
      <c r="AG14" s="25">
        <v>429928</v>
      </c>
      <c r="AH14" s="28">
        <v>2974113</v>
      </c>
      <c r="AI14" s="29">
        <v>2974113</v>
      </c>
      <c r="AJ14" s="24">
        <v>0</v>
      </c>
      <c r="AK14" s="25">
        <v>0</v>
      </c>
      <c r="AL14" s="26">
        <v>0</v>
      </c>
      <c r="AM14" s="404">
        <v>0</v>
      </c>
      <c r="AN14" s="25">
        <v>0</v>
      </c>
      <c r="AO14" s="25">
        <v>0</v>
      </c>
      <c r="AP14" s="25">
        <v>0</v>
      </c>
      <c r="AQ14" s="25">
        <v>0</v>
      </c>
      <c r="AR14" s="25">
        <v>0</v>
      </c>
      <c r="AS14" s="28">
        <v>0</v>
      </c>
      <c r="AT14" s="29">
        <v>0</v>
      </c>
      <c r="AU14" s="24">
        <v>0</v>
      </c>
      <c r="AV14" s="25">
        <v>0</v>
      </c>
      <c r="AW14" s="26">
        <v>0</v>
      </c>
      <c r="AX14" s="404">
        <v>0</v>
      </c>
      <c r="AY14" s="25">
        <v>0</v>
      </c>
      <c r="AZ14" s="25">
        <v>0</v>
      </c>
      <c r="BA14" s="25">
        <v>42135</v>
      </c>
      <c r="BB14" s="25">
        <v>57350</v>
      </c>
      <c r="BC14" s="25">
        <v>152495</v>
      </c>
      <c r="BD14" s="28">
        <v>251980</v>
      </c>
      <c r="BE14" s="29">
        <v>251980</v>
      </c>
      <c r="BF14" s="24">
        <v>0</v>
      </c>
      <c r="BG14" s="25">
        <v>0</v>
      </c>
      <c r="BH14" s="26">
        <v>0</v>
      </c>
      <c r="BI14" s="404">
        <v>0</v>
      </c>
      <c r="BJ14" s="25">
        <v>0</v>
      </c>
      <c r="BK14" s="25">
        <v>0</v>
      </c>
      <c r="BL14" s="25">
        <v>0</v>
      </c>
      <c r="BM14" s="25">
        <v>35340</v>
      </c>
      <c r="BN14" s="25">
        <v>45030</v>
      </c>
      <c r="BO14" s="28">
        <v>80370</v>
      </c>
      <c r="BP14" s="29">
        <v>80370</v>
      </c>
      <c r="BQ14" s="24">
        <v>0</v>
      </c>
      <c r="BR14" s="25">
        <v>9200</v>
      </c>
      <c r="BS14" s="26">
        <v>9200</v>
      </c>
      <c r="BT14" s="27">
        <v>0</v>
      </c>
      <c r="BU14" s="25">
        <v>89647</v>
      </c>
      <c r="BV14" s="25">
        <v>162482</v>
      </c>
      <c r="BW14" s="25">
        <v>332009</v>
      </c>
      <c r="BX14" s="25">
        <v>301245</v>
      </c>
      <c r="BY14" s="25">
        <v>83705</v>
      </c>
      <c r="BZ14" s="28">
        <v>969088</v>
      </c>
      <c r="CA14" s="29">
        <v>978288</v>
      </c>
      <c r="CB14" s="24">
        <v>0</v>
      </c>
      <c r="CC14" s="25">
        <v>0</v>
      </c>
      <c r="CD14" s="26">
        <v>0</v>
      </c>
      <c r="CE14" s="27">
        <v>0</v>
      </c>
      <c r="CF14" s="25">
        <v>0</v>
      </c>
      <c r="CG14" s="25">
        <v>0</v>
      </c>
      <c r="CH14" s="25">
        <v>12047</v>
      </c>
      <c r="CI14" s="25">
        <v>2712</v>
      </c>
      <c r="CJ14" s="25">
        <v>21085</v>
      </c>
      <c r="CK14" s="28">
        <v>35844</v>
      </c>
      <c r="CL14" s="29">
        <v>35844</v>
      </c>
      <c r="CM14" s="24">
        <v>0</v>
      </c>
      <c r="CN14" s="25">
        <v>0</v>
      </c>
      <c r="CO14" s="26">
        <v>0</v>
      </c>
      <c r="CP14" s="27">
        <v>0</v>
      </c>
      <c r="CQ14" s="25">
        <v>0</v>
      </c>
      <c r="CR14" s="25">
        <v>0</v>
      </c>
      <c r="CS14" s="25">
        <v>0</v>
      </c>
      <c r="CT14" s="25">
        <v>0</v>
      </c>
      <c r="CU14" s="25">
        <v>0</v>
      </c>
      <c r="CV14" s="28">
        <v>0</v>
      </c>
      <c r="CW14" s="29">
        <v>0</v>
      </c>
      <c r="CX14" s="24">
        <v>0</v>
      </c>
      <c r="CY14" s="25">
        <v>0</v>
      </c>
      <c r="CZ14" s="26">
        <v>0</v>
      </c>
      <c r="DA14" s="404">
        <v>0</v>
      </c>
      <c r="DB14" s="25">
        <v>0</v>
      </c>
      <c r="DC14" s="25">
        <v>0</v>
      </c>
      <c r="DD14" s="25">
        <v>0</v>
      </c>
      <c r="DE14" s="25">
        <v>0</v>
      </c>
      <c r="DF14" s="25">
        <v>0</v>
      </c>
      <c r="DG14" s="28">
        <v>0</v>
      </c>
      <c r="DH14" s="29">
        <v>0</v>
      </c>
      <c r="DI14" s="24">
        <v>0</v>
      </c>
      <c r="DJ14" s="25">
        <v>9360</v>
      </c>
      <c r="DK14" s="26">
        <v>9360</v>
      </c>
      <c r="DL14" s="27">
        <v>0</v>
      </c>
      <c r="DM14" s="25">
        <v>385722</v>
      </c>
      <c r="DN14" s="25">
        <v>879315</v>
      </c>
      <c r="DO14" s="25">
        <v>4098152</v>
      </c>
      <c r="DP14" s="25">
        <v>6532955</v>
      </c>
      <c r="DQ14" s="25">
        <v>4268088</v>
      </c>
      <c r="DR14" s="28">
        <v>16164232</v>
      </c>
      <c r="DS14" s="30">
        <v>16173592</v>
      </c>
      <c r="DT14" s="24">
        <v>0</v>
      </c>
      <c r="DU14" s="25">
        <v>0</v>
      </c>
      <c r="DV14" s="26">
        <v>0</v>
      </c>
      <c r="DW14" s="404">
        <v>0</v>
      </c>
      <c r="DX14" s="25">
        <v>185101</v>
      </c>
      <c r="DY14" s="25">
        <v>441784</v>
      </c>
      <c r="DZ14" s="25">
        <v>3480047</v>
      </c>
      <c r="EA14" s="25">
        <v>5857929</v>
      </c>
      <c r="EB14" s="25">
        <v>3908830</v>
      </c>
      <c r="EC14" s="28">
        <v>13873691</v>
      </c>
      <c r="ED14" s="29">
        <v>13873691</v>
      </c>
      <c r="EE14" s="24">
        <v>0</v>
      </c>
      <c r="EF14" s="25">
        <v>0</v>
      </c>
      <c r="EG14" s="26">
        <v>0</v>
      </c>
      <c r="EH14" s="404">
        <v>0</v>
      </c>
      <c r="EI14" s="25">
        <v>40716</v>
      </c>
      <c r="EJ14" s="25">
        <v>133874</v>
      </c>
      <c r="EK14" s="25">
        <v>111943</v>
      </c>
      <c r="EL14" s="25">
        <v>143969</v>
      </c>
      <c r="EM14" s="25">
        <v>58297</v>
      </c>
      <c r="EN14" s="28">
        <v>488799</v>
      </c>
      <c r="EO14" s="29">
        <v>488799</v>
      </c>
      <c r="EP14" s="24">
        <v>0</v>
      </c>
      <c r="EQ14" s="25">
        <v>0</v>
      </c>
      <c r="ER14" s="26">
        <v>0</v>
      </c>
      <c r="ES14" s="404">
        <v>0</v>
      </c>
      <c r="ET14" s="25">
        <v>0</v>
      </c>
      <c r="EU14" s="25">
        <v>0</v>
      </c>
      <c r="EV14" s="25">
        <v>0</v>
      </c>
      <c r="EW14" s="25">
        <v>0</v>
      </c>
      <c r="EX14" s="25">
        <v>0</v>
      </c>
      <c r="EY14" s="28">
        <v>0</v>
      </c>
      <c r="EZ14" s="29">
        <v>0</v>
      </c>
      <c r="FA14" s="24">
        <v>0</v>
      </c>
      <c r="FB14" s="25">
        <v>0</v>
      </c>
      <c r="FC14" s="26">
        <v>0</v>
      </c>
      <c r="FD14" s="404">
        <v>0</v>
      </c>
      <c r="FE14" s="25">
        <v>0</v>
      </c>
      <c r="FF14" s="25">
        <v>0</v>
      </c>
      <c r="FG14" s="25">
        <v>406</v>
      </c>
      <c r="FH14" s="25">
        <v>434</v>
      </c>
      <c r="FI14" s="25">
        <v>2807</v>
      </c>
      <c r="FJ14" s="28">
        <v>3647</v>
      </c>
      <c r="FK14" s="29">
        <v>3647</v>
      </c>
      <c r="FL14" s="24">
        <v>0</v>
      </c>
      <c r="FM14" s="25">
        <v>0</v>
      </c>
      <c r="FN14" s="26">
        <v>0</v>
      </c>
      <c r="FO14" s="404">
        <v>0</v>
      </c>
      <c r="FP14" s="25">
        <v>0</v>
      </c>
      <c r="FQ14" s="25">
        <v>0</v>
      </c>
      <c r="FR14" s="25">
        <v>0</v>
      </c>
      <c r="FS14" s="25">
        <v>47647</v>
      </c>
      <c r="FT14" s="25">
        <v>141862</v>
      </c>
      <c r="FU14" s="28">
        <v>189509</v>
      </c>
      <c r="FV14" s="29">
        <v>189509</v>
      </c>
      <c r="FW14" s="24">
        <v>0</v>
      </c>
      <c r="FX14" s="25">
        <v>9360</v>
      </c>
      <c r="FY14" s="26">
        <v>9360</v>
      </c>
      <c r="FZ14" s="27">
        <v>0</v>
      </c>
      <c r="GA14" s="25">
        <v>159905</v>
      </c>
      <c r="GB14" s="25">
        <v>303657</v>
      </c>
      <c r="GC14" s="25">
        <v>505623</v>
      </c>
      <c r="GD14" s="25">
        <v>482668</v>
      </c>
      <c r="GE14" s="25">
        <v>147636</v>
      </c>
      <c r="GF14" s="28">
        <v>1599489</v>
      </c>
      <c r="GG14" s="29">
        <v>1608849</v>
      </c>
      <c r="GH14" s="24">
        <v>0</v>
      </c>
      <c r="GI14" s="25">
        <v>0</v>
      </c>
      <c r="GJ14" s="26">
        <v>0</v>
      </c>
      <c r="GK14" s="27">
        <v>0</v>
      </c>
      <c r="GL14" s="25">
        <v>0</v>
      </c>
      <c r="GM14" s="25">
        <v>0</v>
      </c>
      <c r="GN14" s="25">
        <v>133</v>
      </c>
      <c r="GO14" s="25">
        <v>308</v>
      </c>
      <c r="GP14" s="25">
        <v>8656</v>
      </c>
      <c r="GQ14" s="28">
        <v>9097</v>
      </c>
      <c r="GR14" s="29">
        <v>9097</v>
      </c>
      <c r="GS14" s="24">
        <v>0</v>
      </c>
      <c r="GT14" s="25">
        <v>0</v>
      </c>
      <c r="GU14" s="26">
        <v>0</v>
      </c>
      <c r="GV14" s="27">
        <v>0</v>
      </c>
      <c r="GW14" s="25">
        <v>0</v>
      </c>
      <c r="GX14" s="25">
        <v>0</v>
      </c>
      <c r="GY14" s="25">
        <v>0</v>
      </c>
      <c r="GZ14" s="25">
        <v>0</v>
      </c>
      <c r="HA14" s="25">
        <v>0</v>
      </c>
      <c r="HB14" s="28">
        <v>0</v>
      </c>
      <c r="HC14" s="29">
        <v>0</v>
      </c>
      <c r="HD14" s="24">
        <v>0</v>
      </c>
      <c r="HE14" s="25">
        <v>0</v>
      </c>
      <c r="HF14" s="26">
        <v>0</v>
      </c>
      <c r="HG14" s="404">
        <v>0</v>
      </c>
      <c r="HH14" s="25">
        <v>0</v>
      </c>
      <c r="HI14" s="25">
        <v>0</v>
      </c>
      <c r="HJ14" s="25">
        <v>0</v>
      </c>
      <c r="HK14" s="25">
        <v>0</v>
      </c>
      <c r="HL14" s="25">
        <v>0</v>
      </c>
      <c r="HM14" s="28">
        <v>0</v>
      </c>
      <c r="HN14" s="29">
        <v>0</v>
      </c>
      <c r="HO14" s="24">
        <v>0</v>
      </c>
      <c r="HP14" s="25">
        <v>18560</v>
      </c>
      <c r="HQ14" s="26">
        <v>18560</v>
      </c>
      <c r="HR14" s="27">
        <v>0</v>
      </c>
      <c r="HS14" s="25">
        <v>1045664</v>
      </c>
      <c r="HT14" s="25">
        <v>1767632</v>
      </c>
      <c r="HU14" s="25">
        <v>6887244</v>
      </c>
      <c r="HV14" s="25">
        <v>11521509</v>
      </c>
      <c r="HW14" s="25">
        <v>7612431</v>
      </c>
      <c r="HX14" s="28">
        <v>28834480</v>
      </c>
      <c r="HY14" s="29">
        <v>28853040</v>
      </c>
    </row>
    <row r="15" spans="2:233" ht="21" customHeight="1" x14ac:dyDescent="0.2">
      <c r="B15" s="106" t="s">
        <v>11</v>
      </c>
      <c r="C15" s="24">
        <v>1535</v>
      </c>
      <c r="D15" s="25">
        <v>7245</v>
      </c>
      <c r="E15" s="26">
        <v>8780</v>
      </c>
      <c r="F15" s="27">
        <v>0</v>
      </c>
      <c r="G15" s="25">
        <v>573914</v>
      </c>
      <c r="H15" s="25">
        <v>762332</v>
      </c>
      <c r="I15" s="25">
        <v>2734045</v>
      </c>
      <c r="J15" s="25">
        <v>4428154</v>
      </c>
      <c r="K15" s="25">
        <v>2484254</v>
      </c>
      <c r="L15" s="28">
        <v>10982699</v>
      </c>
      <c r="M15" s="29">
        <v>10991479</v>
      </c>
      <c r="N15" s="24">
        <v>0</v>
      </c>
      <c r="O15" s="25">
        <v>0</v>
      </c>
      <c r="P15" s="26">
        <v>0</v>
      </c>
      <c r="Q15" s="404">
        <v>0</v>
      </c>
      <c r="R15" s="25">
        <v>2635</v>
      </c>
      <c r="S15" s="25">
        <v>79205</v>
      </c>
      <c r="T15" s="25">
        <v>1732690</v>
      </c>
      <c r="U15" s="25">
        <v>2936975</v>
      </c>
      <c r="V15" s="25">
        <v>1699040</v>
      </c>
      <c r="W15" s="28">
        <v>6450545</v>
      </c>
      <c r="X15" s="29">
        <v>6450545</v>
      </c>
      <c r="Y15" s="24">
        <v>0</v>
      </c>
      <c r="Z15" s="25">
        <v>0</v>
      </c>
      <c r="AA15" s="26">
        <v>0</v>
      </c>
      <c r="AB15" s="404">
        <v>0</v>
      </c>
      <c r="AC15" s="25">
        <v>416950</v>
      </c>
      <c r="AD15" s="25">
        <v>503837</v>
      </c>
      <c r="AE15" s="25">
        <v>631785</v>
      </c>
      <c r="AF15" s="25">
        <v>1116730</v>
      </c>
      <c r="AG15" s="25">
        <v>189350</v>
      </c>
      <c r="AH15" s="28">
        <v>2858652</v>
      </c>
      <c r="AI15" s="29">
        <v>2858652</v>
      </c>
      <c r="AJ15" s="24">
        <v>0</v>
      </c>
      <c r="AK15" s="25">
        <v>0</v>
      </c>
      <c r="AL15" s="26">
        <v>0</v>
      </c>
      <c r="AM15" s="404">
        <v>0</v>
      </c>
      <c r="AN15" s="25">
        <v>0</v>
      </c>
      <c r="AO15" s="25">
        <v>0</v>
      </c>
      <c r="AP15" s="25">
        <v>0</v>
      </c>
      <c r="AQ15" s="25">
        <v>0</v>
      </c>
      <c r="AR15" s="25">
        <v>0</v>
      </c>
      <c r="AS15" s="28">
        <v>0</v>
      </c>
      <c r="AT15" s="29">
        <v>0</v>
      </c>
      <c r="AU15" s="24">
        <v>0</v>
      </c>
      <c r="AV15" s="25">
        <v>0</v>
      </c>
      <c r="AW15" s="26">
        <v>0</v>
      </c>
      <c r="AX15" s="404">
        <v>0</v>
      </c>
      <c r="AY15" s="25">
        <v>105650</v>
      </c>
      <c r="AZ15" s="25">
        <v>70070</v>
      </c>
      <c r="BA15" s="25">
        <v>91635</v>
      </c>
      <c r="BB15" s="25">
        <v>133455</v>
      </c>
      <c r="BC15" s="25">
        <v>473780</v>
      </c>
      <c r="BD15" s="28">
        <v>874590</v>
      </c>
      <c r="BE15" s="29">
        <v>874590</v>
      </c>
      <c r="BF15" s="24">
        <v>0</v>
      </c>
      <c r="BG15" s="25">
        <v>0</v>
      </c>
      <c r="BH15" s="26">
        <v>0</v>
      </c>
      <c r="BI15" s="404">
        <v>0</v>
      </c>
      <c r="BJ15" s="25">
        <v>0</v>
      </c>
      <c r="BK15" s="25">
        <v>0</v>
      </c>
      <c r="BL15" s="25">
        <v>0</v>
      </c>
      <c r="BM15" s="25">
        <v>57350</v>
      </c>
      <c r="BN15" s="25">
        <v>0</v>
      </c>
      <c r="BO15" s="28">
        <v>57350</v>
      </c>
      <c r="BP15" s="29">
        <v>57350</v>
      </c>
      <c r="BQ15" s="24">
        <v>1535</v>
      </c>
      <c r="BR15" s="25">
        <v>7245</v>
      </c>
      <c r="BS15" s="26">
        <v>8780</v>
      </c>
      <c r="BT15" s="27">
        <v>0</v>
      </c>
      <c r="BU15" s="25">
        <v>45935</v>
      </c>
      <c r="BV15" s="25">
        <v>99060</v>
      </c>
      <c r="BW15" s="25">
        <v>262220</v>
      </c>
      <c r="BX15" s="25">
        <v>183460</v>
      </c>
      <c r="BY15" s="25">
        <v>121139</v>
      </c>
      <c r="BZ15" s="28">
        <v>711814</v>
      </c>
      <c r="CA15" s="29">
        <v>720594</v>
      </c>
      <c r="CB15" s="24">
        <v>0</v>
      </c>
      <c r="CC15" s="25">
        <v>0</v>
      </c>
      <c r="CD15" s="26">
        <v>0</v>
      </c>
      <c r="CE15" s="27">
        <v>0</v>
      </c>
      <c r="CF15" s="25">
        <v>2744</v>
      </c>
      <c r="CG15" s="25">
        <v>10160</v>
      </c>
      <c r="CH15" s="25">
        <v>15715</v>
      </c>
      <c r="CI15" s="25">
        <v>184</v>
      </c>
      <c r="CJ15" s="25">
        <v>945</v>
      </c>
      <c r="CK15" s="28">
        <v>29748</v>
      </c>
      <c r="CL15" s="29">
        <v>29748</v>
      </c>
      <c r="CM15" s="24">
        <v>0</v>
      </c>
      <c r="CN15" s="25">
        <v>0</v>
      </c>
      <c r="CO15" s="26">
        <v>0</v>
      </c>
      <c r="CP15" s="27">
        <v>0</v>
      </c>
      <c r="CQ15" s="25">
        <v>0</v>
      </c>
      <c r="CR15" s="25">
        <v>0</v>
      </c>
      <c r="CS15" s="25">
        <v>0</v>
      </c>
      <c r="CT15" s="25">
        <v>0</v>
      </c>
      <c r="CU15" s="25">
        <v>0</v>
      </c>
      <c r="CV15" s="28">
        <v>0</v>
      </c>
      <c r="CW15" s="29">
        <v>0</v>
      </c>
      <c r="CX15" s="24">
        <v>0</v>
      </c>
      <c r="CY15" s="25">
        <v>0</v>
      </c>
      <c r="CZ15" s="26">
        <v>0</v>
      </c>
      <c r="DA15" s="404">
        <v>0</v>
      </c>
      <c r="DB15" s="25">
        <v>0</v>
      </c>
      <c r="DC15" s="25">
        <v>0</v>
      </c>
      <c r="DD15" s="25">
        <v>0</v>
      </c>
      <c r="DE15" s="25">
        <v>0</v>
      </c>
      <c r="DF15" s="25">
        <v>0</v>
      </c>
      <c r="DG15" s="28">
        <v>0</v>
      </c>
      <c r="DH15" s="29">
        <v>0</v>
      </c>
      <c r="DI15" s="24">
        <v>1755</v>
      </c>
      <c r="DJ15" s="25">
        <v>10282</v>
      </c>
      <c r="DK15" s="26">
        <v>12037</v>
      </c>
      <c r="DL15" s="27">
        <v>0</v>
      </c>
      <c r="DM15" s="25">
        <v>180971</v>
      </c>
      <c r="DN15" s="25">
        <v>299373</v>
      </c>
      <c r="DO15" s="25">
        <v>2491357</v>
      </c>
      <c r="DP15" s="25">
        <v>4386714</v>
      </c>
      <c r="DQ15" s="25">
        <v>2079533</v>
      </c>
      <c r="DR15" s="28">
        <v>9437948</v>
      </c>
      <c r="DS15" s="30">
        <v>9449985</v>
      </c>
      <c r="DT15" s="24">
        <v>0</v>
      </c>
      <c r="DU15" s="25">
        <v>0</v>
      </c>
      <c r="DV15" s="26">
        <v>0</v>
      </c>
      <c r="DW15" s="404">
        <v>0</v>
      </c>
      <c r="DX15" s="25">
        <v>21576</v>
      </c>
      <c r="DY15" s="25">
        <v>81716</v>
      </c>
      <c r="DZ15" s="25">
        <v>2061163</v>
      </c>
      <c r="EA15" s="25">
        <v>3873623</v>
      </c>
      <c r="EB15" s="25">
        <v>1860969</v>
      </c>
      <c r="EC15" s="28">
        <v>7899047</v>
      </c>
      <c r="ED15" s="29">
        <v>7899047</v>
      </c>
      <c r="EE15" s="24">
        <v>0</v>
      </c>
      <c r="EF15" s="25">
        <v>0</v>
      </c>
      <c r="EG15" s="26">
        <v>0</v>
      </c>
      <c r="EH15" s="404">
        <v>0</v>
      </c>
      <c r="EI15" s="25">
        <v>78182</v>
      </c>
      <c r="EJ15" s="25">
        <v>77996</v>
      </c>
      <c r="EK15" s="25">
        <v>112113</v>
      </c>
      <c r="EL15" s="25">
        <v>202021</v>
      </c>
      <c r="EM15" s="25">
        <v>3213</v>
      </c>
      <c r="EN15" s="28">
        <v>473525</v>
      </c>
      <c r="EO15" s="29">
        <v>473525</v>
      </c>
      <c r="EP15" s="24">
        <v>0</v>
      </c>
      <c r="EQ15" s="25">
        <v>0</v>
      </c>
      <c r="ER15" s="26">
        <v>0</v>
      </c>
      <c r="ES15" s="404">
        <v>0</v>
      </c>
      <c r="ET15" s="25">
        <v>0</v>
      </c>
      <c r="EU15" s="25">
        <v>0</v>
      </c>
      <c r="EV15" s="25">
        <v>0</v>
      </c>
      <c r="EW15" s="25">
        <v>0</v>
      </c>
      <c r="EX15" s="25">
        <v>0</v>
      </c>
      <c r="EY15" s="28">
        <v>0</v>
      </c>
      <c r="EZ15" s="29">
        <v>0</v>
      </c>
      <c r="FA15" s="24">
        <v>0</v>
      </c>
      <c r="FB15" s="25">
        <v>0</v>
      </c>
      <c r="FC15" s="26">
        <v>0</v>
      </c>
      <c r="FD15" s="404">
        <v>0</v>
      </c>
      <c r="FE15" s="25">
        <v>27472</v>
      </c>
      <c r="FF15" s="25">
        <v>14283</v>
      </c>
      <c r="FG15" s="25">
        <v>861</v>
      </c>
      <c r="FH15" s="25">
        <v>14849</v>
      </c>
      <c r="FI15" s="25">
        <v>102844</v>
      </c>
      <c r="FJ15" s="28">
        <v>160309</v>
      </c>
      <c r="FK15" s="29">
        <v>160309</v>
      </c>
      <c r="FL15" s="24">
        <v>0</v>
      </c>
      <c r="FM15" s="25">
        <v>0</v>
      </c>
      <c r="FN15" s="26">
        <v>0</v>
      </c>
      <c r="FO15" s="404">
        <v>0</v>
      </c>
      <c r="FP15" s="25">
        <v>0</v>
      </c>
      <c r="FQ15" s="25">
        <v>0</v>
      </c>
      <c r="FR15" s="25">
        <v>0</v>
      </c>
      <c r="FS15" s="25">
        <v>58342</v>
      </c>
      <c r="FT15" s="25">
        <v>0</v>
      </c>
      <c r="FU15" s="28">
        <v>58342</v>
      </c>
      <c r="FV15" s="29">
        <v>58342</v>
      </c>
      <c r="FW15" s="24">
        <v>1755</v>
      </c>
      <c r="FX15" s="25">
        <v>10282</v>
      </c>
      <c r="FY15" s="26">
        <v>12037</v>
      </c>
      <c r="FZ15" s="27">
        <v>0</v>
      </c>
      <c r="GA15" s="25">
        <v>53692</v>
      </c>
      <c r="GB15" s="25">
        <v>121445</v>
      </c>
      <c r="GC15" s="25">
        <v>317087</v>
      </c>
      <c r="GD15" s="25">
        <v>237865</v>
      </c>
      <c r="GE15" s="25">
        <v>111517</v>
      </c>
      <c r="GF15" s="28">
        <v>841606</v>
      </c>
      <c r="GG15" s="29">
        <v>853643</v>
      </c>
      <c r="GH15" s="24">
        <v>0</v>
      </c>
      <c r="GI15" s="25">
        <v>0</v>
      </c>
      <c r="GJ15" s="26">
        <v>0</v>
      </c>
      <c r="GK15" s="27">
        <v>0</v>
      </c>
      <c r="GL15" s="25">
        <v>49</v>
      </c>
      <c r="GM15" s="25">
        <v>3933</v>
      </c>
      <c r="GN15" s="25">
        <v>133</v>
      </c>
      <c r="GO15" s="25">
        <v>14</v>
      </c>
      <c r="GP15" s="25">
        <v>990</v>
      </c>
      <c r="GQ15" s="28">
        <v>5119</v>
      </c>
      <c r="GR15" s="29">
        <v>5119</v>
      </c>
      <c r="GS15" s="24">
        <v>0</v>
      </c>
      <c r="GT15" s="25">
        <v>0</v>
      </c>
      <c r="GU15" s="26">
        <v>0</v>
      </c>
      <c r="GV15" s="27">
        <v>0</v>
      </c>
      <c r="GW15" s="25">
        <v>0</v>
      </c>
      <c r="GX15" s="25">
        <v>0</v>
      </c>
      <c r="GY15" s="25">
        <v>0</v>
      </c>
      <c r="GZ15" s="25">
        <v>0</v>
      </c>
      <c r="HA15" s="25">
        <v>0</v>
      </c>
      <c r="HB15" s="28">
        <v>0</v>
      </c>
      <c r="HC15" s="29">
        <v>0</v>
      </c>
      <c r="HD15" s="24">
        <v>0</v>
      </c>
      <c r="HE15" s="25">
        <v>0</v>
      </c>
      <c r="HF15" s="26">
        <v>0</v>
      </c>
      <c r="HG15" s="404">
        <v>0</v>
      </c>
      <c r="HH15" s="25">
        <v>0</v>
      </c>
      <c r="HI15" s="25">
        <v>0</v>
      </c>
      <c r="HJ15" s="25">
        <v>0</v>
      </c>
      <c r="HK15" s="25">
        <v>0</v>
      </c>
      <c r="HL15" s="25">
        <v>0</v>
      </c>
      <c r="HM15" s="28">
        <v>0</v>
      </c>
      <c r="HN15" s="29">
        <v>0</v>
      </c>
      <c r="HO15" s="24">
        <v>3290</v>
      </c>
      <c r="HP15" s="25">
        <v>17527</v>
      </c>
      <c r="HQ15" s="26">
        <v>20817</v>
      </c>
      <c r="HR15" s="27">
        <v>0</v>
      </c>
      <c r="HS15" s="25">
        <v>754885</v>
      </c>
      <c r="HT15" s="25">
        <v>1061705</v>
      </c>
      <c r="HU15" s="25">
        <v>5225402</v>
      </c>
      <c r="HV15" s="25">
        <v>8814868</v>
      </c>
      <c r="HW15" s="25">
        <v>4563787</v>
      </c>
      <c r="HX15" s="28">
        <v>20420647</v>
      </c>
      <c r="HY15" s="29">
        <v>20441464</v>
      </c>
    </row>
    <row r="16" spans="2:233" ht="21" customHeight="1" x14ac:dyDescent="0.2">
      <c r="B16" s="106" t="s">
        <v>12</v>
      </c>
      <c r="C16" s="24">
        <v>0</v>
      </c>
      <c r="D16" s="25">
        <v>725</v>
      </c>
      <c r="E16" s="26">
        <v>725</v>
      </c>
      <c r="F16" s="27">
        <v>0</v>
      </c>
      <c r="G16" s="25">
        <v>182308</v>
      </c>
      <c r="H16" s="25">
        <v>837590</v>
      </c>
      <c r="I16" s="25">
        <v>2334126</v>
      </c>
      <c r="J16" s="25">
        <v>3545480</v>
      </c>
      <c r="K16" s="25">
        <v>1500952</v>
      </c>
      <c r="L16" s="28">
        <v>8400456</v>
      </c>
      <c r="M16" s="29">
        <v>8401181</v>
      </c>
      <c r="N16" s="24">
        <v>0</v>
      </c>
      <c r="O16" s="25">
        <v>0</v>
      </c>
      <c r="P16" s="26">
        <v>0</v>
      </c>
      <c r="Q16" s="404">
        <v>0</v>
      </c>
      <c r="R16" s="25">
        <v>2635</v>
      </c>
      <c r="S16" s="25">
        <v>62465</v>
      </c>
      <c r="T16" s="25">
        <v>1282155</v>
      </c>
      <c r="U16" s="25">
        <v>2443211</v>
      </c>
      <c r="V16" s="25">
        <v>1030605</v>
      </c>
      <c r="W16" s="28">
        <v>4821071</v>
      </c>
      <c r="X16" s="29">
        <v>4821071</v>
      </c>
      <c r="Y16" s="24">
        <v>0</v>
      </c>
      <c r="Z16" s="25">
        <v>0</v>
      </c>
      <c r="AA16" s="26">
        <v>0</v>
      </c>
      <c r="AB16" s="404">
        <v>0</v>
      </c>
      <c r="AC16" s="25">
        <v>54975</v>
      </c>
      <c r="AD16" s="25">
        <v>711170</v>
      </c>
      <c r="AE16" s="25">
        <v>711565</v>
      </c>
      <c r="AF16" s="25">
        <v>777038</v>
      </c>
      <c r="AG16" s="25">
        <v>354850</v>
      </c>
      <c r="AH16" s="28">
        <v>2609598</v>
      </c>
      <c r="AI16" s="29">
        <v>2609598</v>
      </c>
      <c r="AJ16" s="24">
        <v>0</v>
      </c>
      <c r="AK16" s="25">
        <v>0</v>
      </c>
      <c r="AL16" s="26">
        <v>0</v>
      </c>
      <c r="AM16" s="404">
        <v>0</v>
      </c>
      <c r="AN16" s="25">
        <v>0</v>
      </c>
      <c r="AO16" s="25">
        <v>0</v>
      </c>
      <c r="AP16" s="25">
        <v>0</v>
      </c>
      <c r="AQ16" s="25">
        <v>0</v>
      </c>
      <c r="AR16" s="25">
        <v>0</v>
      </c>
      <c r="AS16" s="28">
        <v>0</v>
      </c>
      <c r="AT16" s="29">
        <v>0</v>
      </c>
      <c r="AU16" s="24">
        <v>0</v>
      </c>
      <c r="AV16" s="25">
        <v>0</v>
      </c>
      <c r="AW16" s="26">
        <v>0</v>
      </c>
      <c r="AX16" s="404">
        <v>0</v>
      </c>
      <c r="AY16" s="25">
        <v>0</v>
      </c>
      <c r="AZ16" s="25">
        <v>0</v>
      </c>
      <c r="BA16" s="25">
        <v>2635</v>
      </c>
      <c r="BB16" s="25">
        <v>62270</v>
      </c>
      <c r="BC16" s="25">
        <v>5270</v>
      </c>
      <c r="BD16" s="28">
        <v>70175</v>
      </c>
      <c r="BE16" s="29">
        <v>70175</v>
      </c>
      <c r="BF16" s="24">
        <v>0</v>
      </c>
      <c r="BG16" s="25">
        <v>0</v>
      </c>
      <c r="BH16" s="26">
        <v>0</v>
      </c>
      <c r="BI16" s="404">
        <v>0</v>
      </c>
      <c r="BJ16" s="25">
        <v>0</v>
      </c>
      <c r="BK16" s="25">
        <v>0</v>
      </c>
      <c r="BL16" s="25">
        <v>62465</v>
      </c>
      <c r="BM16" s="25">
        <v>133300</v>
      </c>
      <c r="BN16" s="25">
        <v>32705</v>
      </c>
      <c r="BO16" s="28">
        <v>228470</v>
      </c>
      <c r="BP16" s="29">
        <v>228470</v>
      </c>
      <c r="BQ16" s="24">
        <v>0</v>
      </c>
      <c r="BR16" s="25">
        <v>725</v>
      </c>
      <c r="BS16" s="26">
        <v>725</v>
      </c>
      <c r="BT16" s="27">
        <v>0</v>
      </c>
      <c r="BU16" s="25">
        <v>123197</v>
      </c>
      <c r="BV16" s="25">
        <v>57285</v>
      </c>
      <c r="BW16" s="25">
        <v>272571</v>
      </c>
      <c r="BX16" s="25">
        <v>127936</v>
      </c>
      <c r="BY16" s="25">
        <v>77522</v>
      </c>
      <c r="BZ16" s="28">
        <v>658511</v>
      </c>
      <c r="CA16" s="29">
        <v>659236</v>
      </c>
      <c r="CB16" s="24">
        <v>0</v>
      </c>
      <c r="CC16" s="25">
        <v>0</v>
      </c>
      <c r="CD16" s="26">
        <v>0</v>
      </c>
      <c r="CE16" s="27">
        <v>0</v>
      </c>
      <c r="CF16" s="25">
        <v>1501</v>
      </c>
      <c r="CG16" s="25">
        <v>6670</v>
      </c>
      <c r="CH16" s="25">
        <v>2735</v>
      </c>
      <c r="CI16" s="25">
        <v>1725</v>
      </c>
      <c r="CJ16" s="25">
        <v>0</v>
      </c>
      <c r="CK16" s="28">
        <v>12631</v>
      </c>
      <c r="CL16" s="29">
        <v>12631</v>
      </c>
      <c r="CM16" s="24">
        <v>0</v>
      </c>
      <c r="CN16" s="25">
        <v>0</v>
      </c>
      <c r="CO16" s="26">
        <v>0</v>
      </c>
      <c r="CP16" s="27">
        <v>0</v>
      </c>
      <c r="CQ16" s="25">
        <v>0</v>
      </c>
      <c r="CR16" s="25">
        <v>0</v>
      </c>
      <c r="CS16" s="25">
        <v>0</v>
      </c>
      <c r="CT16" s="25">
        <v>0</v>
      </c>
      <c r="CU16" s="25">
        <v>0</v>
      </c>
      <c r="CV16" s="28">
        <v>0</v>
      </c>
      <c r="CW16" s="29">
        <v>0</v>
      </c>
      <c r="CX16" s="24">
        <v>0</v>
      </c>
      <c r="CY16" s="25">
        <v>0</v>
      </c>
      <c r="CZ16" s="26">
        <v>0</v>
      </c>
      <c r="DA16" s="404">
        <v>0</v>
      </c>
      <c r="DB16" s="25">
        <v>0</v>
      </c>
      <c r="DC16" s="25">
        <v>0</v>
      </c>
      <c r="DD16" s="25">
        <v>0</v>
      </c>
      <c r="DE16" s="25">
        <v>0</v>
      </c>
      <c r="DF16" s="25">
        <v>0</v>
      </c>
      <c r="DG16" s="28">
        <v>0</v>
      </c>
      <c r="DH16" s="29">
        <v>0</v>
      </c>
      <c r="DI16" s="24">
        <v>0</v>
      </c>
      <c r="DJ16" s="25">
        <v>1755</v>
      </c>
      <c r="DK16" s="26">
        <v>1755</v>
      </c>
      <c r="DL16" s="27">
        <v>0</v>
      </c>
      <c r="DM16" s="25">
        <v>182329</v>
      </c>
      <c r="DN16" s="25">
        <v>343854</v>
      </c>
      <c r="DO16" s="25">
        <v>2712859</v>
      </c>
      <c r="DP16" s="25">
        <v>3532240</v>
      </c>
      <c r="DQ16" s="25">
        <v>1810393</v>
      </c>
      <c r="DR16" s="28">
        <v>8581675</v>
      </c>
      <c r="DS16" s="30">
        <v>8583430</v>
      </c>
      <c r="DT16" s="24">
        <v>0</v>
      </c>
      <c r="DU16" s="25">
        <v>0</v>
      </c>
      <c r="DV16" s="26">
        <v>0</v>
      </c>
      <c r="DW16" s="404">
        <v>0</v>
      </c>
      <c r="DX16" s="25">
        <v>21576</v>
      </c>
      <c r="DY16" s="25">
        <v>151032</v>
      </c>
      <c r="DZ16" s="25">
        <v>2051170</v>
      </c>
      <c r="EA16" s="25">
        <v>3064515</v>
      </c>
      <c r="EB16" s="25">
        <v>1584542</v>
      </c>
      <c r="EC16" s="28">
        <v>6872835</v>
      </c>
      <c r="ED16" s="29">
        <v>6872835</v>
      </c>
      <c r="EE16" s="24">
        <v>0</v>
      </c>
      <c r="EF16" s="25">
        <v>0</v>
      </c>
      <c r="EG16" s="26">
        <v>0</v>
      </c>
      <c r="EH16" s="404">
        <v>0</v>
      </c>
      <c r="EI16" s="25">
        <v>4866</v>
      </c>
      <c r="EJ16" s="25">
        <v>71376</v>
      </c>
      <c r="EK16" s="25">
        <v>154750</v>
      </c>
      <c r="EL16" s="25">
        <v>75518</v>
      </c>
      <c r="EM16" s="25">
        <v>52339</v>
      </c>
      <c r="EN16" s="28">
        <v>358849</v>
      </c>
      <c r="EO16" s="29">
        <v>358849</v>
      </c>
      <c r="EP16" s="24">
        <v>0</v>
      </c>
      <c r="EQ16" s="25">
        <v>0</v>
      </c>
      <c r="ER16" s="26">
        <v>0</v>
      </c>
      <c r="ES16" s="404">
        <v>0</v>
      </c>
      <c r="ET16" s="25">
        <v>0</v>
      </c>
      <c r="EU16" s="25">
        <v>0</v>
      </c>
      <c r="EV16" s="25">
        <v>0</v>
      </c>
      <c r="EW16" s="25">
        <v>0</v>
      </c>
      <c r="EX16" s="25">
        <v>0</v>
      </c>
      <c r="EY16" s="28">
        <v>0</v>
      </c>
      <c r="EZ16" s="29">
        <v>0</v>
      </c>
      <c r="FA16" s="24">
        <v>0</v>
      </c>
      <c r="FB16" s="25">
        <v>0</v>
      </c>
      <c r="FC16" s="26">
        <v>0</v>
      </c>
      <c r="FD16" s="404">
        <v>0</v>
      </c>
      <c r="FE16" s="25">
        <v>0</v>
      </c>
      <c r="FF16" s="25">
        <v>0</v>
      </c>
      <c r="FG16" s="25">
        <v>217</v>
      </c>
      <c r="FH16" s="25">
        <v>1246</v>
      </c>
      <c r="FI16" s="25">
        <v>651</v>
      </c>
      <c r="FJ16" s="28">
        <v>2114</v>
      </c>
      <c r="FK16" s="29">
        <v>2114</v>
      </c>
      <c r="FL16" s="24">
        <v>0</v>
      </c>
      <c r="FM16" s="25">
        <v>0</v>
      </c>
      <c r="FN16" s="26">
        <v>0</v>
      </c>
      <c r="FO16" s="404">
        <v>0</v>
      </c>
      <c r="FP16" s="25">
        <v>0</v>
      </c>
      <c r="FQ16" s="25">
        <v>0</v>
      </c>
      <c r="FR16" s="25">
        <v>151032</v>
      </c>
      <c r="FS16" s="25">
        <v>218178</v>
      </c>
      <c r="FT16" s="25">
        <v>36766</v>
      </c>
      <c r="FU16" s="28">
        <v>405976</v>
      </c>
      <c r="FV16" s="29">
        <v>405976</v>
      </c>
      <c r="FW16" s="24">
        <v>0</v>
      </c>
      <c r="FX16" s="25">
        <v>1755</v>
      </c>
      <c r="FY16" s="26">
        <v>1755</v>
      </c>
      <c r="FZ16" s="27">
        <v>0</v>
      </c>
      <c r="GA16" s="25">
        <v>154385</v>
      </c>
      <c r="GB16" s="25">
        <v>110844</v>
      </c>
      <c r="GC16" s="25">
        <v>355641</v>
      </c>
      <c r="GD16" s="25">
        <v>172755</v>
      </c>
      <c r="GE16" s="25">
        <v>136095</v>
      </c>
      <c r="GF16" s="28">
        <v>929720</v>
      </c>
      <c r="GG16" s="29">
        <v>931475</v>
      </c>
      <c r="GH16" s="24">
        <v>0</v>
      </c>
      <c r="GI16" s="25">
        <v>0</v>
      </c>
      <c r="GJ16" s="26">
        <v>0</v>
      </c>
      <c r="GK16" s="27">
        <v>0</v>
      </c>
      <c r="GL16" s="25">
        <v>1502</v>
      </c>
      <c r="GM16" s="25">
        <v>10602</v>
      </c>
      <c r="GN16" s="25">
        <v>49</v>
      </c>
      <c r="GO16" s="25">
        <v>28</v>
      </c>
      <c r="GP16" s="25">
        <v>0</v>
      </c>
      <c r="GQ16" s="28">
        <v>12181</v>
      </c>
      <c r="GR16" s="29">
        <v>12181</v>
      </c>
      <c r="GS16" s="24">
        <v>0</v>
      </c>
      <c r="GT16" s="25">
        <v>0</v>
      </c>
      <c r="GU16" s="26">
        <v>0</v>
      </c>
      <c r="GV16" s="27">
        <v>0</v>
      </c>
      <c r="GW16" s="25">
        <v>0</v>
      </c>
      <c r="GX16" s="25">
        <v>0</v>
      </c>
      <c r="GY16" s="25">
        <v>0</v>
      </c>
      <c r="GZ16" s="25">
        <v>0</v>
      </c>
      <c r="HA16" s="25">
        <v>0</v>
      </c>
      <c r="HB16" s="28">
        <v>0</v>
      </c>
      <c r="HC16" s="29">
        <v>0</v>
      </c>
      <c r="HD16" s="24">
        <v>0</v>
      </c>
      <c r="HE16" s="25">
        <v>0</v>
      </c>
      <c r="HF16" s="26">
        <v>0</v>
      </c>
      <c r="HG16" s="404">
        <v>0</v>
      </c>
      <c r="HH16" s="25">
        <v>0</v>
      </c>
      <c r="HI16" s="25">
        <v>0</v>
      </c>
      <c r="HJ16" s="25">
        <v>0</v>
      </c>
      <c r="HK16" s="25">
        <v>0</v>
      </c>
      <c r="HL16" s="25">
        <v>0</v>
      </c>
      <c r="HM16" s="28">
        <v>0</v>
      </c>
      <c r="HN16" s="29">
        <v>0</v>
      </c>
      <c r="HO16" s="24">
        <v>0</v>
      </c>
      <c r="HP16" s="25">
        <v>2480</v>
      </c>
      <c r="HQ16" s="26">
        <v>2480</v>
      </c>
      <c r="HR16" s="27">
        <v>0</v>
      </c>
      <c r="HS16" s="25">
        <v>364637</v>
      </c>
      <c r="HT16" s="25">
        <v>1181444</v>
      </c>
      <c r="HU16" s="25">
        <v>5046985</v>
      </c>
      <c r="HV16" s="25">
        <v>7077720</v>
      </c>
      <c r="HW16" s="25">
        <v>3311345</v>
      </c>
      <c r="HX16" s="28">
        <v>16982131</v>
      </c>
      <c r="HY16" s="29">
        <v>16984611</v>
      </c>
    </row>
    <row r="17" spans="2:233" ht="21" customHeight="1" x14ac:dyDescent="0.2">
      <c r="B17" s="106" t="s">
        <v>13</v>
      </c>
      <c r="C17" s="24">
        <v>0</v>
      </c>
      <c r="D17" s="25">
        <v>0</v>
      </c>
      <c r="E17" s="26">
        <v>0</v>
      </c>
      <c r="F17" s="27">
        <v>0</v>
      </c>
      <c r="G17" s="25">
        <v>73220</v>
      </c>
      <c r="H17" s="25">
        <v>80175</v>
      </c>
      <c r="I17" s="25">
        <v>437275</v>
      </c>
      <c r="J17" s="25">
        <v>966920</v>
      </c>
      <c r="K17" s="25">
        <v>668337</v>
      </c>
      <c r="L17" s="28">
        <v>2225927</v>
      </c>
      <c r="M17" s="29">
        <v>2225927</v>
      </c>
      <c r="N17" s="24">
        <v>0</v>
      </c>
      <c r="O17" s="25">
        <v>0</v>
      </c>
      <c r="P17" s="26">
        <v>0</v>
      </c>
      <c r="Q17" s="404">
        <v>0</v>
      </c>
      <c r="R17" s="25">
        <v>2635</v>
      </c>
      <c r="S17" s="25">
        <v>2635</v>
      </c>
      <c r="T17" s="25">
        <v>349905</v>
      </c>
      <c r="U17" s="25">
        <v>809355</v>
      </c>
      <c r="V17" s="25">
        <v>520737</v>
      </c>
      <c r="W17" s="28">
        <v>1685267</v>
      </c>
      <c r="X17" s="29">
        <v>1685267</v>
      </c>
      <c r="Y17" s="24">
        <v>0</v>
      </c>
      <c r="Z17" s="25">
        <v>0</v>
      </c>
      <c r="AA17" s="26">
        <v>0</v>
      </c>
      <c r="AB17" s="404">
        <v>0</v>
      </c>
      <c r="AC17" s="25">
        <v>58175</v>
      </c>
      <c r="AD17" s="25">
        <v>51860</v>
      </c>
      <c r="AE17" s="25">
        <v>72480</v>
      </c>
      <c r="AF17" s="25">
        <v>128085</v>
      </c>
      <c r="AG17" s="25">
        <v>42395</v>
      </c>
      <c r="AH17" s="28">
        <v>352995</v>
      </c>
      <c r="AI17" s="29">
        <v>352995</v>
      </c>
      <c r="AJ17" s="24">
        <v>0</v>
      </c>
      <c r="AK17" s="25">
        <v>0</v>
      </c>
      <c r="AL17" s="26">
        <v>0</v>
      </c>
      <c r="AM17" s="404">
        <v>0</v>
      </c>
      <c r="AN17" s="25">
        <v>0</v>
      </c>
      <c r="AO17" s="25">
        <v>0</v>
      </c>
      <c r="AP17" s="25">
        <v>0</v>
      </c>
      <c r="AQ17" s="25">
        <v>0</v>
      </c>
      <c r="AR17" s="25">
        <v>0</v>
      </c>
      <c r="AS17" s="28">
        <v>0</v>
      </c>
      <c r="AT17" s="29">
        <v>0</v>
      </c>
      <c r="AU17" s="24">
        <v>0</v>
      </c>
      <c r="AV17" s="25">
        <v>0</v>
      </c>
      <c r="AW17" s="26">
        <v>0</v>
      </c>
      <c r="AX17" s="404">
        <v>0</v>
      </c>
      <c r="AY17" s="25">
        <v>0</v>
      </c>
      <c r="AZ17" s="25">
        <v>0</v>
      </c>
      <c r="BA17" s="25">
        <v>0</v>
      </c>
      <c r="BB17" s="25">
        <v>0</v>
      </c>
      <c r="BC17" s="25">
        <v>0</v>
      </c>
      <c r="BD17" s="28">
        <v>0</v>
      </c>
      <c r="BE17" s="29">
        <v>0</v>
      </c>
      <c r="BF17" s="24">
        <v>0</v>
      </c>
      <c r="BG17" s="25">
        <v>0</v>
      </c>
      <c r="BH17" s="26">
        <v>0</v>
      </c>
      <c r="BI17" s="404">
        <v>0</v>
      </c>
      <c r="BJ17" s="25">
        <v>0</v>
      </c>
      <c r="BK17" s="25">
        <v>0</v>
      </c>
      <c r="BL17" s="25">
        <v>0</v>
      </c>
      <c r="BM17" s="25">
        <v>0</v>
      </c>
      <c r="BN17" s="25">
        <v>0</v>
      </c>
      <c r="BO17" s="28">
        <v>0</v>
      </c>
      <c r="BP17" s="29">
        <v>0</v>
      </c>
      <c r="BQ17" s="24">
        <v>0</v>
      </c>
      <c r="BR17" s="25">
        <v>0</v>
      </c>
      <c r="BS17" s="26">
        <v>0</v>
      </c>
      <c r="BT17" s="27">
        <v>0</v>
      </c>
      <c r="BU17" s="25">
        <v>2295</v>
      </c>
      <c r="BV17" s="25">
        <v>23795</v>
      </c>
      <c r="BW17" s="25">
        <v>10975</v>
      </c>
      <c r="BX17" s="25">
        <v>29480</v>
      </c>
      <c r="BY17" s="25">
        <v>105205</v>
      </c>
      <c r="BZ17" s="28">
        <v>171750</v>
      </c>
      <c r="CA17" s="29">
        <v>171750</v>
      </c>
      <c r="CB17" s="24">
        <v>0</v>
      </c>
      <c r="CC17" s="25">
        <v>0</v>
      </c>
      <c r="CD17" s="26">
        <v>0</v>
      </c>
      <c r="CE17" s="27">
        <v>0</v>
      </c>
      <c r="CF17" s="25">
        <v>10115</v>
      </c>
      <c r="CG17" s="25">
        <v>1885</v>
      </c>
      <c r="CH17" s="25">
        <v>3915</v>
      </c>
      <c r="CI17" s="25">
        <v>0</v>
      </c>
      <c r="CJ17" s="25">
        <v>0</v>
      </c>
      <c r="CK17" s="28">
        <v>15915</v>
      </c>
      <c r="CL17" s="29">
        <v>15915</v>
      </c>
      <c r="CM17" s="24">
        <v>0</v>
      </c>
      <c r="CN17" s="25">
        <v>0</v>
      </c>
      <c r="CO17" s="26">
        <v>0</v>
      </c>
      <c r="CP17" s="27">
        <v>0</v>
      </c>
      <c r="CQ17" s="25">
        <v>0</v>
      </c>
      <c r="CR17" s="25">
        <v>0</v>
      </c>
      <c r="CS17" s="25">
        <v>0</v>
      </c>
      <c r="CT17" s="25">
        <v>0</v>
      </c>
      <c r="CU17" s="25">
        <v>0</v>
      </c>
      <c r="CV17" s="28">
        <v>0</v>
      </c>
      <c r="CW17" s="29">
        <v>0</v>
      </c>
      <c r="CX17" s="24">
        <v>0</v>
      </c>
      <c r="CY17" s="25">
        <v>0</v>
      </c>
      <c r="CZ17" s="26">
        <v>0</v>
      </c>
      <c r="DA17" s="404">
        <v>0</v>
      </c>
      <c r="DB17" s="25">
        <v>0</v>
      </c>
      <c r="DC17" s="25">
        <v>0</v>
      </c>
      <c r="DD17" s="25">
        <v>0</v>
      </c>
      <c r="DE17" s="25">
        <v>0</v>
      </c>
      <c r="DF17" s="25">
        <v>0</v>
      </c>
      <c r="DG17" s="28">
        <v>0</v>
      </c>
      <c r="DH17" s="29">
        <v>0</v>
      </c>
      <c r="DI17" s="24">
        <v>0</v>
      </c>
      <c r="DJ17" s="25">
        <v>0</v>
      </c>
      <c r="DK17" s="26">
        <v>0</v>
      </c>
      <c r="DL17" s="27">
        <v>0</v>
      </c>
      <c r="DM17" s="25">
        <v>53440</v>
      </c>
      <c r="DN17" s="25">
        <v>61315</v>
      </c>
      <c r="DO17" s="25">
        <v>531074</v>
      </c>
      <c r="DP17" s="25">
        <v>970983</v>
      </c>
      <c r="DQ17" s="25">
        <v>791927</v>
      </c>
      <c r="DR17" s="28">
        <v>2408739</v>
      </c>
      <c r="DS17" s="30">
        <v>2408739</v>
      </c>
      <c r="DT17" s="24">
        <v>0</v>
      </c>
      <c r="DU17" s="25">
        <v>0</v>
      </c>
      <c r="DV17" s="26">
        <v>0</v>
      </c>
      <c r="DW17" s="404">
        <v>0</v>
      </c>
      <c r="DX17" s="25">
        <v>21576</v>
      </c>
      <c r="DY17" s="25">
        <v>14570</v>
      </c>
      <c r="DZ17" s="25">
        <v>499075</v>
      </c>
      <c r="EA17" s="25">
        <v>919816</v>
      </c>
      <c r="EB17" s="25">
        <v>671426</v>
      </c>
      <c r="EC17" s="28">
        <v>2126463</v>
      </c>
      <c r="ED17" s="29">
        <v>2126463</v>
      </c>
      <c r="EE17" s="24">
        <v>0</v>
      </c>
      <c r="EF17" s="25">
        <v>0</v>
      </c>
      <c r="EG17" s="26">
        <v>0</v>
      </c>
      <c r="EH17" s="404">
        <v>0</v>
      </c>
      <c r="EI17" s="25">
        <v>24778</v>
      </c>
      <c r="EJ17" s="25">
        <v>833</v>
      </c>
      <c r="EK17" s="25">
        <v>1680</v>
      </c>
      <c r="EL17" s="25">
        <v>1925</v>
      </c>
      <c r="EM17" s="25">
        <v>861</v>
      </c>
      <c r="EN17" s="28">
        <v>30077</v>
      </c>
      <c r="EO17" s="29">
        <v>30077</v>
      </c>
      <c r="EP17" s="24">
        <v>0</v>
      </c>
      <c r="EQ17" s="25">
        <v>0</v>
      </c>
      <c r="ER17" s="26">
        <v>0</v>
      </c>
      <c r="ES17" s="404">
        <v>0</v>
      </c>
      <c r="ET17" s="25">
        <v>0</v>
      </c>
      <c r="EU17" s="25">
        <v>0</v>
      </c>
      <c r="EV17" s="25">
        <v>0</v>
      </c>
      <c r="EW17" s="25">
        <v>0</v>
      </c>
      <c r="EX17" s="25">
        <v>0</v>
      </c>
      <c r="EY17" s="28">
        <v>0</v>
      </c>
      <c r="EZ17" s="29">
        <v>0</v>
      </c>
      <c r="FA17" s="24">
        <v>0</v>
      </c>
      <c r="FB17" s="25">
        <v>0</v>
      </c>
      <c r="FC17" s="26">
        <v>0</v>
      </c>
      <c r="FD17" s="404">
        <v>0</v>
      </c>
      <c r="FE17" s="25">
        <v>0</v>
      </c>
      <c r="FF17" s="25">
        <v>0</v>
      </c>
      <c r="FG17" s="25">
        <v>0</v>
      </c>
      <c r="FH17" s="25">
        <v>0</v>
      </c>
      <c r="FI17" s="25">
        <v>0</v>
      </c>
      <c r="FJ17" s="28">
        <v>0</v>
      </c>
      <c r="FK17" s="29">
        <v>0</v>
      </c>
      <c r="FL17" s="24">
        <v>0</v>
      </c>
      <c r="FM17" s="25">
        <v>0</v>
      </c>
      <c r="FN17" s="26">
        <v>0</v>
      </c>
      <c r="FO17" s="404">
        <v>0</v>
      </c>
      <c r="FP17" s="25">
        <v>0</v>
      </c>
      <c r="FQ17" s="25">
        <v>0</v>
      </c>
      <c r="FR17" s="25">
        <v>0</v>
      </c>
      <c r="FS17" s="25">
        <v>0</v>
      </c>
      <c r="FT17" s="25">
        <v>0</v>
      </c>
      <c r="FU17" s="28">
        <v>0</v>
      </c>
      <c r="FV17" s="29">
        <v>0</v>
      </c>
      <c r="FW17" s="24">
        <v>0</v>
      </c>
      <c r="FX17" s="25">
        <v>0</v>
      </c>
      <c r="FY17" s="26">
        <v>0</v>
      </c>
      <c r="FZ17" s="27">
        <v>0</v>
      </c>
      <c r="GA17" s="25">
        <v>7002</v>
      </c>
      <c r="GB17" s="25">
        <v>45912</v>
      </c>
      <c r="GC17" s="25">
        <v>30116</v>
      </c>
      <c r="GD17" s="25">
        <v>49242</v>
      </c>
      <c r="GE17" s="25">
        <v>119640</v>
      </c>
      <c r="GF17" s="28">
        <v>251912</v>
      </c>
      <c r="GG17" s="29">
        <v>251912</v>
      </c>
      <c r="GH17" s="24">
        <v>0</v>
      </c>
      <c r="GI17" s="25">
        <v>0</v>
      </c>
      <c r="GJ17" s="26">
        <v>0</v>
      </c>
      <c r="GK17" s="27">
        <v>0</v>
      </c>
      <c r="GL17" s="25">
        <v>84</v>
      </c>
      <c r="GM17" s="25">
        <v>0</v>
      </c>
      <c r="GN17" s="25">
        <v>203</v>
      </c>
      <c r="GO17" s="25">
        <v>0</v>
      </c>
      <c r="GP17" s="25">
        <v>0</v>
      </c>
      <c r="GQ17" s="28">
        <v>287</v>
      </c>
      <c r="GR17" s="29">
        <v>287</v>
      </c>
      <c r="GS17" s="24">
        <v>0</v>
      </c>
      <c r="GT17" s="25">
        <v>0</v>
      </c>
      <c r="GU17" s="26">
        <v>0</v>
      </c>
      <c r="GV17" s="27">
        <v>0</v>
      </c>
      <c r="GW17" s="25">
        <v>0</v>
      </c>
      <c r="GX17" s="25">
        <v>0</v>
      </c>
      <c r="GY17" s="25">
        <v>0</v>
      </c>
      <c r="GZ17" s="25">
        <v>0</v>
      </c>
      <c r="HA17" s="25">
        <v>0</v>
      </c>
      <c r="HB17" s="28">
        <v>0</v>
      </c>
      <c r="HC17" s="29">
        <v>0</v>
      </c>
      <c r="HD17" s="24">
        <v>0</v>
      </c>
      <c r="HE17" s="25">
        <v>0</v>
      </c>
      <c r="HF17" s="26">
        <v>0</v>
      </c>
      <c r="HG17" s="404">
        <v>0</v>
      </c>
      <c r="HH17" s="25">
        <v>0</v>
      </c>
      <c r="HI17" s="25">
        <v>0</v>
      </c>
      <c r="HJ17" s="25">
        <v>0</v>
      </c>
      <c r="HK17" s="25">
        <v>0</v>
      </c>
      <c r="HL17" s="25">
        <v>0</v>
      </c>
      <c r="HM17" s="28">
        <v>0</v>
      </c>
      <c r="HN17" s="29">
        <v>0</v>
      </c>
      <c r="HO17" s="24">
        <v>0</v>
      </c>
      <c r="HP17" s="25">
        <v>0</v>
      </c>
      <c r="HQ17" s="26">
        <v>0</v>
      </c>
      <c r="HR17" s="27">
        <v>0</v>
      </c>
      <c r="HS17" s="25">
        <v>126660</v>
      </c>
      <c r="HT17" s="25">
        <v>141490</v>
      </c>
      <c r="HU17" s="25">
        <v>968349</v>
      </c>
      <c r="HV17" s="25">
        <v>1937903</v>
      </c>
      <c r="HW17" s="25">
        <v>1460264</v>
      </c>
      <c r="HX17" s="28">
        <v>4634666</v>
      </c>
      <c r="HY17" s="29">
        <v>4634666</v>
      </c>
    </row>
    <row r="18" spans="2:233" ht="21" customHeight="1" x14ac:dyDescent="0.2">
      <c r="B18" s="106" t="s">
        <v>15</v>
      </c>
      <c r="C18" s="24">
        <v>0</v>
      </c>
      <c r="D18" s="25">
        <v>0</v>
      </c>
      <c r="E18" s="26">
        <v>0</v>
      </c>
      <c r="F18" s="27">
        <v>0</v>
      </c>
      <c r="G18" s="25">
        <v>236595</v>
      </c>
      <c r="H18" s="25">
        <v>284030</v>
      </c>
      <c r="I18" s="25">
        <v>1419284</v>
      </c>
      <c r="J18" s="25">
        <v>2606305</v>
      </c>
      <c r="K18" s="25">
        <v>1076036</v>
      </c>
      <c r="L18" s="28">
        <v>5622250</v>
      </c>
      <c r="M18" s="29">
        <v>5622250</v>
      </c>
      <c r="N18" s="24">
        <v>0</v>
      </c>
      <c r="O18" s="25">
        <v>0</v>
      </c>
      <c r="P18" s="26">
        <v>0</v>
      </c>
      <c r="Q18" s="404">
        <v>0</v>
      </c>
      <c r="R18" s="25">
        <v>32705</v>
      </c>
      <c r="S18" s="25">
        <v>24645</v>
      </c>
      <c r="T18" s="25">
        <v>923365</v>
      </c>
      <c r="U18" s="25">
        <v>1583825</v>
      </c>
      <c r="V18" s="25">
        <v>700215</v>
      </c>
      <c r="W18" s="28">
        <v>3264755</v>
      </c>
      <c r="X18" s="29">
        <v>3264755</v>
      </c>
      <c r="Y18" s="24">
        <v>0</v>
      </c>
      <c r="Z18" s="25">
        <v>0</v>
      </c>
      <c r="AA18" s="26">
        <v>0</v>
      </c>
      <c r="AB18" s="404">
        <v>0</v>
      </c>
      <c r="AC18" s="25">
        <v>198070</v>
      </c>
      <c r="AD18" s="25">
        <v>244718</v>
      </c>
      <c r="AE18" s="25">
        <v>299050</v>
      </c>
      <c r="AF18" s="25">
        <v>683926</v>
      </c>
      <c r="AG18" s="25">
        <v>256505</v>
      </c>
      <c r="AH18" s="28">
        <v>1682269</v>
      </c>
      <c r="AI18" s="29">
        <v>1682269</v>
      </c>
      <c r="AJ18" s="24">
        <v>0</v>
      </c>
      <c r="AK18" s="25">
        <v>0</v>
      </c>
      <c r="AL18" s="26">
        <v>0</v>
      </c>
      <c r="AM18" s="404">
        <v>0</v>
      </c>
      <c r="AN18" s="25">
        <v>0</v>
      </c>
      <c r="AO18" s="25">
        <v>0</v>
      </c>
      <c r="AP18" s="25">
        <v>0</v>
      </c>
      <c r="AQ18" s="25">
        <v>0</v>
      </c>
      <c r="AR18" s="25">
        <v>0</v>
      </c>
      <c r="AS18" s="28">
        <v>0</v>
      </c>
      <c r="AT18" s="29">
        <v>0</v>
      </c>
      <c r="AU18" s="24">
        <v>0</v>
      </c>
      <c r="AV18" s="25">
        <v>0</v>
      </c>
      <c r="AW18" s="26">
        <v>0</v>
      </c>
      <c r="AX18" s="404">
        <v>0</v>
      </c>
      <c r="AY18" s="25">
        <v>0</v>
      </c>
      <c r="AZ18" s="25">
        <v>0</v>
      </c>
      <c r="BA18" s="25">
        <v>0</v>
      </c>
      <c r="BB18" s="25">
        <v>0</v>
      </c>
      <c r="BC18" s="25">
        <v>0</v>
      </c>
      <c r="BD18" s="28">
        <v>0</v>
      </c>
      <c r="BE18" s="29">
        <v>0</v>
      </c>
      <c r="BF18" s="24">
        <v>0</v>
      </c>
      <c r="BG18" s="25">
        <v>0</v>
      </c>
      <c r="BH18" s="26">
        <v>0</v>
      </c>
      <c r="BI18" s="404">
        <v>0</v>
      </c>
      <c r="BJ18" s="25">
        <v>0</v>
      </c>
      <c r="BK18" s="25">
        <v>0</v>
      </c>
      <c r="BL18" s="25">
        <v>67890</v>
      </c>
      <c r="BM18" s="25">
        <v>125565</v>
      </c>
      <c r="BN18" s="25">
        <v>82720</v>
      </c>
      <c r="BO18" s="28">
        <v>276175</v>
      </c>
      <c r="BP18" s="29">
        <v>276175</v>
      </c>
      <c r="BQ18" s="24">
        <v>0</v>
      </c>
      <c r="BR18" s="25">
        <v>0</v>
      </c>
      <c r="BS18" s="26">
        <v>0</v>
      </c>
      <c r="BT18" s="27">
        <v>0</v>
      </c>
      <c r="BU18" s="25">
        <v>4357</v>
      </c>
      <c r="BV18" s="25">
        <v>12914</v>
      </c>
      <c r="BW18" s="25">
        <v>127081</v>
      </c>
      <c r="BX18" s="25">
        <v>212396</v>
      </c>
      <c r="BY18" s="25">
        <v>36596</v>
      </c>
      <c r="BZ18" s="28">
        <v>393344</v>
      </c>
      <c r="CA18" s="29">
        <v>393344</v>
      </c>
      <c r="CB18" s="24">
        <v>0</v>
      </c>
      <c r="CC18" s="25">
        <v>0</v>
      </c>
      <c r="CD18" s="26">
        <v>0</v>
      </c>
      <c r="CE18" s="27">
        <v>0</v>
      </c>
      <c r="CF18" s="25">
        <v>1463</v>
      </c>
      <c r="CG18" s="25">
        <v>1753</v>
      </c>
      <c r="CH18" s="25">
        <v>1898</v>
      </c>
      <c r="CI18" s="25">
        <v>593</v>
      </c>
      <c r="CJ18" s="25">
        <v>0</v>
      </c>
      <c r="CK18" s="28">
        <v>5707</v>
      </c>
      <c r="CL18" s="29">
        <v>5707</v>
      </c>
      <c r="CM18" s="24">
        <v>0</v>
      </c>
      <c r="CN18" s="25">
        <v>0</v>
      </c>
      <c r="CO18" s="26">
        <v>0</v>
      </c>
      <c r="CP18" s="27">
        <v>0</v>
      </c>
      <c r="CQ18" s="25">
        <v>0</v>
      </c>
      <c r="CR18" s="25">
        <v>0</v>
      </c>
      <c r="CS18" s="25">
        <v>0</v>
      </c>
      <c r="CT18" s="25">
        <v>0</v>
      </c>
      <c r="CU18" s="25">
        <v>0</v>
      </c>
      <c r="CV18" s="28">
        <v>0</v>
      </c>
      <c r="CW18" s="29">
        <v>0</v>
      </c>
      <c r="CX18" s="24">
        <v>0</v>
      </c>
      <c r="CY18" s="25">
        <v>0</v>
      </c>
      <c r="CZ18" s="26">
        <v>0</v>
      </c>
      <c r="DA18" s="404">
        <v>0</v>
      </c>
      <c r="DB18" s="25">
        <v>0</v>
      </c>
      <c r="DC18" s="25">
        <v>0</v>
      </c>
      <c r="DD18" s="25">
        <v>0</v>
      </c>
      <c r="DE18" s="25">
        <v>0</v>
      </c>
      <c r="DF18" s="25">
        <v>0</v>
      </c>
      <c r="DG18" s="28">
        <v>0</v>
      </c>
      <c r="DH18" s="29">
        <v>0</v>
      </c>
      <c r="DI18" s="24">
        <v>0</v>
      </c>
      <c r="DJ18" s="25">
        <v>0</v>
      </c>
      <c r="DK18" s="26">
        <v>0</v>
      </c>
      <c r="DL18" s="27">
        <v>0</v>
      </c>
      <c r="DM18" s="25">
        <v>64950</v>
      </c>
      <c r="DN18" s="25">
        <v>99914</v>
      </c>
      <c r="DO18" s="25">
        <v>1300716</v>
      </c>
      <c r="DP18" s="25">
        <v>2540685</v>
      </c>
      <c r="DQ18" s="25">
        <v>1019805</v>
      </c>
      <c r="DR18" s="28">
        <v>5026070</v>
      </c>
      <c r="DS18" s="30">
        <v>5026070</v>
      </c>
      <c r="DT18" s="24">
        <v>0</v>
      </c>
      <c r="DU18" s="25">
        <v>0</v>
      </c>
      <c r="DV18" s="26">
        <v>0</v>
      </c>
      <c r="DW18" s="404">
        <v>0</v>
      </c>
      <c r="DX18" s="25">
        <v>15035</v>
      </c>
      <c r="DY18" s="25">
        <v>10881</v>
      </c>
      <c r="DZ18" s="25">
        <v>914852</v>
      </c>
      <c r="EA18" s="25">
        <v>2023532</v>
      </c>
      <c r="EB18" s="25">
        <v>793667</v>
      </c>
      <c r="EC18" s="28">
        <v>3757967</v>
      </c>
      <c r="ED18" s="29">
        <v>3757967</v>
      </c>
      <c r="EE18" s="24">
        <v>0</v>
      </c>
      <c r="EF18" s="25">
        <v>0</v>
      </c>
      <c r="EG18" s="26">
        <v>0</v>
      </c>
      <c r="EH18" s="404">
        <v>0</v>
      </c>
      <c r="EI18" s="25">
        <v>41418</v>
      </c>
      <c r="EJ18" s="25">
        <v>52377</v>
      </c>
      <c r="EK18" s="25">
        <v>22466</v>
      </c>
      <c r="EL18" s="25">
        <v>73937</v>
      </c>
      <c r="EM18" s="25">
        <v>50403</v>
      </c>
      <c r="EN18" s="28">
        <v>240601</v>
      </c>
      <c r="EO18" s="29">
        <v>240601</v>
      </c>
      <c r="EP18" s="24">
        <v>0</v>
      </c>
      <c r="EQ18" s="25">
        <v>0</v>
      </c>
      <c r="ER18" s="26">
        <v>0</v>
      </c>
      <c r="ES18" s="404">
        <v>0</v>
      </c>
      <c r="ET18" s="25">
        <v>0</v>
      </c>
      <c r="EU18" s="25">
        <v>0</v>
      </c>
      <c r="EV18" s="25">
        <v>0</v>
      </c>
      <c r="EW18" s="25">
        <v>0</v>
      </c>
      <c r="EX18" s="25">
        <v>0</v>
      </c>
      <c r="EY18" s="28">
        <v>0</v>
      </c>
      <c r="EZ18" s="29">
        <v>0</v>
      </c>
      <c r="FA18" s="24">
        <v>0</v>
      </c>
      <c r="FB18" s="25">
        <v>0</v>
      </c>
      <c r="FC18" s="26">
        <v>0</v>
      </c>
      <c r="FD18" s="404">
        <v>0</v>
      </c>
      <c r="FE18" s="25">
        <v>0</v>
      </c>
      <c r="FF18" s="25">
        <v>0</v>
      </c>
      <c r="FG18" s="25">
        <v>0</v>
      </c>
      <c r="FH18" s="25">
        <v>0</v>
      </c>
      <c r="FI18" s="25">
        <v>0</v>
      </c>
      <c r="FJ18" s="28">
        <v>0</v>
      </c>
      <c r="FK18" s="29">
        <v>0</v>
      </c>
      <c r="FL18" s="24">
        <v>0</v>
      </c>
      <c r="FM18" s="25">
        <v>0</v>
      </c>
      <c r="FN18" s="26">
        <v>0</v>
      </c>
      <c r="FO18" s="404">
        <v>0</v>
      </c>
      <c r="FP18" s="25">
        <v>0</v>
      </c>
      <c r="FQ18" s="25">
        <v>0</v>
      </c>
      <c r="FR18" s="25">
        <v>144646</v>
      </c>
      <c r="FS18" s="25">
        <v>154842</v>
      </c>
      <c r="FT18" s="25">
        <v>107452</v>
      </c>
      <c r="FU18" s="28">
        <v>406940</v>
      </c>
      <c r="FV18" s="29">
        <v>406940</v>
      </c>
      <c r="FW18" s="24">
        <v>0</v>
      </c>
      <c r="FX18" s="25">
        <v>0</v>
      </c>
      <c r="FY18" s="26">
        <v>0</v>
      </c>
      <c r="FZ18" s="27">
        <v>0</v>
      </c>
      <c r="GA18" s="25">
        <v>8420</v>
      </c>
      <c r="GB18" s="25">
        <v>36558</v>
      </c>
      <c r="GC18" s="25">
        <v>218654</v>
      </c>
      <c r="GD18" s="25">
        <v>286584</v>
      </c>
      <c r="GE18" s="25">
        <v>68283</v>
      </c>
      <c r="GF18" s="28">
        <v>618499</v>
      </c>
      <c r="GG18" s="29">
        <v>618499</v>
      </c>
      <c r="GH18" s="24">
        <v>0</v>
      </c>
      <c r="GI18" s="25">
        <v>0</v>
      </c>
      <c r="GJ18" s="26">
        <v>0</v>
      </c>
      <c r="GK18" s="27">
        <v>0</v>
      </c>
      <c r="GL18" s="25">
        <v>77</v>
      </c>
      <c r="GM18" s="25">
        <v>98</v>
      </c>
      <c r="GN18" s="25">
        <v>98</v>
      </c>
      <c r="GO18" s="25">
        <v>1790</v>
      </c>
      <c r="GP18" s="25">
        <v>0</v>
      </c>
      <c r="GQ18" s="28">
        <v>2063</v>
      </c>
      <c r="GR18" s="29">
        <v>2063</v>
      </c>
      <c r="GS18" s="24">
        <v>0</v>
      </c>
      <c r="GT18" s="25">
        <v>0</v>
      </c>
      <c r="GU18" s="26">
        <v>0</v>
      </c>
      <c r="GV18" s="27">
        <v>0</v>
      </c>
      <c r="GW18" s="25">
        <v>0</v>
      </c>
      <c r="GX18" s="25">
        <v>0</v>
      </c>
      <c r="GY18" s="25">
        <v>0</v>
      </c>
      <c r="GZ18" s="25">
        <v>0</v>
      </c>
      <c r="HA18" s="25">
        <v>0</v>
      </c>
      <c r="HB18" s="28">
        <v>0</v>
      </c>
      <c r="HC18" s="29">
        <v>0</v>
      </c>
      <c r="HD18" s="24">
        <v>0</v>
      </c>
      <c r="HE18" s="25">
        <v>0</v>
      </c>
      <c r="HF18" s="26">
        <v>0</v>
      </c>
      <c r="HG18" s="404">
        <v>0</v>
      </c>
      <c r="HH18" s="25">
        <v>0</v>
      </c>
      <c r="HI18" s="25">
        <v>0</v>
      </c>
      <c r="HJ18" s="25">
        <v>0</v>
      </c>
      <c r="HK18" s="25">
        <v>0</v>
      </c>
      <c r="HL18" s="25">
        <v>0</v>
      </c>
      <c r="HM18" s="28">
        <v>0</v>
      </c>
      <c r="HN18" s="29">
        <v>0</v>
      </c>
      <c r="HO18" s="24">
        <v>0</v>
      </c>
      <c r="HP18" s="25">
        <v>0</v>
      </c>
      <c r="HQ18" s="26">
        <v>0</v>
      </c>
      <c r="HR18" s="27">
        <v>0</v>
      </c>
      <c r="HS18" s="25">
        <v>301545</v>
      </c>
      <c r="HT18" s="25">
        <v>383944</v>
      </c>
      <c r="HU18" s="25">
        <v>2720000</v>
      </c>
      <c r="HV18" s="25">
        <v>5146990</v>
      </c>
      <c r="HW18" s="25">
        <v>2095841</v>
      </c>
      <c r="HX18" s="28">
        <v>10648320</v>
      </c>
      <c r="HY18" s="29">
        <v>10648320</v>
      </c>
    </row>
    <row r="19" spans="2:233" ht="21" customHeight="1" x14ac:dyDescent="0.2">
      <c r="B19" s="106" t="s">
        <v>16</v>
      </c>
      <c r="C19" s="24">
        <v>0</v>
      </c>
      <c r="D19" s="25">
        <v>0</v>
      </c>
      <c r="E19" s="26">
        <v>0</v>
      </c>
      <c r="F19" s="27">
        <v>0</v>
      </c>
      <c r="G19" s="25">
        <v>448245</v>
      </c>
      <c r="H19" s="25">
        <v>751971</v>
      </c>
      <c r="I19" s="25">
        <v>2671792</v>
      </c>
      <c r="J19" s="25">
        <v>3779202</v>
      </c>
      <c r="K19" s="25">
        <v>1567741</v>
      </c>
      <c r="L19" s="28">
        <v>9218951</v>
      </c>
      <c r="M19" s="29">
        <v>9218951</v>
      </c>
      <c r="N19" s="24">
        <v>0</v>
      </c>
      <c r="O19" s="25">
        <v>0</v>
      </c>
      <c r="P19" s="26">
        <v>0</v>
      </c>
      <c r="Q19" s="404">
        <v>0</v>
      </c>
      <c r="R19" s="25">
        <v>59830</v>
      </c>
      <c r="S19" s="25">
        <v>81065</v>
      </c>
      <c r="T19" s="25">
        <v>1691445</v>
      </c>
      <c r="U19" s="25">
        <v>2561376</v>
      </c>
      <c r="V19" s="25">
        <v>1213950</v>
      </c>
      <c r="W19" s="28">
        <v>5607666</v>
      </c>
      <c r="X19" s="29">
        <v>5607666</v>
      </c>
      <c r="Y19" s="24">
        <v>0</v>
      </c>
      <c r="Z19" s="25">
        <v>0</v>
      </c>
      <c r="AA19" s="26">
        <v>0</v>
      </c>
      <c r="AB19" s="404">
        <v>0</v>
      </c>
      <c r="AC19" s="25">
        <v>360090</v>
      </c>
      <c r="AD19" s="25">
        <v>602468</v>
      </c>
      <c r="AE19" s="25">
        <v>820558</v>
      </c>
      <c r="AF19" s="25">
        <v>1086955</v>
      </c>
      <c r="AG19" s="25">
        <v>303136</v>
      </c>
      <c r="AH19" s="28">
        <v>3173207</v>
      </c>
      <c r="AI19" s="29">
        <v>3173207</v>
      </c>
      <c r="AJ19" s="24">
        <v>0</v>
      </c>
      <c r="AK19" s="25">
        <v>0</v>
      </c>
      <c r="AL19" s="26">
        <v>0</v>
      </c>
      <c r="AM19" s="404">
        <v>0</v>
      </c>
      <c r="AN19" s="25">
        <v>0</v>
      </c>
      <c r="AO19" s="25">
        <v>0</v>
      </c>
      <c r="AP19" s="25">
        <v>0</v>
      </c>
      <c r="AQ19" s="25">
        <v>0</v>
      </c>
      <c r="AR19" s="25">
        <v>0</v>
      </c>
      <c r="AS19" s="28">
        <v>0</v>
      </c>
      <c r="AT19" s="29">
        <v>0</v>
      </c>
      <c r="AU19" s="24">
        <v>0</v>
      </c>
      <c r="AV19" s="25">
        <v>0</v>
      </c>
      <c r="AW19" s="26">
        <v>0</v>
      </c>
      <c r="AX19" s="404">
        <v>0</v>
      </c>
      <c r="AY19" s="25">
        <v>0</v>
      </c>
      <c r="AZ19" s="25">
        <v>0</v>
      </c>
      <c r="BA19" s="25">
        <v>2635</v>
      </c>
      <c r="BB19" s="25">
        <v>46885</v>
      </c>
      <c r="BC19" s="25">
        <v>4760</v>
      </c>
      <c r="BD19" s="28">
        <v>54280</v>
      </c>
      <c r="BE19" s="29">
        <v>54280</v>
      </c>
      <c r="BF19" s="24">
        <v>0</v>
      </c>
      <c r="BG19" s="25">
        <v>0</v>
      </c>
      <c r="BH19" s="26">
        <v>0</v>
      </c>
      <c r="BI19" s="404">
        <v>0</v>
      </c>
      <c r="BJ19" s="25">
        <v>0</v>
      </c>
      <c r="BK19" s="25">
        <v>0</v>
      </c>
      <c r="BL19" s="25">
        <v>54635</v>
      </c>
      <c r="BM19" s="25">
        <v>40610</v>
      </c>
      <c r="BN19" s="25">
        <v>32550</v>
      </c>
      <c r="BO19" s="28">
        <v>127795</v>
      </c>
      <c r="BP19" s="29">
        <v>127795</v>
      </c>
      <c r="BQ19" s="24">
        <v>0</v>
      </c>
      <c r="BR19" s="25">
        <v>0</v>
      </c>
      <c r="BS19" s="26">
        <v>0</v>
      </c>
      <c r="BT19" s="27">
        <v>0</v>
      </c>
      <c r="BU19" s="25">
        <v>28325</v>
      </c>
      <c r="BV19" s="25">
        <v>68438</v>
      </c>
      <c r="BW19" s="25">
        <v>102519</v>
      </c>
      <c r="BX19" s="25">
        <v>39455</v>
      </c>
      <c r="BY19" s="25">
        <v>13345</v>
      </c>
      <c r="BZ19" s="28">
        <v>252082</v>
      </c>
      <c r="CA19" s="29">
        <v>252082</v>
      </c>
      <c r="CB19" s="24">
        <v>0</v>
      </c>
      <c r="CC19" s="25">
        <v>0</v>
      </c>
      <c r="CD19" s="26">
        <v>0</v>
      </c>
      <c r="CE19" s="27">
        <v>0</v>
      </c>
      <c r="CF19" s="25">
        <v>0</v>
      </c>
      <c r="CG19" s="25">
        <v>0</v>
      </c>
      <c r="CH19" s="25">
        <v>0</v>
      </c>
      <c r="CI19" s="25">
        <v>3921</v>
      </c>
      <c r="CJ19" s="25">
        <v>0</v>
      </c>
      <c r="CK19" s="28">
        <v>3921</v>
      </c>
      <c r="CL19" s="29">
        <v>3921</v>
      </c>
      <c r="CM19" s="24">
        <v>0</v>
      </c>
      <c r="CN19" s="25">
        <v>0</v>
      </c>
      <c r="CO19" s="26">
        <v>0</v>
      </c>
      <c r="CP19" s="27">
        <v>0</v>
      </c>
      <c r="CQ19" s="25">
        <v>0</v>
      </c>
      <c r="CR19" s="25">
        <v>0</v>
      </c>
      <c r="CS19" s="25">
        <v>0</v>
      </c>
      <c r="CT19" s="25">
        <v>0</v>
      </c>
      <c r="CU19" s="25">
        <v>0</v>
      </c>
      <c r="CV19" s="28">
        <v>0</v>
      </c>
      <c r="CW19" s="29">
        <v>0</v>
      </c>
      <c r="CX19" s="24">
        <v>0</v>
      </c>
      <c r="CY19" s="25">
        <v>0</v>
      </c>
      <c r="CZ19" s="26">
        <v>0</v>
      </c>
      <c r="DA19" s="404">
        <v>0</v>
      </c>
      <c r="DB19" s="25">
        <v>0</v>
      </c>
      <c r="DC19" s="25">
        <v>0</v>
      </c>
      <c r="DD19" s="25">
        <v>0</v>
      </c>
      <c r="DE19" s="25">
        <v>0</v>
      </c>
      <c r="DF19" s="25">
        <v>0</v>
      </c>
      <c r="DG19" s="28">
        <v>0</v>
      </c>
      <c r="DH19" s="29">
        <v>0</v>
      </c>
      <c r="DI19" s="24">
        <v>0</v>
      </c>
      <c r="DJ19" s="25">
        <v>0</v>
      </c>
      <c r="DK19" s="26">
        <v>0</v>
      </c>
      <c r="DL19" s="27">
        <v>0</v>
      </c>
      <c r="DM19" s="25">
        <v>233227</v>
      </c>
      <c r="DN19" s="25">
        <v>533125</v>
      </c>
      <c r="DO19" s="25">
        <v>3253571</v>
      </c>
      <c r="DP19" s="25">
        <v>3699081</v>
      </c>
      <c r="DQ19" s="25">
        <v>1668363</v>
      </c>
      <c r="DR19" s="28">
        <v>9387367</v>
      </c>
      <c r="DS19" s="30">
        <v>9387367</v>
      </c>
      <c r="DT19" s="24">
        <v>0</v>
      </c>
      <c r="DU19" s="25">
        <v>0</v>
      </c>
      <c r="DV19" s="26">
        <v>0</v>
      </c>
      <c r="DW19" s="404">
        <v>0</v>
      </c>
      <c r="DX19" s="25">
        <v>91977</v>
      </c>
      <c r="DY19" s="25">
        <v>207421</v>
      </c>
      <c r="DZ19" s="25">
        <v>2626443</v>
      </c>
      <c r="EA19" s="25">
        <v>3257847</v>
      </c>
      <c r="EB19" s="25">
        <v>1426469</v>
      </c>
      <c r="EC19" s="28">
        <v>7610157</v>
      </c>
      <c r="ED19" s="29">
        <v>7610157</v>
      </c>
      <c r="EE19" s="24">
        <v>0</v>
      </c>
      <c r="EF19" s="25">
        <v>0</v>
      </c>
      <c r="EG19" s="26">
        <v>0</v>
      </c>
      <c r="EH19" s="404">
        <v>0</v>
      </c>
      <c r="EI19" s="25">
        <v>89102</v>
      </c>
      <c r="EJ19" s="25">
        <v>216307</v>
      </c>
      <c r="EK19" s="25">
        <v>359810</v>
      </c>
      <c r="EL19" s="25">
        <v>250380</v>
      </c>
      <c r="EM19" s="25">
        <v>110638</v>
      </c>
      <c r="EN19" s="28">
        <v>1026237</v>
      </c>
      <c r="EO19" s="29">
        <v>1026237</v>
      </c>
      <c r="EP19" s="24">
        <v>0</v>
      </c>
      <c r="EQ19" s="25">
        <v>0</v>
      </c>
      <c r="ER19" s="26">
        <v>0</v>
      </c>
      <c r="ES19" s="404">
        <v>0</v>
      </c>
      <c r="ET19" s="25">
        <v>0</v>
      </c>
      <c r="EU19" s="25">
        <v>0</v>
      </c>
      <c r="EV19" s="25">
        <v>0</v>
      </c>
      <c r="EW19" s="25">
        <v>0</v>
      </c>
      <c r="EX19" s="25">
        <v>0</v>
      </c>
      <c r="EY19" s="28">
        <v>0</v>
      </c>
      <c r="EZ19" s="29">
        <v>0</v>
      </c>
      <c r="FA19" s="24">
        <v>0</v>
      </c>
      <c r="FB19" s="25">
        <v>0</v>
      </c>
      <c r="FC19" s="26">
        <v>0</v>
      </c>
      <c r="FD19" s="404">
        <v>0</v>
      </c>
      <c r="FE19" s="25">
        <v>0</v>
      </c>
      <c r="FF19" s="25">
        <v>0</v>
      </c>
      <c r="FG19" s="25">
        <v>217</v>
      </c>
      <c r="FH19" s="25">
        <v>14485</v>
      </c>
      <c r="FI19" s="25">
        <v>434</v>
      </c>
      <c r="FJ19" s="28">
        <v>15136</v>
      </c>
      <c r="FK19" s="29">
        <v>15136</v>
      </c>
      <c r="FL19" s="24">
        <v>0</v>
      </c>
      <c r="FM19" s="25">
        <v>0</v>
      </c>
      <c r="FN19" s="26">
        <v>0</v>
      </c>
      <c r="FO19" s="404">
        <v>0</v>
      </c>
      <c r="FP19" s="25">
        <v>0</v>
      </c>
      <c r="FQ19" s="25">
        <v>0</v>
      </c>
      <c r="FR19" s="25">
        <v>106488</v>
      </c>
      <c r="FS19" s="25">
        <v>101494</v>
      </c>
      <c r="FT19" s="25">
        <v>86304</v>
      </c>
      <c r="FU19" s="28">
        <v>294286</v>
      </c>
      <c r="FV19" s="29">
        <v>294286</v>
      </c>
      <c r="FW19" s="24">
        <v>0</v>
      </c>
      <c r="FX19" s="25">
        <v>0</v>
      </c>
      <c r="FY19" s="26">
        <v>0</v>
      </c>
      <c r="FZ19" s="27">
        <v>0</v>
      </c>
      <c r="GA19" s="25">
        <v>52148</v>
      </c>
      <c r="GB19" s="25">
        <v>109397</v>
      </c>
      <c r="GC19" s="25">
        <v>160613</v>
      </c>
      <c r="GD19" s="25">
        <v>74714</v>
      </c>
      <c r="GE19" s="25">
        <v>44518</v>
      </c>
      <c r="GF19" s="28">
        <v>441390</v>
      </c>
      <c r="GG19" s="29">
        <v>441390</v>
      </c>
      <c r="GH19" s="24">
        <v>0</v>
      </c>
      <c r="GI19" s="25">
        <v>0</v>
      </c>
      <c r="GJ19" s="26">
        <v>0</v>
      </c>
      <c r="GK19" s="27">
        <v>0</v>
      </c>
      <c r="GL19" s="25">
        <v>0</v>
      </c>
      <c r="GM19" s="25">
        <v>0</v>
      </c>
      <c r="GN19" s="25">
        <v>0</v>
      </c>
      <c r="GO19" s="25">
        <v>161</v>
      </c>
      <c r="GP19" s="25">
        <v>0</v>
      </c>
      <c r="GQ19" s="28">
        <v>161</v>
      </c>
      <c r="GR19" s="29">
        <v>161</v>
      </c>
      <c r="GS19" s="24">
        <v>0</v>
      </c>
      <c r="GT19" s="25">
        <v>0</v>
      </c>
      <c r="GU19" s="26">
        <v>0</v>
      </c>
      <c r="GV19" s="27">
        <v>0</v>
      </c>
      <c r="GW19" s="25">
        <v>0</v>
      </c>
      <c r="GX19" s="25">
        <v>0</v>
      </c>
      <c r="GY19" s="25">
        <v>0</v>
      </c>
      <c r="GZ19" s="25">
        <v>0</v>
      </c>
      <c r="HA19" s="25">
        <v>0</v>
      </c>
      <c r="HB19" s="28">
        <v>0</v>
      </c>
      <c r="HC19" s="29">
        <v>0</v>
      </c>
      <c r="HD19" s="24">
        <v>0</v>
      </c>
      <c r="HE19" s="25">
        <v>0</v>
      </c>
      <c r="HF19" s="26">
        <v>0</v>
      </c>
      <c r="HG19" s="404">
        <v>0</v>
      </c>
      <c r="HH19" s="25">
        <v>0</v>
      </c>
      <c r="HI19" s="25">
        <v>0</v>
      </c>
      <c r="HJ19" s="25">
        <v>0</v>
      </c>
      <c r="HK19" s="25">
        <v>0</v>
      </c>
      <c r="HL19" s="25">
        <v>0</v>
      </c>
      <c r="HM19" s="28">
        <v>0</v>
      </c>
      <c r="HN19" s="29">
        <v>0</v>
      </c>
      <c r="HO19" s="24">
        <v>0</v>
      </c>
      <c r="HP19" s="25">
        <v>0</v>
      </c>
      <c r="HQ19" s="26">
        <v>0</v>
      </c>
      <c r="HR19" s="27">
        <v>0</v>
      </c>
      <c r="HS19" s="25">
        <v>681472</v>
      </c>
      <c r="HT19" s="25">
        <v>1285096</v>
      </c>
      <c r="HU19" s="25">
        <v>5925363</v>
      </c>
      <c r="HV19" s="25">
        <v>7478283</v>
      </c>
      <c r="HW19" s="25">
        <v>3236104</v>
      </c>
      <c r="HX19" s="28">
        <v>18606318</v>
      </c>
      <c r="HY19" s="29">
        <v>18606318</v>
      </c>
    </row>
    <row r="20" spans="2:233" ht="21" customHeight="1" x14ac:dyDescent="0.2">
      <c r="B20" s="106" t="s">
        <v>17</v>
      </c>
      <c r="C20" s="24">
        <v>0</v>
      </c>
      <c r="D20" s="25">
        <v>745</v>
      </c>
      <c r="E20" s="26">
        <v>745</v>
      </c>
      <c r="F20" s="27">
        <v>0</v>
      </c>
      <c r="G20" s="25">
        <v>246840</v>
      </c>
      <c r="H20" s="25">
        <v>932428</v>
      </c>
      <c r="I20" s="25">
        <v>2814315</v>
      </c>
      <c r="J20" s="25">
        <v>3432715</v>
      </c>
      <c r="K20" s="25">
        <v>2386140</v>
      </c>
      <c r="L20" s="28">
        <v>9812438</v>
      </c>
      <c r="M20" s="29">
        <v>9813183</v>
      </c>
      <c r="N20" s="24">
        <v>0</v>
      </c>
      <c r="O20" s="25">
        <v>0</v>
      </c>
      <c r="P20" s="26">
        <v>0</v>
      </c>
      <c r="Q20" s="404">
        <v>0</v>
      </c>
      <c r="R20" s="25">
        <v>61330</v>
      </c>
      <c r="S20" s="25">
        <v>135935</v>
      </c>
      <c r="T20" s="25">
        <v>1557995</v>
      </c>
      <c r="U20" s="25">
        <v>2149100</v>
      </c>
      <c r="V20" s="25">
        <v>1723245</v>
      </c>
      <c r="W20" s="28">
        <v>5627605</v>
      </c>
      <c r="X20" s="29">
        <v>5627605</v>
      </c>
      <c r="Y20" s="24">
        <v>0</v>
      </c>
      <c r="Z20" s="25">
        <v>0</v>
      </c>
      <c r="AA20" s="26">
        <v>0</v>
      </c>
      <c r="AB20" s="404">
        <v>0</v>
      </c>
      <c r="AC20" s="25">
        <v>137675</v>
      </c>
      <c r="AD20" s="25">
        <v>716523</v>
      </c>
      <c r="AE20" s="25">
        <v>784620</v>
      </c>
      <c r="AF20" s="25">
        <v>689955</v>
      </c>
      <c r="AG20" s="25">
        <v>277700</v>
      </c>
      <c r="AH20" s="28">
        <v>2606473</v>
      </c>
      <c r="AI20" s="29">
        <v>2606473</v>
      </c>
      <c r="AJ20" s="24">
        <v>0</v>
      </c>
      <c r="AK20" s="25">
        <v>0</v>
      </c>
      <c r="AL20" s="26">
        <v>0</v>
      </c>
      <c r="AM20" s="404">
        <v>0</v>
      </c>
      <c r="AN20" s="25">
        <v>0</v>
      </c>
      <c r="AO20" s="25">
        <v>0</v>
      </c>
      <c r="AP20" s="25">
        <v>0</v>
      </c>
      <c r="AQ20" s="25">
        <v>0</v>
      </c>
      <c r="AR20" s="25">
        <v>0</v>
      </c>
      <c r="AS20" s="28">
        <v>0</v>
      </c>
      <c r="AT20" s="29">
        <v>0</v>
      </c>
      <c r="AU20" s="24">
        <v>0</v>
      </c>
      <c r="AV20" s="25">
        <v>0</v>
      </c>
      <c r="AW20" s="26">
        <v>0</v>
      </c>
      <c r="AX20" s="404">
        <v>0</v>
      </c>
      <c r="AY20" s="25">
        <v>0</v>
      </c>
      <c r="AZ20" s="25">
        <v>0</v>
      </c>
      <c r="BA20" s="25">
        <v>0</v>
      </c>
      <c r="BB20" s="25">
        <v>40595</v>
      </c>
      <c r="BC20" s="25">
        <v>100750</v>
      </c>
      <c r="BD20" s="28">
        <v>141345</v>
      </c>
      <c r="BE20" s="29">
        <v>141345</v>
      </c>
      <c r="BF20" s="24">
        <v>0</v>
      </c>
      <c r="BG20" s="25">
        <v>0</v>
      </c>
      <c r="BH20" s="26">
        <v>0</v>
      </c>
      <c r="BI20" s="404">
        <v>0</v>
      </c>
      <c r="BJ20" s="25">
        <v>0</v>
      </c>
      <c r="BK20" s="25">
        <v>0</v>
      </c>
      <c r="BL20" s="25">
        <v>225525</v>
      </c>
      <c r="BM20" s="25">
        <v>244280</v>
      </c>
      <c r="BN20" s="25">
        <v>201625</v>
      </c>
      <c r="BO20" s="28">
        <v>671430</v>
      </c>
      <c r="BP20" s="29">
        <v>671430</v>
      </c>
      <c r="BQ20" s="24">
        <v>0</v>
      </c>
      <c r="BR20" s="25">
        <v>745</v>
      </c>
      <c r="BS20" s="26">
        <v>745</v>
      </c>
      <c r="BT20" s="27">
        <v>0</v>
      </c>
      <c r="BU20" s="25">
        <v>45660</v>
      </c>
      <c r="BV20" s="25">
        <v>75405</v>
      </c>
      <c r="BW20" s="25">
        <v>245740</v>
      </c>
      <c r="BX20" s="25">
        <v>283420</v>
      </c>
      <c r="BY20" s="25">
        <v>63995</v>
      </c>
      <c r="BZ20" s="28">
        <v>714220</v>
      </c>
      <c r="CA20" s="29">
        <v>714965</v>
      </c>
      <c r="CB20" s="24">
        <v>0</v>
      </c>
      <c r="CC20" s="25">
        <v>0</v>
      </c>
      <c r="CD20" s="26">
        <v>0</v>
      </c>
      <c r="CE20" s="27">
        <v>0</v>
      </c>
      <c r="CF20" s="25">
        <v>2175</v>
      </c>
      <c r="CG20" s="25">
        <v>4565</v>
      </c>
      <c r="CH20" s="25">
        <v>435</v>
      </c>
      <c r="CI20" s="25">
        <v>25365</v>
      </c>
      <c r="CJ20" s="25">
        <v>18825</v>
      </c>
      <c r="CK20" s="28">
        <v>51365</v>
      </c>
      <c r="CL20" s="29">
        <v>51365</v>
      </c>
      <c r="CM20" s="24">
        <v>0</v>
      </c>
      <c r="CN20" s="25">
        <v>0</v>
      </c>
      <c r="CO20" s="26">
        <v>0</v>
      </c>
      <c r="CP20" s="27">
        <v>0</v>
      </c>
      <c r="CQ20" s="25">
        <v>0</v>
      </c>
      <c r="CR20" s="25">
        <v>0</v>
      </c>
      <c r="CS20" s="25">
        <v>0</v>
      </c>
      <c r="CT20" s="25">
        <v>0</v>
      </c>
      <c r="CU20" s="25">
        <v>0</v>
      </c>
      <c r="CV20" s="28">
        <v>0</v>
      </c>
      <c r="CW20" s="29">
        <v>0</v>
      </c>
      <c r="CX20" s="24">
        <v>0</v>
      </c>
      <c r="CY20" s="25">
        <v>0</v>
      </c>
      <c r="CZ20" s="26">
        <v>0</v>
      </c>
      <c r="DA20" s="404">
        <v>0</v>
      </c>
      <c r="DB20" s="25">
        <v>0</v>
      </c>
      <c r="DC20" s="25">
        <v>0</v>
      </c>
      <c r="DD20" s="25">
        <v>0</v>
      </c>
      <c r="DE20" s="25">
        <v>0</v>
      </c>
      <c r="DF20" s="25">
        <v>0</v>
      </c>
      <c r="DG20" s="28">
        <v>0</v>
      </c>
      <c r="DH20" s="29">
        <v>0</v>
      </c>
      <c r="DI20" s="24">
        <v>0</v>
      </c>
      <c r="DJ20" s="25">
        <v>1392</v>
      </c>
      <c r="DK20" s="26">
        <v>1392</v>
      </c>
      <c r="DL20" s="27">
        <v>0</v>
      </c>
      <c r="DM20" s="25">
        <v>115036</v>
      </c>
      <c r="DN20" s="25">
        <v>338712</v>
      </c>
      <c r="DO20" s="25">
        <v>2898414</v>
      </c>
      <c r="DP20" s="25">
        <v>3977206</v>
      </c>
      <c r="DQ20" s="25">
        <v>2675391</v>
      </c>
      <c r="DR20" s="28">
        <v>10004759</v>
      </c>
      <c r="DS20" s="30">
        <v>10006151</v>
      </c>
      <c r="DT20" s="24">
        <v>0</v>
      </c>
      <c r="DU20" s="25">
        <v>0</v>
      </c>
      <c r="DV20" s="26">
        <v>0</v>
      </c>
      <c r="DW20" s="404">
        <v>0</v>
      </c>
      <c r="DX20" s="25">
        <v>64821</v>
      </c>
      <c r="DY20" s="25">
        <v>198400</v>
      </c>
      <c r="DZ20" s="25">
        <v>2057894</v>
      </c>
      <c r="EA20" s="25">
        <v>3183149</v>
      </c>
      <c r="EB20" s="25">
        <v>2222575</v>
      </c>
      <c r="EC20" s="28">
        <v>7726839</v>
      </c>
      <c r="ED20" s="29">
        <v>7726839</v>
      </c>
      <c r="EE20" s="24">
        <v>0</v>
      </c>
      <c r="EF20" s="25">
        <v>0</v>
      </c>
      <c r="EG20" s="26">
        <v>0</v>
      </c>
      <c r="EH20" s="404">
        <v>0</v>
      </c>
      <c r="EI20" s="25">
        <v>2884</v>
      </c>
      <c r="EJ20" s="25">
        <v>12669</v>
      </c>
      <c r="EK20" s="25">
        <v>73543</v>
      </c>
      <c r="EL20" s="25">
        <v>45566</v>
      </c>
      <c r="EM20" s="25">
        <v>28845</v>
      </c>
      <c r="EN20" s="28">
        <v>163507</v>
      </c>
      <c r="EO20" s="29">
        <v>163507</v>
      </c>
      <c r="EP20" s="24">
        <v>0</v>
      </c>
      <c r="EQ20" s="25">
        <v>0</v>
      </c>
      <c r="ER20" s="26">
        <v>0</v>
      </c>
      <c r="ES20" s="404">
        <v>0</v>
      </c>
      <c r="ET20" s="25">
        <v>0</v>
      </c>
      <c r="EU20" s="25">
        <v>0</v>
      </c>
      <c r="EV20" s="25">
        <v>0</v>
      </c>
      <c r="EW20" s="25">
        <v>0</v>
      </c>
      <c r="EX20" s="25">
        <v>0</v>
      </c>
      <c r="EY20" s="28">
        <v>0</v>
      </c>
      <c r="EZ20" s="29">
        <v>0</v>
      </c>
      <c r="FA20" s="24">
        <v>0</v>
      </c>
      <c r="FB20" s="25">
        <v>0</v>
      </c>
      <c r="FC20" s="26">
        <v>0</v>
      </c>
      <c r="FD20" s="404">
        <v>0</v>
      </c>
      <c r="FE20" s="25">
        <v>0</v>
      </c>
      <c r="FF20" s="25">
        <v>0</v>
      </c>
      <c r="FG20" s="25">
        <v>0</v>
      </c>
      <c r="FH20" s="25">
        <v>13981</v>
      </c>
      <c r="FI20" s="25">
        <v>868</v>
      </c>
      <c r="FJ20" s="28">
        <v>14849</v>
      </c>
      <c r="FK20" s="29">
        <v>14849</v>
      </c>
      <c r="FL20" s="24">
        <v>0</v>
      </c>
      <c r="FM20" s="25">
        <v>0</v>
      </c>
      <c r="FN20" s="26">
        <v>0</v>
      </c>
      <c r="FO20" s="404">
        <v>0</v>
      </c>
      <c r="FP20" s="25">
        <v>0</v>
      </c>
      <c r="FQ20" s="25">
        <v>0</v>
      </c>
      <c r="FR20" s="25">
        <v>367567</v>
      </c>
      <c r="FS20" s="25">
        <v>384524</v>
      </c>
      <c r="FT20" s="25">
        <v>302229</v>
      </c>
      <c r="FU20" s="28">
        <v>1054320</v>
      </c>
      <c r="FV20" s="29">
        <v>1054320</v>
      </c>
      <c r="FW20" s="24">
        <v>0</v>
      </c>
      <c r="FX20" s="25">
        <v>1392</v>
      </c>
      <c r="FY20" s="26">
        <v>1392</v>
      </c>
      <c r="FZ20" s="27">
        <v>0</v>
      </c>
      <c r="GA20" s="25">
        <v>47205</v>
      </c>
      <c r="GB20" s="25">
        <v>127517</v>
      </c>
      <c r="GC20" s="25">
        <v>398680</v>
      </c>
      <c r="GD20" s="25">
        <v>348155</v>
      </c>
      <c r="GE20" s="25">
        <v>110555</v>
      </c>
      <c r="GF20" s="28">
        <v>1032112</v>
      </c>
      <c r="GG20" s="29">
        <v>1033504</v>
      </c>
      <c r="GH20" s="24">
        <v>0</v>
      </c>
      <c r="GI20" s="25">
        <v>0</v>
      </c>
      <c r="GJ20" s="26">
        <v>0</v>
      </c>
      <c r="GK20" s="27">
        <v>0</v>
      </c>
      <c r="GL20" s="25">
        <v>126</v>
      </c>
      <c r="GM20" s="25">
        <v>126</v>
      </c>
      <c r="GN20" s="25">
        <v>730</v>
      </c>
      <c r="GO20" s="25">
        <v>1831</v>
      </c>
      <c r="GP20" s="25">
        <v>10319</v>
      </c>
      <c r="GQ20" s="28">
        <v>13132</v>
      </c>
      <c r="GR20" s="29">
        <v>13132</v>
      </c>
      <c r="GS20" s="24">
        <v>0</v>
      </c>
      <c r="GT20" s="25">
        <v>0</v>
      </c>
      <c r="GU20" s="26">
        <v>0</v>
      </c>
      <c r="GV20" s="27">
        <v>0</v>
      </c>
      <c r="GW20" s="25">
        <v>0</v>
      </c>
      <c r="GX20" s="25">
        <v>0</v>
      </c>
      <c r="GY20" s="25">
        <v>0</v>
      </c>
      <c r="GZ20" s="25">
        <v>0</v>
      </c>
      <c r="HA20" s="25">
        <v>0</v>
      </c>
      <c r="HB20" s="28">
        <v>0</v>
      </c>
      <c r="HC20" s="29">
        <v>0</v>
      </c>
      <c r="HD20" s="24">
        <v>0</v>
      </c>
      <c r="HE20" s="25">
        <v>0</v>
      </c>
      <c r="HF20" s="26">
        <v>0</v>
      </c>
      <c r="HG20" s="404">
        <v>0</v>
      </c>
      <c r="HH20" s="25">
        <v>0</v>
      </c>
      <c r="HI20" s="25">
        <v>0</v>
      </c>
      <c r="HJ20" s="25">
        <v>0</v>
      </c>
      <c r="HK20" s="25">
        <v>0</v>
      </c>
      <c r="HL20" s="25">
        <v>0</v>
      </c>
      <c r="HM20" s="28">
        <v>0</v>
      </c>
      <c r="HN20" s="29">
        <v>0</v>
      </c>
      <c r="HO20" s="24">
        <v>0</v>
      </c>
      <c r="HP20" s="25">
        <v>2137</v>
      </c>
      <c r="HQ20" s="26">
        <v>2137</v>
      </c>
      <c r="HR20" s="27">
        <v>0</v>
      </c>
      <c r="HS20" s="25">
        <v>361876</v>
      </c>
      <c r="HT20" s="25">
        <v>1271140</v>
      </c>
      <c r="HU20" s="25">
        <v>5712729</v>
      </c>
      <c r="HV20" s="25">
        <v>7409921</v>
      </c>
      <c r="HW20" s="25">
        <v>5061531</v>
      </c>
      <c r="HX20" s="28">
        <v>19817197</v>
      </c>
      <c r="HY20" s="29">
        <v>19819334</v>
      </c>
    </row>
    <row r="21" spans="2:233" ht="21" customHeight="1" x14ac:dyDescent="0.2">
      <c r="B21" s="106" t="s">
        <v>18</v>
      </c>
      <c r="C21" s="24">
        <v>0</v>
      </c>
      <c r="D21" s="25">
        <v>8555</v>
      </c>
      <c r="E21" s="26">
        <v>8555</v>
      </c>
      <c r="F21" s="27">
        <v>0</v>
      </c>
      <c r="G21" s="25">
        <v>218241</v>
      </c>
      <c r="H21" s="25">
        <v>594225</v>
      </c>
      <c r="I21" s="25">
        <v>1989330</v>
      </c>
      <c r="J21" s="25">
        <v>2782315</v>
      </c>
      <c r="K21" s="25">
        <v>1951310</v>
      </c>
      <c r="L21" s="28">
        <v>7535421</v>
      </c>
      <c r="M21" s="29">
        <v>7543976</v>
      </c>
      <c r="N21" s="24">
        <v>0</v>
      </c>
      <c r="O21" s="25">
        <v>0</v>
      </c>
      <c r="P21" s="26">
        <v>0</v>
      </c>
      <c r="Q21" s="404">
        <v>0</v>
      </c>
      <c r="R21" s="25">
        <v>25265</v>
      </c>
      <c r="S21" s="25">
        <v>46570</v>
      </c>
      <c r="T21" s="25">
        <v>1157740</v>
      </c>
      <c r="U21" s="25">
        <v>2185905</v>
      </c>
      <c r="V21" s="25">
        <v>1480545</v>
      </c>
      <c r="W21" s="28">
        <v>4896025</v>
      </c>
      <c r="X21" s="29">
        <v>4896025</v>
      </c>
      <c r="Y21" s="24">
        <v>0</v>
      </c>
      <c r="Z21" s="25">
        <v>0</v>
      </c>
      <c r="AA21" s="26">
        <v>0</v>
      </c>
      <c r="AB21" s="404">
        <v>0</v>
      </c>
      <c r="AC21" s="25">
        <v>125240</v>
      </c>
      <c r="AD21" s="25">
        <v>481970</v>
      </c>
      <c r="AE21" s="25">
        <v>473480</v>
      </c>
      <c r="AF21" s="25">
        <v>285150</v>
      </c>
      <c r="AG21" s="25">
        <v>301800</v>
      </c>
      <c r="AH21" s="28">
        <v>1667640</v>
      </c>
      <c r="AI21" s="29">
        <v>1667640</v>
      </c>
      <c r="AJ21" s="24">
        <v>0</v>
      </c>
      <c r="AK21" s="25">
        <v>0</v>
      </c>
      <c r="AL21" s="26">
        <v>0</v>
      </c>
      <c r="AM21" s="404">
        <v>0</v>
      </c>
      <c r="AN21" s="25">
        <v>0</v>
      </c>
      <c r="AO21" s="25">
        <v>0</v>
      </c>
      <c r="AP21" s="25">
        <v>0</v>
      </c>
      <c r="AQ21" s="25">
        <v>0</v>
      </c>
      <c r="AR21" s="25">
        <v>0</v>
      </c>
      <c r="AS21" s="28">
        <v>0</v>
      </c>
      <c r="AT21" s="29">
        <v>0</v>
      </c>
      <c r="AU21" s="24">
        <v>0</v>
      </c>
      <c r="AV21" s="25">
        <v>0</v>
      </c>
      <c r="AW21" s="26">
        <v>0</v>
      </c>
      <c r="AX21" s="404">
        <v>0</v>
      </c>
      <c r="AY21" s="25">
        <v>0</v>
      </c>
      <c r="AZ21" s="25">
        <v>0</v>
      </c>
      <c r="BA21" s="25">
        <v>0</v>
      </c>
      <c r="BB21" s="25">
        <v>29915</v>
      </c>
      <c r="BC21" s="25">
        <v>42310</v>
      </c>
      <c r="BD21" s="28">
        <v>72225</v>
      </c>
      <c r="BE21" s="29">
        <v>72225</v>
      </c>
      <c r="BF21" s="24">
        <v>0</v>
      </c>
      <c r="BG21" s="25">
        <v>0</v>
      </c>
      <c r="BH21" s="26">
        <v>0</v>
      </c>
      <c r="BI21" s="404">
        <v>0</v>
      </c>
      <c r="BJ21" s="25">
        <v>0</v>
      </c>
      <c r="BK21" s="25">
        <v>2550</v>
      </c>
      <c r="BL21" s="25">
        <v>35340</v>
      </c>
      <c r="BM21" s="25">
        <v>105255</v>
      </c>
      <c r="BN21" s="25">
        <v>56010</v>
      </c>
      <c r="BO21" s="28">
        <v>199155</v>
      </c>
      <c r="BP21" s="29">
        <v>199155</v>
      </c>
      <c r="BQ21" s="24">
        <v>0</v>
      </c>
      <c r="BR21" s="25">
        <v>8555</v>
      </c>
      <c r="BS21" s="26">
        <v>8555</v>
      </c>
      <c r="BT21" s="27">
        <v>0</v>
      </c>
      <c r="BU21" s="25">
        <v>67736</v>
      </c>
      <c r="BV21" s="25">
        <v>63135</v>
      </c>
      <c r="BW21" s="25">
        <v>322770</v>
      </c>
      <c r="BX21" s="25">
        <v>164770</v>
      </c>
      <c r="BY21" s="25">
        <v>70645</v>
      </c>
      <c r="BZ21" s="28">
        <v>689056</v>
      </c>
      <c r="CA21" s="29">
        <v>697611</v>
      </c>
      <c r="CB21" s="24">
        <v>0</v>
      </c>
      <c r="CC21" s="25">
        <v>0</v>
      </c>
      <c r="CD21" s="26">
        <v>0</v>
      </c>
      <c r="CE21" s="27">
        <v>0</v>
      </c>
      <c r="CF21" s="25">
        <v>0</v>
      </c>
      <c r="CG21" s="25">
        <v>0</v>
      </c>
      <c r="CH21" s="25">
        <v>0</v>
      </c>
      <c r="CI21" s="25">
        <v>11320</v>
      </c>
      <c r="CJ21" s="25">
        <v>0</v>
      </c>
      <c r="CK21" s="28">
        <v>11320</v>
      </c>
      <c r="CL21" s="29">
        <v>11320</v>
      </c>
      <c r="CM21" s="24">
        <v>0</v>
      </c>
      <c r="CN21" s="25">
        <v>0</v>
      </c>
      <c r="CO21" s="26">
        <v>0</v>
      </c>
      <c r="CP21" s="27">
        <v>0</v>
      </c>
      <c r="CQ21" s="25">
        <v>0</v>
      </c>
      <c r="CR21" s="25">
        <v>0</v>
      </c>
      <c r="CS21" s="25">
        <v>0</v>
      </c>
      <c r="CT21" s="25">
        <v>0</v>
      </c>
      <c r="CU21" s="25">
        <v>0</v>
      </c>
      <c r="CV21" s="28">
        <v>0</v>
      </c>
      <c r="CW21" s="29">
        <v>0</v>
      </c>
      <c r="CX21" s="24">
        <v>0</v>
      </c>
      <c r="CY21" s="25">
        <v>0</v>
      </c>
      <c r="CZ21" s="26">
        <v>0</v>
      </c>
      <c r="DA21" s="404">
        <v>0</v>
      </c>
      <c r="DB21" s="25">
        <v>0</v>
      </c>
      <c r="DC21" s="25">
        <v>0</v>
      </c>
      <c r="DD21" s="25">
        <v>0</v>
      </c>
      <c r="DE21" s="25">
        <v>0</v>
      </c>
      <c r="DF21" s="25">
        <v>0</v>
      </c>
      <c r="DG21" s="28">
        <v>0</v>
      </c>
      <c r="DH21" s="29">
        <v>0</v>
      </c>
      <c r="DI21" s="24">
        <v>0</v>
      </c>
      <c r="DJ21" s="25">
        <v>12023</v>
      </c>
      <c r="DK21" s="26">
        <v>12023</v>
      </c>
      <c r="DL21" s="27">
        <v>0</v>
      </c>
      <c r="DM21" s="25">
        <v>186163</v>
      </c>
      <c r="DN21" s="25">
        <v>401420</v>
      </c>
      <c r="DO21" s="25">
        <v>2679635</v>
      </c>
      <c r="DP21" s="25">
        <v>3685793</v>
      </c>
      <c r="DQ21" s="25">
        <v>2415910</v>
      </c>
      <c r="DR21" s="28">
        <v>9368921</v>
      </c>
      <c r="DS21" s="30">
        <v>9380944</v>
      </c>
      <c r="DT21" s="24">
        <v>0</v>
      </c>
      <c r="DU21" s="25">
        <v>0</v>
      </c>
      <c r="DV21" s="26">
        <v>0</v>
      </c>
      <c r="DW21" s="404">
        <v>0</v>
      </c>
      <c r="DX21" s="25">
        <v>40176</v>
      </c>
      <c r="DY21" s="25">
        <v>140974</v>
      </c>
      <c r="DZ21" s="25">
        <v>1944445</v>
      </c>
      <c r="EA21" s="25">
        <v>3207888</v>
      </c>
      <c r="EB21" s="25">
        <v>2142903</v>
      </c>
      <c r="EC21" s="28">
        <v>7476386</v>
      </c>
      <c r="ED21" s="29">
        <v>7476386</v>
      </c>
      <c r="EE21" s="24">
        <v>0</v>
      </c>
      <c r="EF21" s="25">
        <v>0</v>
      </c>
      <c r="EG21" s="26">
        <v>0</v>
      </c>
      <c r="EH21" s="404">
        <v>0</v>
      </c>
      <c r="EI21" s="25">
        <v>36549</v>
      </c>
      <c r="EJ21" s="25">
        <v>123979</v>
      </c>
      <c r="EK21" s="25">
        <v>149239</v>
      </c>
      <c r="EL21" s="25">
        <v>6699</v>
      </c>
      <c r="EM21" s="25">
        <v>34809</v>
      </c>
      <c r="EN21" s="28">
        <v>351275</v>
      </c>
      <c r="EO21" s="29">
        <v>351275</v>
      </c>
      <c r="EP21" s="24">
        <v>0</v>
      </c>
      <c r="EQ21" s="25">
        <v>0</v>
      </c>
      <c r="ER21" s="26">
        <v>0</v>
      </c>
      <c r="ES21" s="404">
        <v>0</v>
      </c>
      <c r="ET21" s="25">
        <v>0</v>
      </c>
      <c r="EU21" s="25">
        <v>0</v>
      </c>
      <c r="EV21" s="25">
        <v>0</v>
      </c>
      <c r="EW21" s="25">
        <v>0</v>
      </c>
      <c r="EX21" s="25">
        <v>0</v>
      </c>
      <c r="EY21" s="28">
        <v>0</v>
      </c>
      <c r="EZ21" s="29">
        <v>0</v>
      </c>
      <c r="FA21" s="24">
        <v>0</v>
      </c>
      <c r="FB21" s="25">
        <v>0</v>
      </c>
      <c r="FC21" s="26">
        <v>0</v>
      </c>
      <c r="FD21" s="404">
        <v>0</v>
      </c>
      <c r="FE21" s="25">
        <v>0</v>
      </c>
      <c r="FF21" s="25">
        <v>0</v>
      </c>
      <c r="FG21" s="25">
        <v>0</v>
      </c>
      <c r="FH21" s="25">
        <v>651</v>
      </c>
      <c r="FI21" s="25">
        <v>1085</v>
      </c>
      <c r="FJ21" s="28">
        <v>1736</v>
      </c>
      <c r="FK21" s="29">
        <v>1736</v>
      </c>
      <c r="FL21" s="24">
        <v>0</v>
      </c>
      <c r="FM21" s="25">
        <v>0</v>
      </c>
      <c r="FN21" s="26">
        <v>0</v>
      </c>
      <c r="FO21" s="404">
        <v>0</v>
      </c>
      <c r="FP21" s="25">
        <v>0</v>
      </c>
      <c r="FQ21" s="25">
        <v>21576</v>
      </c>
      <c r="FR21" s="25">
        <v>58342</v>
      </c>
      <c r="FS21" s="25">
        <v>172938</v>
      </c>
      <c r="FT21" s="25">
        <v>76438</v>
      </c>
      <c r="FU21" s="28">
        <v>329294</v>
      </c>
      <c r="FV21" s="29">
        <v>329294</v>
      </c>
      <c r="FW21" s="24">
        <v>0</v>
      </c>
      <c r="FX21" s="25">
        <v>12023</v>
      </c>
      <c r="FY21" s="26">
        <v>12023</v>
      </c>
      <c r="FZ21" s="27">
        <v>0</v>
      </c>
      <c r="GA21" s="25">
        <v>109438</v>
      </c>
      <c r="GB21" s="25">
        <v>114891</v>
      </c>
      <c r="GC21" s="25">
        <v>527609</v>
      </c>
      <c r="GD21" s="25">
        <v>293247</v>
      </c>
      <c r="GE21" s="25">
        <v>160675</v>
      </c>
      <c r="GF21" s="28">
        <v>1205860</v>
      </c>
      <c r="GG21" s="29">
        <v>1217883</v>
      </c>
      <c r="GH21" s="24">
        <v>0</v>
      </c>
      <c r="GI21" s="25">
        <v>0</v>
      </c>
      <c r="GJ21" s="26">
        <v>0</v>
      </c>
      <c r="GK21" s="27">
        <v>0</v>
      </c>
      <c r="GL21" s="25">
        <v>0</v>
      </c>
      <c r="GM21" s="25">
        <v>0</v>
      </c>
      <c r="GN21" s="25">
        <v>0</v>
      </c>
      <c r="GO21" s="25">
        <v>4370</v>
      </c>
      <c r="GP21" s="25">
        <v>0</v>
      </c>
      <c r="GQ21" s="28">
        <v>4370</v>
      </c>
      <c r="GR21" s="29">
        <v>4370</v>
      </c>
      <c r="GS21" s="24">
        <v>0</v>
      </c>
      <c r="GT21" s="25">
        <v>0</v>
      </c>
      <c r="GU21" s="26">
        <v>0</v>
      </c>
      <c r="GV21" s="27">
        <v>0</v>
      </c>
      <c r="GW21" s="25">
        <v>0</v>
      </c>
      <c r="GX21" s="25">
        <v>0</v>
      </c>
      <c r="GY21" s="25">
        <v>0</v>
      </c>
      <c r="GZ21" s="25">
        <v>0</v>
      </c>
      <c r="HA21" s="25">
        <v>0</v>
      </c>
      <c r="HB21" s="28">
        <v>0</v>
      </c>
      <c r="HC21" s="29">
        <v>0</v>
      </c>
      <c r="HD21" s="24">
        <v>0</v>
      </c>
      <c r="HE21" s="25">
        <v>0</v>
      </c>
      <c r="HF21" s="26">
        <v>0</v>
      </c>
      <c r="HG21" s="404">
        <v>0</v>
      </c>
      <c r="HH21" s="25">
        <v>0</v>
      </c>
      <c r="HI21" s="25">
        <v>0</v>
      </c>
      <c r="HJ21" s="25">
        <v>0</v>
      </c>
      <c r="HK21" s="25">
        <v>0</v>
      </c>
      <c r="HL21" s="25">
        <v>0</v>
      </c>
      <c r="HM21" s="28">
        <v>0</v>
      </c>
      <c r="HN21" s="29">
        <v>0</v>
      </c>
      <c r="HO21" s="24">
        <v>0</v>
      </c>
      <c r="HP21" s="25">
        <v>20578</v>
      </c>
      <c r="HQ21" s="26">
        <v>20578</v>
      </c>
      <c r="HR21" s="27">
        <v>0</v>
      </c>
      <c r="HS21" s="25">
        <v>404404</v>
      </c>
      <c r="HT21" s="25">
        <v>995645</v>
      </c>
      <c r="HU21" s="25">
        <v>4668965</v>
      </c>
      <c r="HV21" s="25">
        <v>6468108</v>
      </c>
      <c r="HW21" s="25">
        <v>4367220</v>
      </c>
      <c r="HX21" s="28">
        <v>16904342</v>
      </c>
      <c r="HY21" s="29">
        <v>16924920</v>
      </c>
    </row>
    <row r="22" spans="2:233" ht="21" customHeight="1" x14ac:dyDescent="0.2">
      <c r="B22" s="106" t="s">
        <v>19</v>
      </c>
      <c r="C22" s="24">
        <v>0</v>
      </c>
      <c r="D22" s="25">
        <v>0</v>
      </c>
      <c r="E22" s="26">
        <v>0</v>
      </c>
      <c r="F22" s="27">
        <v>0</v>
      </c>
      <c r="G22" s="25">
        <v>211050</v>
      </c>
      <c r="H22" s="25">
        <v>333005</v>
      </c>
      <c r="I22" s="25">
        <v>1328090</v>
      </c>
      <c r="J22" s="25">
        <v>1079435</v>
      </c>
      <c r="K22" s="25">
        <v>1163470</v>
      </c>
      <c r="L22" s="28">
        <v>4115050</v>
      </c>
      <c r="M22" s="29">
        <v>4115050</v>
      </c>
      <c r="N22" s="24">
        <v>0</v>
      </c>
      <c r="O22" s="25">
        <v>0</v>
      </c>
      <c r="P22" s="26">
        <v>0</v>
      </c>
      <c r="Q22" s="404">
        <v>0</v>
      </c>
      <c r="R22" s="25">
        <v>0</v>
      </c>
      <c r="S22" s="25">
        <v>44080</v>
      </c>
      <c r="T22" s="25">
        <v>783340</v>
      </c>
      <c r="U22" s="25">
        <v>917660</v>
      </c>
      <c r="V22" s="25">
        <v>1019450</v>
      </c>
      <c r="W22" s="28">
        <v>2764530</v>
      </c>
      <c r="X22" s="29">
        <v>2764530</v>
      </c>
      <c r="Y22" s="24">
        <v>0</v>
      </c>
      <c r="Z22" s="25">
        <v>0</v>
      </c>
      <c r="AA22" s="26">
        <v>0</v>
      </c>
      <c r="AB22" s="404">
        <v>0</v>
      </c>
      <c r="AC22" s="25">
        <v>177320</v>
      </c>
      <c r="AD22" s="25">
        <v>249960</v>
      </c>
      <c r="AE22" s="25">
        <v>476295</v>
      </c>
      <c r="AF22" s="25">
        <v>128375</v>
      </c>
      <c r="AG22" s="25">
        <v>131210</v>
      </c>
      <c r="AH22" s="28">
        <v>1163160</v>
      </c>
      <c r="AI22" s="29">
        <v>1163160</v>
      </c>
      <c r="AJ22" s="24">
        <v>0</v>
      </c>
      <c r="AK22" s="25">
        <v>0</v>
      </c>
      <c r="AL22" s="26">
        <v>0</v>
      </c>
      <c r="AM22" s="404">
        <v>0</v>
      </c>
      <c r="AN22" s="25">
        <v>0</v>
      </c>
      <c r="AO22" s="25">
        <v>0</v>
      </c>
      <c r="AP22" s="25">
        <v>0</v>
      </c>
      <c r="AQ22" s="25">
        <v>0</v>
      </c>
      <c r="AR22" s="25">
        <v>0</v>
      </c>
      <c r="AS22" s="28">
        <v>0</v>
      </c>
      <c r="AT22" s="29">
        <v>0</v>
      </c>
      <c r="AU22" s="24">
        <v>0</v>
      </c>
      <c r="AV22" s="25">
        <v>0</v>
      </c>
      <c r="AW22" s="26">
        <v>0</v>
      </c>
      <c r="AX22" s="404">
        <v>0</v>
      </c>
      <c r="AY22" s="25">
        <v>0</v>
      </c>
      <c r="AZ22" s="25">
        <v>0</v>
      </c>
      <c r="BA22" s="25">
        <v>0</v>
      </c>
      <c r="BB22" s="25">
        <v>0</v>
      </c>
      <c r="BC22" s="25">
        <v>0</v>
      </c>
      <c r="BD22" s="28">
        <v>0</v>
      </c>
      <c r="BE22" s="29">
        <v>0</v>
      </c>
      <c r="BF22" s="24">
        <v>0</v>
      </c>
      <c r="BG22" s="25">
        <v>0</v>
      </c>
      <c r="BH22" s="26">
        <v>0</v>
      </c>
      <c r="BI22" s="404">
        <v>0</v>
      </c>
      <c r="BJ22" s="25">
        <v>0</v>
      </c>
      <c r="BK22" s="25">
        <v>0</v>
      </c>
      <c r="BL22" s="25">
        <v>0</v>
      </c>
      <c r="BM22" s="25">
        <v>0</v>
      </c>
      <c r="BN22" s="25">
        <v>0</v>
      </c>
      <c r="BO22" s="28">
        <v>0</v>
      </c>
      <c r="BP22" s="29">
        <v>0</v>
      </c>
      <c r="BQ22" s="24">
        <v>0</v>
      </c>
      <c r="BR22" s="25">
        <v>0</v>
      </c>
      <c r="BS22" s="26">
        <v>0</v>
      </c>
      <c r="BT22" s="27">
        <v>0</v>
      </c>
      <c r="BU22" s="25">
        <v>32660</v>
      </c>
      <c r="BV22" s="25">
        <v>38965</v>
      </c>
      <c r="BW22" s="25">
        <v>67715</v>
      </c>
      <c r="BX22" s="25">
        <v>32580</v>
      </c>
      <c r="BY22" s="25">
        <v>12520</v>
      </c>
      <c r="BZ22" s="28">
        <v>184440</v>
      </c>
      <c r="CA22" s="29">
        <v>184440</v>
      </c>
      <c r="CB22" s="24">
        <v>0</v>
      </c>
      <c r="CC22" s="25">
        <v>0</v>
      </c>
      <c r="CD22" s="26">
        <v>0</v>
      </c>
      <c r="CE22" s="27">
        <v>0</v>
      </c>
      <c r="CF22" s="25">
        <v>1070</v>
      </c>
      <c r="CG22" s="25">
        <v>0</v>
      </c>
      <c r="CH22" s="25">
        <v>740</v>
      </c>
      <c r="CI22" s="25">
        <v>820</v>
      </c>
      <c r="CJ22" s="25">
        <v>290</v>
      </c>
      <c r="CK22" s="28">
        <v>2920</v>
      </c>
      <c r="CL22" s="29">
        <v>2920</v>
      </c>
      <c r="CM22" s="24">
        <v>0</v>
      </c>
      <c r="CN22" s="25">
        <v>0</v>
      </c>
      <c r="CO22" s="26">
        <v>0</v>
      </c>
      <c r="CP22" s="27">
        <v>0</v>
      </c>
      <c r="CQ22" s="25">
        <v>0</v>
      </c>
      <c r="CR22" s="25">
        <v>0</v>
      </c>
      <c r="CS22" s="25">
        <v>0</v>
      </c>
      <c r="CT22" s="25">
        <v>0</v>
      </c>
      <c r="CU22" s="25">
        <v>0</v>
      </c>
      <c r="CV22" s="28">
        <v>0</v>
      </c>
      <c r="CW22" s="29">
        <v>0</v>
      </c>
      <c r="CX22" s="24">
        <v>0</v>
      </c>
      <c r="CY22" s="25">
        <v>0</v>
      </c>
      <c r="CZ22" s="26">
        <v>0</v>
      </c>
      <c r="DA22" s="404">
        <v>0</v>
      </c>
      <c r="DB22" s="25">
        <v>0</v>
      </c>
      <c r="DC22" s="25">
        <v>0</v>
      </c>
      <c r="DD22" s="25">
        <v>0</v>
      </c>
      <c r="DE22" s="25">
        <v>0</v>
      </c>
      <c r="DF22" s="25">
        <v>0</v>
      </c>
      <c r="DG22" s="28">
        <v>0</v>
      </c>
      <c r="DH22" s="29">
        <v>0</v>
      </c>
      <c r="DI22" s="24">
        <v>0</v>
      </c>
      <c r="DJ22" s="25">
        <v>0</v>
      </c>
      <c r="DK22" s="26">
        <v>0</v>
      </c>
      <c r="DL22" s="27">
        <v>0</v>
      </c>
      <c r="DM22" s="25">
        <v>45902</v>
      </c>
      <c r="DN22" s="25">
        <v>197047</v>
      </c>
      <c r="DO22" s="25">
        <v>1546729</v>
      </c>
      <c r="DP22" s="25">
        <v>1464113</v>
      </c>
      <c r="DQ22" s="25">
        <v>1245948</v>
      </c>
      <c r="DR22" s="28">
        <v>4499739</v>
      </c>
      <c r="DS22" s="30">
        <v>4499739</v>
      </c>
      <c r="DT22" s="24">
        <v>0</v>
      </c>
      <c r="DU22" s="25">
        <v>0</v>
      </c>
      <c r="DV22" s="26">
        <v>0</v>
      </c>
      <c r="DW22" s="404">
        <v>0</v>
      </c>
      <c r="DX22" s="25">
        <v>0</v>
      </c>
      <c r="DY22" s="25">
        <v>96296</v>
      </c>
      <c r="DZ22" s="25">
        <v>1384592</v>
      </c>
      <c r="EA22" s="25">
        <v>1403595</v>
      </c>
      <c r="EB22" s="25">
        <v>1202424</v>
      </c>
      <c r="EC22" s="28">
        <v>4086907</v>
      </c>
      <c r="ED22" s="29">
        <v>4086907</v>
      </c>
      <c r="EE22" s="24">
        <v>0</v>
      </c>
      <c r="EF22" s="25">
        <v>0</v>
      </c>
      <c r="EG22" s="26">
        <v>0</v>
      </c>
      <c r="EH22" s="404">
        <v>0</v>
      </c>
      <c r="EI22" s="25">
        <v>14849</v>
      </c>
      <c r="EJ22" s="25">
        <v>54217</v>
      </c>
      <c r="EK22" s="25">
        <v>16222</v>
      </c>
      <c r="EL22" s="25">
        <v>34193</v>
      </c>
      <c r="EM22" s="25">
        <v>23384</v>
      </c>
      <c r="EN22" s="28">
        <v>142865</v>
      </c>
      <c r="EO22" s="29">
        <v>142865</v>
      </c>
      <c r="EP22" s="24">
        <v>0</v>
      </c>
      <c r="EQ22" s="25">
        <v>0</v>
      </c>
      <c r="ER22" s="26">
        <v>0</v>
      </c>
      <c r="ES22" s="404">
        <v>0</v>
      </c>
      <c r="ET22" s="25">
        <v>0</v>
      </c>
      <c r="EU22" s="25">
        <v>0</v>
      </c>
      <c r="EV22" s="25">
        <v>0</v>
      </c>
      <c r="EW22" s="25">
        <v>0</v>
      </c>
      <c r="EX22" s="25">
        <v>0</v>
      </c>
      <c r="EY22" s="28">
        <v>0</v>
      </c>
      <c r="EZ22" s="29">
        <v>0</v>
      </c>
      <c r="FA22" s="24">
        <v>0</v>
      </c>
      <c r="FB22" s="25">
        <v>0</v>
      </c>
      <c r="FC22" s="26">
        <v>0</v>
      </c>
      <c r="FD22" s="404">
        <v>0</v>
      </c>
      <c r="FE22" s="25">
        <v>0</v>
      </c>
      <c r="FF22" s="25">
        <v>0</v>
      </c>
      <c r="FG22" s="25">
        <v>0</v>
      </c>
      <c r="FH22" s="25">
        <v>0</v>
      </c>
      <c r="FI22" s="25">
        <v>0</v>
      </c>
      <c r="FJ22" s="28">
        <v>0</v>
      </c>
      <c r="FK22" s="29">
        <v>0</v>
      </c>
      <c r="FL22" s="24">
        <v>0</v>
      </c>
      <c r="FM22" s="25">
        <v>0</v>
      </c>
      <c r="FN22" s="26">
        <v>0</v>
      </c>
      <c r="FO22" s="404">
        <v>0</v>
      </c>
      <c r="FP22" s="25">
        <v>0</v>
      </c>
      <c r="FQ22" s="25">
        <v>0</v>
      </c>
      <c r="FR22" s="25">
        <v>0</v>
      </c>
      <c r="FS22" s="25">
        <v>0</v>
      </c>
      <c r="FT22" s="25">
        <v>0</v>
      </c>
      <c r="FU22" s="28">
        <v>0</v>
      </c>
      <c r="FV22" s="29">
        <v>0</v>
      </c>
      <c r="FW22" s="24">
        <v>0</v>
      </c>
      <c r="FX22" s="25">
        <v>0</v>
      </c>
      <c r="FY22" s="26">
        <v>0</v>
      </c>
      <c r="FZ22" s="27">
        <v>0</v>
      </c>
      <c r="GA22" s="25">
        <v>31032</v>
      </c>
      <c r="GB22" s="25">
        <v>46534</v>
      </c>
      <c r="GC22" s="25">
        <v>145150</v>
      </c>
      <c r="GD22" s="25">
        <v>24830</v>
      </c>
      <c r="GE22" s="25">
        <v>17992</v>
      </c>
      <c r="GF22" s="28">
        <v>265538</v>
      </c>
      <c r="GG22" s="29">
        <v>265538</v>
      </c>
      <c r="GH22" s="24">
        <v>0</v>
      </c>
      <c r="GI22" s="25">
        <v>0</v>
      </c>
      <c r="GJ22" s="26">
        <v>0</v>
      </c>
      <c r="GK22" s="27">
        <v>0</v>
      </c>
      <c r="GL22" s="25">
        <v>21</v>
      </c>
      <c r="GM22" s="25">
        <v>0</v>
      </c>
      <c r="GN22" s="25">
        <v>765</v>
      </c>
      <c r="GO22" s="25">
        <v>1495</v>
      </c>
      <c r="GP22" s="25">
        <v>2148</v>
      </c>
      <c r="GQ22" s="28">
        <v>4429</v>
      </c>
      <c r="GR22" s="29">
        <v>4429</v>
      </c>
      <c r="GS22" s="24">
        <v>0</v>
      </c>
      <c r="GT22" s="25">
        <v>0</v>
      </c>
      <c r="GU22" s="26">
        <v>0</v>
      </c>
      <c r="GV22" s="27">
        <v>0</v>
      </c>
      <c r="GW22" s="25">
        <v>0</v>
      </c>
      <c r="GX22" s="25">
        <v>0</v>
      </c>
      <c r="GY22" s="25">
        <v>0</v>
      </c>
      <c r="GZ22" s="25">
        <v>0</v>
      </c>
      <c r="HA22" s="25">
        <v>0</v>
      </c>
      <c r="HB22" s="28">
        <v>0</v>
      </c>
      <c r="HC22" s="29">
        <v>0</v>
      </c>
      <c r="HD22" s="24">
        <v>0</v>
      </c>
      <c r="HE22" s="25">
        <v>0</v>
      </c>
      <c r="HF22" s="26">
        <v>0</v>
      </c>
      <c r="HG22" s="404">
        <v>0</v>
      </c>
      <c r="HH22" s="25">
        <v>0</v>
      </c>
      <c r="HI22" s="25">
        <v>0</v>
      </c>
      <c r="HJ22" s="25">
        <v>0</v>
      </c>
      <c r="HK22" s="25">
        <v>0</v>
      </c>
      <c r="HL22" s="25">
        <v>0</v>
      </c>
      <c r="HM22" s="28">
        <v>0</v>
      </c>
      <c r="HN22" s="29">
        <v>0</v>
      </c>
      <c r="HO22" s="24">
        <v>0</v>
      </c>
      <c r="HP22" s="25">
        <v>0</v>
      </c>
      <c r="HQ22" s="26">
        <v>0</v>
      </c>
      <c r="HR22" s="27">
        <v>0</v>
      </c>
      <c r="HS22" s="25">
        <v>256952</v>
      </c>
      <c r="HT22" s="25">
        <v>530052</v>
      </c>
      <c r="HU22" s="25">
        <v>2874819</v>
      </c>
      <c r="HV22" s="25">
        <v>2543548</v>
      </c>
      <c r="HW22" s="25">
        <v>2409418</v>
      </c>
      <c r="HX22" s="28">
        <v>8614789</v>
      </c>
      <c r="HY22" s="29">
        <v>8614789</v>
      </c>
    </row>
    <row r="23" spans="2:233" ht="21" customHeight="1" x14ac:dyDescent="0.2">
      <c r="B23" s="106" t="s">
        <v>20</v>
      </c>
      <c r="C23" s="24">
        <v>0</v>
      </c>
      <c r="D23" s="25">
        <v>0</v>
      </c>
      <c r="E23" s="26">
        <v>0</v>
      </c>
      <c r="F23" s="27">
        <v>0</v>
      </c>
      <c r="G23" s="25">
        <v>160345</v>
      </c>
      <c r="H23" s="25">
        <v>347030</v>
      </c>
      <c r="I23" s="25">
        <v>1195100</v>
      </c>
      <c r="J23" s="25">
        <v>1640275</v>
      </c>
      <c r="K23" s="25">
        <v>940605</v>
      </c>
      <c r="L23" s="28">
        <v>4283355</v>
      </c>
      <c r="M23" s="29">
        <v>4283355</v>
      </c>
      <c r="N23" s="24">
        <v>0</v>
      </c>
      <c r="O23" s="25">
        <v>0</v>
      </c>
      <c r="P23" s="26">
        <v>0</v>
      </c>
      <c r="Q23" s="404">
        <v>0</v>
      </c>
      <c r="R23" s="25">
        <v>58865</v>
      </c>
      <c r="S23" s="25">
        <v>147340</v>
      </c>
      <c r="T23" s="25">
        <v>1043025</v>
      </c>
      <c r="U23" s="25">
        <v>1330430</v>
      </c>
      <c r="V23" s="25">
        <v>754425</v>
      </c>
      <c r="W23" s="28">
        <v>3334085</v>
      </c>
      <c r="X23" s="29">
        <v>3334085</v>
      </c>
      <c r="Y23" s="24">
        <v>0</v>
      </c>
      <c r="Z23" s="25">
        <v>0</v>
      </c>
      <c r="AA23" s="26">
        <v>0</v>
      </c>
      <c r="AB23" s="404">
        <v>0</v>
      </c>
      <c r="AC23" s="25">
        <v>73470</v>
      </c>
      <c r="AD23" s="25">
        <v>133285</v>
      </c>
      <c r="AE23" s="25">
        <v>137295</v>
      </c>
      <c r="AF23" s="25">
        <v>201935</v>
      </c>
      <c r="AG23" s="25">
        <v>78585</v>
      </c>
      <c r="AH23" s="28">
        <v>624570</v>
      </c>
      <c r="AI23" s="29">
        <v>624570</v>
      </c>
      <c r="AJ23" s="24">
        <v>0</v>
      </c>
      <c r="AK23" s="25">
        <v>0</v>
      </c>
      <c r="AL23" s="26">
        <v>0</v>
      </c>
      <c r="AM23" s="404">
        <v>0</v>
      </c>
      <c r="AN23" s="25">
        <v>0</v>
      </c>
      <c r="AO23" s="25">
        <v>0</v>
      </c>
      <c r="AP23" s="25">
        <v>0</v>
      </c>
      <c r="AQ23" s="25">
        <v>0</v>
      </c>
      <c r="AR23" s="25">
        <v>0</v>
      </c>
      <c r="AS23" s="28">
        <v>0</v>
      </c>
      <c r="AT23" s="29">
        <v>0</v>
      </c>
      <c r="AU23" s="24">
        <v>0</v>
      </c>
      <c r="AV23" s="25">
        <v>0</v>
      </c>
      <c r="AW23" s="26">
        <v>0</v>
      </c>
      <c r="AX23" s="404">
        <v>0</v>
      </c>
      <c r="AY23" s="25">
        <v>0</v>
      </c>
      <c r="AZ23" s="25">
        <v>0</v>
      </c>
      <c r="BA23" s="25">
        <v>0</v>
      </c>
      <c r="BB23" s="25">
        <v>0</v>
      </c>
      <c r="BC23" s="25">
        <v>65305</v>
      </c>
      <c r="BD23" s="28">
        <v>65305</v>
      </c>
      <c r="BE23" s="29">
        <v>65305</v>
      </c>
      <c r="BF23" s="24">
        <v>0</v>
      </c>
      <c r="BG23" s="25">
        <v>0</v>
      </c>
      <c r="BH23" s="26">
        <v>0</v>
      </c>
      <c r="BI23" s="404">
        <v>0</v>
      </c>
      <c r="BJ23" s="25">
        <v>0</v>
      </c>
      <c r="BK23" s="25">
        <v>0</v>
      </c>
      <c r="BL23" s="25">
        <v>0</v>
      </c>
      <c r="BM23" s="25">
        <v>0</v>
      </c>
      <c r="BN23" s="25">
        <v>0</v>
      </c>
      <c r="BO23" s="28">
        <v>0</v>
      </c>
      <c r="BP23" s="29">
        <v>0</v>
      </c>
      <c r="BQ23" s="24">
        <v>0</v>
      </c>
      <c r="BR23" s="25">
        <v>0</v>
      </c>
      <c r="BS23" s="26">
        <v>0</v>
      </c>
      <c r="BT23" s="27">
        <v>0</v>
      </c>
      <c r="BU23" s="25">
        <v>26870</v>
      </c>
      <c r="BV23" s="25">
        <v>66405</v>
      </c>
      <c r="BW23" s="25">
        <v>14055</v>
      </c>
      <c r="BX23" s="25">
        <v>107185</v>
      </c>
      <c r="BY23" s="25">
        <v>42290</v>
      </c>
      <c r="BZ23" s="28">
        <v>256805</v>
      </c>
      <c r="CA23" s="29">
        <v>256805</v>
      </c>
      <c r="CB23" s="24">
        <v>0</v>
      </c>
      <c r="CC23" s="25">
        <v>0</v>
      </c>
      <c r="CD23" s="26">
        <v>0</v>
      </c>
      <c r="CE23" s="27">
        <v>0</v>
      </c>
      <c r="CF23" s="25">
        <v>1140</v>
      </c>
      <c r="CG23" s="25">
        <v>0</v>
      </c>
      <c r="CH23" s="25">
        <v>725</v>
      </c>
      <c r="CI23" s="25">
        <v>725</v>
      </c>
      <c r="CJ23" s="25">
        <v>0</v>
      </c>
      <c r="CK23" s="28">
        <v>2590</v>
      </c>
      <c r="CL23" s="29">
        <v>2590</v>
      </c>
      <c r="CM23" s="24">
        <v>0</v>
      </c>
      <c r="CN23" s="25">
        <v>0</v>
      </c>
      <c r="CO23" s="26">
        <v>0</v>
      </c>
      <c r="CP23" s="27">
        <v>0</v>
      </c>
      <c r="CQ23" s="25">
        <v>0</v>
      </c>
      <c r="CR23" s="25">
        <v>0</v>
      </c>
      <c r="CS23" s="25">
        <v>0</v>
      </c>
      <c r="CT23" s="25">
        <v>0</v>
      </c>
      <c r="CU23" s="25">
        <v>0</v>
      </c>
      <c r="CV23" s="28">
        <v>0</v>
      </c>
      <c r="CW23" s="29">
        <v>0</v>
      </c>
      <c r="CX23" s="24">
        <v>0</v>
      </c>
      <c r="CY23" s="25">
        <v>0</v>
      </c>
      <c r="CZ23" s="26">
        <v>0</v>
      </c>
      <c r="DA23" s="404">
        <v>0</v>
      </c>
      <c r="DB23" s="25">
        <v>0</v>
      </c>
      <c r="DC23" s="25">
        <v>0</v>
      </c>
      <c r="DD23" s="25">
        <v>0</v>
      </c>
      <c r="DE23" s="25">
        <v>0</v>
      </c>
      <c r="DF23" s="25">
        <v>0</v>
      </c>
      <c r="DG23" s="28">
        <v>0</v>
      </c>
      <c r="DH23" s="29">
        <v>0</v>
      </c>
      <c r="DI23" s="24">
        <v>0</v>
      </c>
      <c r="DJ23" s="25">
        <v>0</v>
      </c>
      <c r="DK23" s="26">
        <v>0</v>
      </c>
      <c r="DL23" s="27">
        <v>0</v>
      </c>
      <c r="DM23" s="25">
        <v>156521</v>
      </c>
      <c r="DN23" s="25">
        <v>321158</v>
      </c>
      <c r="DO23" s="25">
        <v>1946894</v>
      </c>
      <c r="DP23" s="25">
        <v>2520772</v>
      </c>
      <c r="DQ23" s="25">
        <v>1173967</v>
      </c>
      <c r="DR23" s="28">
        <v>6119312</v>
      </c>
      <c r="DS23" s="30">
        <v>6119312</v>
      </c>
      <c r="DT23" s="24">
        <v>0</v>
      </c>
      <c r="DU23" s="25">
        <v>0</v>
      </c>
      <c r="DV23" s="26">
        <v>0</v>
      </c>
      <c r="DW23" s="404">
        <v>0</v>
      </c>
      <c r="DX23" s="25">
        <v>85086</v>
      </c>
      <c r="DY23" s="25">
        <v>214629</v>
      </c>
      <c r="DZ23" s="25">
        <v>1844392</v>
      </c>
      <c r="EA23" s="25">
        <v>2303015</v>
      </c>
      <c r="EB23" s="25">
        <v>1040574</v>
      </c>
      <c r="EC23" s="28">
        <v>5487696</v>
      </c>
      <c r="ED23" s="29">
        <v>5487696</v>
      </c>
      <c r="EE23" s="24">
        <v>0</v>
      </c>
      <c r="EF23" s="25">
        <v>0</v>
      </c>
      <c r="EG23" s="26">
        <v>0</v>
      </c>
      <c r="EH23" s="404">
        <v>0</v>
      </c>
      <c r="EI23" s="25">
        <v>25079</v>
      </c>
      <c r="EJ23" s="25">
        <v>13548</v>
      </c>
      <c r="EK23" s="25">
        <v>12953</v>
      </c>
      <c r="EL23" s="25">
        <v>16585</v>
      </c>
      <c r="EM23" s="25">
        <v>37820</v>
      </c>
      <c r="EN23" s="28">
        <v>105985</v>
      </c>
      <c r="EO23" s="29">
        <v>105985</v>
      </c>
      <c r="EP23" s="24">
        <v>0</v>
      </c>
      <c r="EQ23" s="25">
        <v>0</v>
      </c>
      <c r="ER23" s="26">
        <v>0</v>
      </c>
      <c r="ES23" s="404">
        <v>0</v>
      </c>
      <c r="ET23" s="25">
        <v>0</v>
      </c>
      <c r="EU23" s="25">
        <v>0</v>
      </c>
      <c r="EV23" s="25">
        <v>0</v>
      </c>
      <c r="EW23" s="25">
        <v>0</v>
      </c>
      <c r="EX23" s="25">
        <v>0</v>
      </c>
      <c r="EY23" s="28">
        <v>0</v>
      </c>
      <c r="EZ23" s="29">
        <v>0</v>
      </c>
      <c r="FA23" s="24">
        <v>0</v>
      </c>
      <c r="FB23" s="25">
        <v>0</v>
      </c>
      <c r="FC23" s="26">
        <v>0</v>
      </c>
      <c r="FD23" s="404">
        <v>0</v>
      </c>
      <c r="FE23" s="25">
        <v>0</v>
      </c>
      <c r="FF23" s="25">
        <v>0</v>
      </c>
      <c r="FG23" s="25">
        <v>0</v>
      </c>
      <c r="FH23" s="25">
        <v>0</v>
      </c>
      <c r="FI23" s="25">
        <v>434</v>
      </c>
      <c r="FJ23" s="28">
        <v>434</v>
      </c>
      <c r="FK23" s="29">
        <v>434</v>
      </c>
      <c r="FL23" s="24">
        <v>0</v>
      </c>
      <c r="FM23" s="25">
        <v>0</v>
      </c>
      <c r="FN23" s="26">
        <v>0</v>
      </c>
      <c r="FO23" s="404">
        <v>0</v>
      </c>
      <c r="FP23" s="25">
        <v>0</v>
      </c>
      <c r="FQ23" s="25">
        <v>0</v>
      </c>
      <c r="FR23" s="25">
        <v>0</v>
      </c>
      <c r="FS23" s="25">
        <v>0</v>
      </c>
      <c r="FT23" s="25">
        <v>0</v>
      </c>
      <c r="FU23" s="28">
        <v>0</v>
      </c>
      <c r="FV23" s="29">
        <v>0</v>
      </c>
      <c r="FW23" s="24">
        <v>0</v>
      </c>
      <c r="FX23" s="25">
        <v>0</v>
      </c>
      <c r="FY23" s="26">
        <v>0</v>
      </c>
      <c r="FZ23" s="27">
        <v>0</v>
      </c>
      <c r="GA23" s="25">
        <v>45282</v>
      </c>
      <c r="GB23" s="25">
        <v>92981</v>
      </c>
      <c r="GC23" s="25">
        <v>88117</v>
      </c>
      <c r="GD23" s="25">
        <v>199024</v>
      </c>
      <c r="GE23" s="25">
        <v>92275</v>
      </c>
      <c r="GF23" s="28">
        <v>517679</v>
      </c>
      <c r="GG23" s="29">
        <v>517679</v>
      </c>
      <c r="GH23" s="24">
        <v>0</v>
      </c>
      <c r="GI23" s="25">
        <v>0</v>
      </c>
      <c r="GJ23" s="26">
        <v>0</v>
      </c>
      <c r="GK23" s="27">
        <v>0</v>
      </c>
      <c r="GL23" s="25">
        <v>1074</v>
      </c>
      <c r="GM23" s="25">
        <v>0</v>
      </c>
      <c r="GN23" s="25">
        <v>1432</v>
      </c>
      <c r="GO23" s="25">
        <v>2148</v>
      </c>
      <c r="GP23" s="25">
        <v>2864</v>
      </c>
      <c r="GQ23" s="28">
        <v>7518</v>
      </c>
      <c r="GR23" s="29">
        <v>7518</v>
      </c>
      <c r="GS23" s="24">
        <v>0</v>
      </c>
      <c r="GT23" s="25">
        <v>0</v>
      </c>
      <c r="GU23" s="26">
        <v>0</v>
      </c>
      <c r="GV23" s="27">
        <v>0</v>
      </c>
      <c r="GW23" s="25">
        <v>0</v>
      </c>
      <c r="GX23" s="25">
        <v>0</v>
      </c>
      <c r="GY23" s="25">
        <v>0</v>
      </c>
      <c r="GZ23" s="25">
        <v>0</v>
      </c>
      <c r="HA23" s="25">
        <v>0</v>
      </c>
      <c r="HB23" s="28">
        <v>0</v>
      </c>
      <c r="HC23" s="29">
        <v>0</v>
      </c>
      <c r="HD23" s="24">
        <v>0</v>
      </c>
      <c r="HE23" s="25">
        <v>0</v>
      </c>
      <c r="HF23" s="26">
        <v>0</v>
      </c>
      <c r="HG23" s="404">
        <v>0</v>
      </c>
      <c r="HH23" s="25">
        <v>0</v>
      </c>
      <c r="HI23" s="25">
        <v>0</v>
      </c>
      <c r="HJ23" s="25">
        <v>0</v>
      </c>
      <c r="HK23" s="25">
        <v>0</v>
      </c>
      <c r="HL23" s="25">
        <v>0</v>
      </c>
      <c r="HM23" s="28">
        <v>0</v>
      </c>
      <c r="HN23" s="29">
        <v>0</v>
      </c>
      <c r="HO23" s="24">
        <v>0</v>
      </c>
      <c r="HP23" s="25">
        <v>0</v>
      </c>
      <c r="HQ23" s="26">
        <v>0</v>
      </c>
      <c r="HR23" s="27">
        <v>0</v>
      </c>
      <c r="HS23" s="25">
        <v>316866</v>
      </c>
      <c r="HT23" s="25">
        <v>668188</v>
      </c>
      <c r="HU23" s="25">
        <v>3141994</v>
      </c>
      <c r="HV23" s="25">
        <v>4161047</v>
      </c>
      <c r="HW23" s="25">
        <v>2114572</v>
      </c>
      <c r="HX23" s="28">
        <v>10402667</v>
      </c>
      <c r="HY23" s="29">
        <v>10402667</v>
      </c>
    </row>
    <row r="24" spans="2:233" ht="21" customHeight="1" x14ac:dyDescent="0.2">
      <c r="B24" s="106" t="s">
        <v>21</v>
      </c>
      <c r="C24" s="24">
        <v>0</v>
      </c>
      <c r="D24" s="25">
        <v>0</v>
      </c>
      <c r="E24" s="26">
        <v>0</v>
      </c>
      <c r="F24" s="27">
        <v>0</v>
      </c>
      <c r="G24" s="25">
        <v>148265</v>
      </c>
      <c r="H24" s="25">
        <v>383964</v>
      </c>
      <c r="I24" s="25">
        <v>1738709</v>
      </c>
      <c r="J24" s="25">
        <v>2019869</v>
      </c>
      <c r="K24" s="25">
        <v>1568322</v>
      </c>
      <c r="L24" s="28">
        <v>5859129</v>
      </c>
      <c r="M24" s="29">
        <v>5859129</v>
      </c>
      <c r="N24" s="24">
        <v>0</v>
      </c>
      <c r="O24" s="25">
        <v>0</v>
      </c>
      <c r="P24" s="26">
        <v>0</v>
      </c>
      <c r="Q24" s="404">
        <v>0</v>
      </c>
      <c r="R24" s="25">
        <v>35495</v>
      </c>
      <c r="S24" s="25">
        <v>163355</v>
      </c>
      <c r="T24" s="25">
        <v>1338319</v>
      </c>
      <c r="U24" s="25">
        <v>1545727</v>
      </c>
      <c r="V24" s="25">
        <v>1208382</v>
      </c>
      <c r="W24" s="28">
        <v>4291278</v>
      </c>
      <c r="X24" s="29">
        <v>4291278</v>
      </c>
      <c r="Y24" s="24">
        <v>0</v>
      </c>
      <c r="Z24" s="25">
        <v>0</v>
      </c>
      <c r="AA24" s="26">
        <v>0</v>
      </c>
      <c r="AB24" s="404">
        <v>0</v>
      </c>
      <c r="AC24" s="25">
        <v>86570</v>
      </c>
      <c r="AD24" s="25">
        <v>178210</v>
      </c>
      <c r="AE24" s="25">
        <v>243620</v>
      </c>
      <c r="AF24" s="25">
        <v>342806</v>
      </c>
      <c r="AG24" s="25">
        <v>211270</v>
      </c>
      <c r="AH24" s="28">
        <v>1062476</v>
      </c>
      <c r="AI24" s="29">
        <v>1062476</v>
      </c>
      <c r="AJ24" s="24">
        <v>0</v>
      </c>
      <c r="AK24" s="25">
        <v>0</v>
      </c>
      <c r="AL24" s="26">
        <v>0</v>
      </c>
      <c r="AM24" s="404">
        <v>0</v>
      </c>
      <c r="AN24" s="25">
        <v>0</v>
      </c>
      <c r="AO24" s="25">
        <v>0</v>
      </c>
      <c r="AP24" s="25">
        <v>0</v>
      </c>
      <c r="AQ24" s="25">
        <v>0</v>
      </c>
      <c r="AR24" s="25">
        <v>0</v>
      </c>
      <c r="AS24" s="28">
        <v>0</v>
      </c>
      <c r="AT24" s="29">
        <v>0</v>
      </c>
      <c r="AU24" s="24">
        <v>0</v>
      </c>
      <c r="AV24" s="25">
        <v>0</v>
      </c>
      <c r="AW24" s="26">
        <v>0</v>
      </c>
      <c r="AX24" s="404">
        <v>0</v>
      </c>
      <c r="AY24" s="25">
        <v>0</v>
      </c>
      <c r="AZ24" s="25">
        <v>0</v>
      </c>
      <c r="BA24" s="25">
        <v>70990</v>
      </c>
      <c r="BB24" s="25">
        <v>39435</v>
      </c>
      <c r="BC24" s="25">
        <v>92180</v>
      </c>
      <c r="BD24" s="28">
        <v>202605</v>
      </c>
      <c r="BE24" s="29">
        <v>202605</v>
      </c>
      <c r="BF24" s="24">
        <v>0</v>
      </c>
      <c r="BG24" s="25">
        <v>0</v>
      </c>
      <c r="BH24" s="26">
        <v>0</v>
      </c>
      <c r="BI24" s="404">
        <v>0</v>
      </c>
      <c r="BJ24" s="25">
        <v>0</v>
      </c>
      <c r="BK24" s="25">
        <v>0</v>
      </c>
      <c r="BL24" s="25">
        <v>0</v>
      </c>
      <c r="BM24" s="25">
        <v>0</v>
      </c>
      <c r="BN24" s="25">
        <v>0</v>
      </c>
      <c r="BO24" s="28">
        <v>0</v>
      </c>
      <c r="BP24" s="29">
        <v>0</v>
      </c>
      <c r="BQ24" s="24">
        <v>0</v>
      </c>
      <c r="BR24" s="25">
        <v>0</v>
      </c>
      <c r="BS24" s="26">
        <v>0</v>
      </c>
      <c r="BT24" s="27">
        <v>0</v>
      </c>
      <c r="BU24" s="25">
        <v>26200</v>
      </c>
      <c r="BV24" s="25">
        <v>42399</v>
      </c>
      <c r="BW24" s="25">
        <v>85200</v>
      </c>
      <c r="BX24" s="25">
        <v>88276</v>
      </c>
      <c r="BY24" s="25">
        <v>56490</v>
      </c>
      <c r="BZ24" s="28">
        <v>298565</v>
      </c>
      <c r="CA24" s="29">
        <v>298565</v>
      </c>
      <c r="CB24" s="24">
        <v>0</v>
      </c>
      <c r="CC24" s="25">
        <v>0</v>
      </c>
      <c r="CD24" s="26">
        <v>0</v>
      </c>
      <c r="CE24" s="27">
        <v>0</v>
      </c>
      <c r="CF24" s="25">
        <v>0</v>
      </c>
      <c r="CG24" s="25">
        <v>0</v>
      </c>
      <c r="CH24" s="25">
        <v>580</v>
      </c>
      <c r="CI24" s="25">
        <v>3625</v>
      </c>
      <c r="CJ24" s="25">
        <v>0</v>
      </c>
      <c r="CK24" s="28">
        <v>4205</v>
      </c>
      <c r="CL24" s="29">
        <v>4205</v>
      </c>
      <c r="CM24" s="24">
        <v>0</v>
      </c>
      <c r="CN24" s="25">
        <v>0</v>
      </c>
      <c r="CO24" s="26">
        <v>0</v>
      </c>
      <c r="CP24" s="27">
        <v>0</v>
      </c>
      <c r="CQ24" s="25">
        <v>0</v>
      </c>
      <c r="CR24" s="25">
        <v>0</v>
      </c>
      <c r="CS24" s="25">
        <v>0</v>
      </c>
      <c r="CT24" s="25">
        <v>0</v>
      </c>
      <c r="CU24" s="25">
        <v>0</v>
      </c>
      <c r="CV24" s="28">
        <v>0</v>
      </c>
      <c r="CW24" s="29">
        <v>0</v>
      </c>
      <c r="CX24" s="24">
        <v>0</v>
      </c>
      <c r="CY24" s="25">
        <v>0</v>
      </c>
      <c r="CZ24" s="26">
        <v>0</v>
      </c>
      <c r="DA24" s="404">
        <v>0</v>
      </c>
      <c r="DB24" s="25">
        <v>0</v>
      </c>
      <c r="DC24" s="25">
        <v>0</v>
      </c>
      <c r="DD24" s="25">
        <v>0</v>
      </c>
      <c r="DE24" s="25">
        <v>0</v>
      </c>
      <c r="DF24" s="25">
        <v>0</v>
      </c>
      <c r="DG24" s="28">
        <v>0</v>
      </c>
      <c r="DH24" s="29">
        <v>0</v>
      </c>
      <c r="DI24" s="24">
        <v>0</v>
      </c>
      <c r="DJ24" s="25">
        <v>0</v>
      </c>
      <c r="DK24" s="26">
        <v>0</v>
      </c>
      <c r="DL24" s="27">
        <v>0</v>
      </c>
      <c r="DM24" s="25">
        <v>69087</v>
      </c>
      <c r="DN24" s="25">
        <v>288755</v>
      </c>
      <c r="DO24" s="25">
        <v>1985880</v>
      </c>
      <c r="DP24" s="25">
        <v>2632865</v>
      </c>
      <c r="DQ24" s="25">
        <v>1771210</v>
      </c>
      <c r="DR24" s="28">
        <v>6747797</v>
      </c>
      <c r="DS24" s="30">
        <v>6747797</v>
      </c>
      <c r="DT24" s="24">
        <v>0</v>
      </c>
      <c r="DU24" s="25">
        <v>0</v>
      </c>
      <c r="DV24" s="26">
        <v>0</v>
      </c>
      <c r="DW24" s="404">
        <v>0</v>
      </c>
      <c r="DX24" s="25">
        <v>28365</v>
      </c>
      <c r="DY24" s="25">
        <v>176824</v>
      </c>
      <c r="DZ24" s="25">
        <v>1738552</v>
      </c>
      <c r="EA24" s="25">
        <v>2376975</v>
      </c>
      <c r="EB24" s="25">
        <v>1614650</v>
      </c>
      <c r="EC24" s="28">
        <v>5935366</v>
      </c>
      <c r="ED24" s="29">
        <v>5935366</v>
      </c>
      <c r="EE24" s="24">
        <v>0</v>
      </c>
      <c r="EF24" s="25">
        <v>0</v>
      </c>
      <c r="EG24" s="26">
        <v>0</v>
      </c>
      <c r="EH24" s="404">
        <v>0</v>
      </c>
      <c r="EI24" s="25">
        <v>1358</v>
      </c>
      <c r="EJ24" s="25">
        <v>23536</v>
      </c>
      <c r="EK24" s="25">
        <v>16529</v>
      </c>
      <c r="EL24" s="25">
        <v>31345</v>
      </c>
      <c r="EM24" s="25">
        <v>15878</v>
      </c>
      <c r="EN24" s="28">
        <v>88646</v>
      </c>
      <c r="EO24" s="29">
        <v>88646</v>
      </c>
      <c r="EP24" s="24">
        <v>0</v>
      </c>
      <c r="EQ24" s="25">
        <v>0</v>
      </c>
      <c r="ER24" s="26">
        <v>0</v>
      </c>
      <c r="ES24" s="404">
        <v>0</v>
      </c>
      <c r="ET24" s="25">
        <v>0</v>
      </c>
      <c r="EU24" s="25">
        <v>0</v>
      </c>
      <c r="EV24" s="25">
        <v>0</v>
      </c>
      <c r="EW24" s="25">
        <v>0</v>
      </c>
      <c r="EX24" s="25">
        <v>0</v>
      </c>
      <c r="EY24" s="28">
        <v>0</v>
      </c>
      <c r="EZ24" s="29">
        <v>0</v>
      </c>
      <c r="FA24" s="24">
        <v>0</v>
      </c>
      <c r="FB24" s="25">
        <v>0</v>
      </c>
      <c r="FC24" s="26">
        <v>0</v>
      </c>
      <c r="FD24" s="404">
        <v>0</v>
      </c>
      <c r="FE24" s="25">
        <v>0</v>
      </c>
      <c r="FF24" s="25">
        <v>0</v>
      </c>
      <c r="FG24" s="25">
        <v>27094</v>
      </c>
      <c r="FH24" s="25">
        <v>1673</v>
      </c>
      <c r="FI24" s="25">
        <v>14632</v>
      </c>
      <c r="FJ24" s="28">
        <v>43399</v>
      </c>
      <c r="FK24" s="29">
        <v>43399</v>
      </c>
      <c r="FL24" s="24">
        <v>0</v>
      </c>
      <c r="FM24" s="25">
        <v>0</v>
      </c>
      <c r="FN24" s="26">
        <v>0</v>
      </c>
      <c r="FO24" s="404">
        <v>0</v>
      </c>
      <c r="FP24" s="25">
        <v>0</v>
      </c>
      <c r="FQ24" s="25">
        <v>0</v>
      </c>
      <c r="FR24" s="25">
        <v>0</v>
      </c>
      <c r="FS24" s="25">
        <v>0</v>
      </c>
      <c r="FT24" s="25">
        <v>0</v>
      </c>
      <c r="FU24" s="28">
        <v>0</v>
      </c>
      <c r="FV24" s="29">
        <v>0</v>
      </c>
      <c r="FW24" s="24">
        <v>0</v>
      </c>
      <c r="FX24" s="25">
        <v>0</v>
      </c>
      <c r="FY24" s="26">
        <v>0</v>
      </c>
      <c r="FZ24" s="27">
        <v>0</v>
      </c>
      <c r="GA24" s="25">
        <v>39364</v>
      </c>
      <c r="GB24" s="25">
        <v>88395</v>
      </c>
      <c r="GC24" s="25">
        <v>200125</v>
      </c>
      <c r="GD24" s="25">
        <v>203540</v>
      </c>
      <c r="GE24" s="25">
        <v>126050</v>
      </c>
      <c r="GF24" s="28">
        <v>657474</v>
      </c>
      <c r="GG24" s="29">
        <v>657474</v>
      </c>
      <c r="GH24" s="24">
        <v>0</v>
      </c>
      <c r="GI24" s="25">
        <v>0</v>
      </c>
      <c r="GJ24" s="26">
        <v>0</v>
      </c>
      <c r="GK24" s="27">
        <v>0</v>
      </c>
      <c r="GL24" s="25">
        <v>0</v>
      </c>
      <c r="GM24" s="25">
        <v>0</v>
      </c>
      <c r="GN24" s="25">
        <v>3580</v>
      </c>
      <c r="GO24" s="25">
        <v>19332</v>
      </c>
      <c r="GP24" s="25">
        <v>0</v>
      </c>
      <c r="GQ24" s="28">
        <v>22912</v>
      </c>
      <c r="GR24" s="29">
        <v>22912</v>
      </c>
      <c r="GS24" s="24">
        <v>0</v>
      </c>
      <c r="GT24" s="25">
        <v>0</v>
      </c>
      <c r="GU24" s="26">
        <v>0</v>
      </c>
      <c r="GV24" s="27">
        <v>0</v>
      </c>
      <c r="GW24" s="25">
        <v>0</v>
      </c>
      <c r="GX24" s="25">
        <v>0</v>
      </c>
      <c r="GY24" s="25">
        <v>0</v>
      </c>
      <c r="GZ24" s="25">
        <v>0</v>
      </c>
      <c r="HA24" s="25">
        <v>0</v>
      </c>
      <c r="HB24" s="28">
        <v>0</v>
      </c>
      <c r="HC24" s="29">
        <v>0</v>
      </c>
      <c r="HD24" s="24">
        <v>0</v>
      </c>
      <c r="HE24" s="25">
        <v>0</v>
      </c>
      <c r="HF24" s="26">
        <v>0</v>
      </c>
      <c r="HG24" s="404">
        <v>0</v>
      </c>
      <c r="HH24" s="25">
        <v>0</v>
      </c>
      <c r="HI24" s="25">
        <v>0</v>
      </c>
      <c r="HJ24" s="25">
        <v>0</v>
      </c>
      <c r="HK24" s="25">
        <v>0</v>
      </c>
      <c r="HL24" s="25">
        <v>0</v>
      </c>
      <c r="HM24" s="28">
        <v>0</v>
      </c>
      <c r="HN24" s="29">
        <v>0</v>
      </c>
      <c r="HO24" s="24">
        <v>0</v>
      </c>
      <c r="HP24" s="25">
        <v>0</v>
      </c>
      <c r="HQ24" s="26">
        <v>0</v>
      </c>
      <c r="HR24" s="27">
        <v>0</v>
      </c>
      <c r="HS24" s="25">
        <v>217352</v>
      </c>
      <c r="HT24" s="25">
        <v>672719</v>
      </c>
      <c r="HU24" s="25">
        <v>3724589</v>
      </c>
      <c r="HV24" s="25">
        <v>4652734</v>
      </c>
      <c r="HW24" s="25">
        <v>3339532</v>
      </c>
      <c r="HX24" s="28">
        <v>12606926</v>
      </c>
      <c r="HY24" s="29">
        <v>12606926</v>
      </c>
    </row>
    <row r="25" spans="2:233" ht="21" customHeight="1" x14ac:dyDescent="0.2">
      <c r="B25" s="106" t="s">
        <v>22</v>
      </c>
      <c r="C25" s="24">
        <v>0</v>
      </c>
      <c r="D25" s="25">
        <v>0</v>
      </c>
      <c r="E25" s="26">
        <v>0</v>
      </c>
      <c r="F25" s="27">
        <v>0</v>
      </c>
      <c r="G25" s="25">
        <v>105500</v>
      </c>
      <c r="H25" s="25">
        <v>219240</v>
      </c>
      <c r="I25" s="25">
        <v>602025</v>
      </c>
      <c r="J25" s="25">
        <v>1122480</v>
      </c>
      <c r="K25" s="25">
        <v>435040</v>
      </c>
      <c r="L25" s="28">
        <v>2484285</v>
      </c>
      <c r="M25" s="29">
        <v>2484285</v>
      </c>
      <c r="N25" s="24">
        <v>0</v>
      </c>
      <c r="O25" s="25">
        <v>0</v>
      </c>
      <c r="P25" s="26">
        <v>0</v>
      </c>
      <c r="Q25" s="404">
        <v>0</v>
      </c>
      <c r="R25" s="25">
        <v>35495</v>
      </c>
      <c r="S25" s="25">
        <v>27280</v>
      </c>
      <c r="T25" s="25">
        <v>352780</v>
      </c>
      <c r="U25" s="25">
        <v>669345</v>
      </c>
      <c r="V25" s="25">
        <v>186335</v>
      </c>
      <c r="W25" s="28">
        <v>1271235</v>
      </c>
      <c r="X25" s="29">
        <v>1271235</v>
      </c>
      <c r="Y25" s="24">
        <v>0</v>
      </c>
      <c r="Z25" s="25">
        <v>0</v>
      </c>
      <c r="AA25" s="26">
        <v>0</v>
      </c>
      <c r="AB25" s="404">
        <v>0</v>
      </c>
      <c r="AC25" s="25">
        <v>52365</v>
      </c>
      <c r="AD25" s="25">
        <v>189855</v>
      </c>
      <c r="AE25" s="25">
        <v>157945</v>
      </c>
      <c r="AF25" s="25">
        <v>308885</v>
      </c>
      <c r="AG25" s="25">
        <v>128030</v>
      </c>
      <c r="AH25" s="28">
        <v>837080</v>
      </c>
      <c r="AI25" s="29">
        <v>837080</v>
      </c>
      <c r="AJ25" s="24">
        <v>0</v>
      </c>
      <c r="AK25" s="25">
        <v>0</v>
      </c>
      <c r="AL25" s="26">
        <v>0</v>
      </c>
      <c r="AM25" s="404">
        <v>0</v>
      </c>
      <c r="AN25" s="25">
        <v>0</v>
      </c>
      <c r="AO25" s="25">
        <v>0</v>
      </c>
      <c r="AP25" s="25">
        <v>0</v>
      </c>
      <c r="AQ25" s="25">
        <v>0</v>
      </c>
      <c r="AR25" s="25">
        <v>0</v>
      </c>
      <c r="AS25" s="28">
        <v>0</v>
      </c>
      <c r="AT25" s="29">
        <v>0</v>
      </c>
      <c r="AU25" s="24">
        <v>0</v>
      </c>
      <c r="AV25" s="25">
        <v>0</v>
      </c>
      <c r="AW25" s="26">
        <v>0</v>
      </c>
      <c r="AX25" s="404">
        <v>0</v>
      </c>
      <c r="AY25" s="25">
        <v>0</v>
      </c>
      <c r="AZ25" s="25">
        <v>0</v>
      </c>
      <c r="BA25" s="25">
        <v>0</v>
      </c>
      <c r="BB25" s="25">
        <v>27280</v>
      </c>
      <c r="BC25" s="25">
        <v>27280</v>
      </c>
      <c r="BD25" s="28">
        <v>54560</v>
      </c>
      <c r="BE25" s="29">
        <v>54560</v>
      </c>
      <c r="BF25" s="24">
        <v>0</v>
      </c>
      <c r="BG25" s="25">
        <v>0</v>
      </c>
      <c r="BH25" s="26">
        <v>0</v>
      </c>
      <c r="BI25" s="404">
        <v>0</v>
      </c>
      <c r="BJ25" s="25">
        <v>0</v>
      </c>
      <c r="BK25" s="25">
        <v>0</v>
      </c>
      <c r="BL25" s="25">
        <v>29915</v>
      </c>
      <c r="BM25" s="25">
        <v>57195</v>
      </c>
      <c r="BN25" s="25">
        <v>68045</v>
      </c>
      <c r="BO25" s="28">
        <v>155155</v>
      </c>
      <c r="BP25" s="29">
        <v>155155</v>
      </c>
      <c r="BQ25" s="24">
        <v>0</v>
      </c>
      <c r="BR25" s="25">
        <v>0</v>
      </c>
      <c r="BS25" s="26">
        <v>0</v>
      </c>
      <c r="BT25" s="27">
        <v>0</v>
      </c>
      <c r="BU25" s="25">
        <v>10565</v>
      </c>
      <c r="BV25" s="25">
        <v>2105</v>
      </c>
      <c r="BW25" s="25">
        <v>61385</v>
      </c>
      <c r="BX25" s="25">
        <v>59775</v>
      </c>
      <c r="BY25" s="25">
        <v>25350</v>
      </c>
      <c r="BZ25" s="28">
        <v>159180</v>
      </c>
      <c r="CA25" s="29">
        <v>159180</v>
      </c>
      <c r="CB25" s="24">
        <v>0</v>
      </c>
      <c r="CC25" s="25">
        <v>0</v>
      </c>
      <c r="CD25" s="26">
        <v>0</v>
      </c>
      <c r="CE25" s="27">
        <v>0</v>
      </c>
      <c r="CF25" s="25">
        <v>7075</v>
      </c>
      <c r="CG25" s="25">
        <v>0</v>
      </c>
      <c r="CH25" s="25">
        <v>0</v>
      </c>
      <c r="CI25" s="25">
        <v>0</v>
      </c>
      <c r="CJ25" s="25">
        <v>0</v>
      </c>
      <c r="CK25" s="28">
        <v>7075</v>
      </c>
      <c r="CL25" s="29">
        <v>7075</v>
      </c>
      <c r="CM25" s="24">
        <v>0</v>
      </c>
      <c r="CN25" s="25">
        <v>0</v>
      </c>
      <c r="CO25" s="26">
        <v>0</v>
      </c>
      <c r="CP25" s="27">
        <v>0</v>
      </c>
      <c r="CQ25" s="25">
        <v>0</v>
      </c>
      <c r="CR25" s="25">
        <v>0</v>
      </c>
      <c r="CS25" s="25">
        <v>0</v>
      </c>
      <c r="CT25" s="25">
        <v>0</v>
      </c>
      <c r="CU25" s="25">
        <v>0</v>
      </c>
      <c r="CV25" s="28">
        <v>0</v>
      </c>
      <c r="CW25" s="29">
        <v>0</v>
      </c>
      <c r="CX25" s="24">
        <v>0</v>
      </c>
      <c r="CY25" s="25">
        <v>0</v>
      </c>
      <c r="CZ25" s="26">
        <v>0</v>
      </c>
      <c r="DA25" s="404">
        <v>0</v>
      </c>
      <c r="DB25" s="25">
        <v>0</v>
      </c>
      <c r="DC25" s="25">
        <v>0</v>
      </c>
      <c r="DD25" s="25">
        <v>0</v>
      </c>
      <c r="DE25" s="25">
        <v>0</v>
      </c>
      <c r="DF25" s="25">
        <v>0</v>
      </c>
      <c r="DG25" s="28">
        <v>0</v>
      </c>
      <c r="DH25" s="29">
        <v>0</v>
      </c>
      <c r="DI25" s="24">
        <v>0</v>
      </c>
      <c r="DJ25" s="25">
        <v>0</v>
      </c>
      <c r="DK25" s="26">
        <v>0</v>
      </c>
      <c r="DL25" s="27">
        <v>0</v>
      </c>
      <c r="DM25" s="25">
        <v>55403</v>
      </c>
      <c r="DN25" s="25">
        <v>93955</v>
      </c>
      <c r="DO25" s="25">
        <v>570387</v>
      </c>
      <c r="DP25" s="25">
        <v>1046955</v>
      </c>
      <c r="DQ25" s="25">
        <v>430053</v>
      </c>
      <c r="DR25" s="28">
        <v>2196753</v>
      </c>
      <c r="DS25" s="30">
        <v>2196753</v>
      </c>
      <c r="DT25" s="24">
        <v>0</v>
      </c>
      <c r="DU25" s="25">
        <v>0</v>
      </c>
      <c r="DV25" s="26">
        <v>0</v>
      </c>
      <c r="DW25" s="404">
        <v>0</v>
      </c>
      <c r="DX25" s="25">
        <v>28365</v>
      </c>
      <c r="DY25" s="25">
        <v>32457</v>
      </c>
      <c r="DZ25" s="25">
        <v>429505</v>
      </c>
      <c r="EA25" s="25">
        <v>819127</v>
      </c>
      <c r="EB25" s="25">
        <v>309949</v>
      </c>
      <c r="EC25" s="28">
        <v>1619403</v>
      </c>
      <c r="ED25" s="29">
        <v>1619403</v>
      </c>
      <c r="EE25" s="24">
        <v>0</v>
      </c>
      <c r="EF25" s="25">
        <v>0</v>
      </c>
      <c r="EG25" s="26">
        <v>0</v>
      </c>
      <c r="EH25" s="404">
        <v>0</v>
      </c>
      <c r="EI25" s="25">
        <v>14128</v>
      </c>
      <c r="EJ25" s="25">
        <v>56406</v>
      </c>
      <c r="EK25" s="25">
        <v>1953</v>
      </c>
      <c r="EL25" s="25">
        <v>43035</v>
      </c>
      <c r="EM25" s="25">
        <v>1302</v>
      </c>
      <c r="EN25" s="28">
        <v>116824</v>
      </c>
      <c r="EO25" s="29">
        <v>116824</v>
      </c>
      <c r="EP25" s="24">
        <v>0</v>
      </c>
      <c r="EQ25" s="25">
        <v>0</v>
      </c>
      <c r="ER25" s="26">
        <v>0</v>
      </c>
      <c r="ES25" s="404">
        <v>0</v>
      </c>
      <c r="ET25" s="25">
        <v>0</v>
      </c>
      <c r="EU25" s="25">
        <v>0</v>
      </c>
      <c r="EV25" s="25">
        <v>0</v>
      </c>
      <c r="EW25" s="25">
        <v>0</v>
      </c>
      <c r="EX25" s="25">
        <v>0</v>
      </c>
      <c r="EY25" s="28">
        <v>0</v>
      </c>
      <c r="EZ25" s="29">
        <v>0</v>
      </c>
      <c r="FA25" s="24">
        <v>0</v>
      </c>
      <c r="FB25" s="25">
        <v>0</v>
      </c>
      <c r="FC25" s="26">
        <v>0</v>
      </c>
      <c r="FD25" s="404">
        <v>0</v>
      </c>
      <c r="FE25" s="25">
        <v>0</v>
      </c>
      <c r="FF25" s="25">
        <v>0</v>
      </c>
      <c r="FG25" s="25">
        <v>0</v>
      </c>
      <c r="FH25" s="25">
        <v>11315</v>
      </c>
      <c r="FI25" s="25">
        <v>434</v>
      </c>
      <c r="FJ25" s="28">
        <v>11749</v>
      </c>
      <c r="FK25" s="29">
        <v>11749</v>
      </c>
      <c r="FL25" s="24">
        <v>0</v>
      </c>
      <c r="FM25" s="25">
        <v>0</v>
      </c>
      <c r="FN25" s="26">
        <v>0</v>
      </c>
      <c r="FO25" s="404">
        <v>0</v>
      </c>
      <c r="FP25" s="25">
        <v>0</v>
      </c>
      <c r="FQ25" s="25">
        <v>0</v>
      </c>
      <c r="FR25" s="25">
        <v>64728</v>
      </c>
      <c r="FS25" s="25">
        <v>107880</v>
      </c>
      <c r="FT25" s="25">
        <v>95108</v>
      </c>
      <c r="FU25" s="28">
        <v>267716</v>
      </c>
      <c r="FV25" s="29">
        <v>267716</v>
      </c>
      <c r="FW25" s="24">
        <v>0</v>
      </c>
      <c r="FX25" s="25">
        <v>0</v>
      </c>
      <c r="FY25" s="26">
        <v>0</v>
      </c>
      <c r="FZ25" s="27">
        <v>0</v>
      </c>
      <c r="GA25" s="25">
        <v>12798</v>
      </c>
      <c r="GB25" s="25">
        <v>5092</v>
      </c>
      <c r="GC25" s="25">
        <v>74201</v>
      </c>
      <c r="GD25" s="25">
        <v>65598</v>
      </c>
      <c r="GE25" s="25">
        <v>22530</v>
      </c>
      <c r="GF25" s="28">
        <v>180219</v>
      </c>
      <c r="GG25" s="29">
        <v>180219</v>
      </c>
      <c r="GH25" s="24">
        <v>0</v>
      </c>
      <c r="GI25" s="25">
        <v>0</v>
      </c>
      <c r="GJ25" s="26">
        <v>0</v>
      </c>
      <c r="GK25" s="27">
        <v>0</v>
      </c>
      <c r="GL25" s="25">
        <v>112</v>
      </c>
      <c r="GM25" s="25">
        <v>0</v>
      </c>
      <c r="GN25" s="25">
        <v>0</v>
      </c>
      <c r="GO25" s="25">
        <v>0</v>
      </c>
      <c r="GP25" s="25">
        <v>730</v>
      </c>
      <c r="GQ25" s="28">
        <v>842</v>
      </c>
      <c r="GR25" s="29">
        <v>842</v>
      </c>
      <c r="GS25" s="24">
        <v>0</v>
      </c>
      <c r="GT25" s="25">
        <v>0</v>
      </c>
      <c r="GU25" s="26">
        <v>0</v>
      </c>
      <c r="GV25" s="27">
        <v>0</v>
      </c>
      <c r="GW25" s="25">
        <v>0</v>
      </c>
      <c r="GX25" s="25">
        <v>0</v>
      </c>
      <c r="GY25" s="25">
        <v>0</v>
      </c>
      <c r="GZ25" s="25">
        <v>0</v>
      </c>
      <c r="HA25" s="25">
        <v>0</v>
      </c>
      <c r="HB25" s="28">
        <v>0</v>
      </c>
      <c r="HC25" s="29">
        <v>0</v>
      </c>
      <c r="HD25" s="24">
        <v>0</v>
      </c>
      <c r="HE25" s="25">
        <v>0</v>
      </c>
      <c r="HF25" s="26">
        <v>0</v>
      </c>
      <c r="HG25" s="404">
        <v>0</v>
      </c>
      <c r="HH25" s="25">
        <v>0</v>
      </c>
      <c r="HI25" s="25">
        <v>0</v>
      </c>
      <c r="HJ25" s="25">
        <v>0</v>
      </c>
      <c r="HK25" s="25">
        <v>0</v>
      </c>
      <c r="HL25" s="25">
        <v>0</v>
      </c>
      <c r="HM25" s="28">
        <v>0</v>
      </c>
      <c r="HN25" s="29">
        <v>0</v>
      </c>
      <c r="HO25" s="24">
        <v>0</v>
      </c>
      <c r="HP25" s="25">
        <v>0</v>
      </c>
      <c r="HQ25" s="26">
        <v>0</v>
      </c>
      <c r="HR25" s="27">
        <v>0</v>
      </c>
      <c r="HS25" s="25">
        <v>160903</v>
      </c>
      <c r="HT25" s="25">
        <v>313195</v>
      </c>
      <c r="HU25" s="25">
        <v>1172412</v>
      </c>
      <c r="HV25" s="25">
        <v>2169435</v>
      </c>
      <c r="HW25" s="25">
        <v>865093</v>
      </c>
      <c r="HX25" s="28">
        <v>4681038</v>
      </c>
      <c r="HY25" s="29">
        <v>4681038</v>
      </c>
    </row>
    <row r="26" spans="2:233" ht="21" customHeight="1" x14ac:dyDescent="0.2">
      <c r="B26" s="106" t="s">
        <v>23</v>
      </c>
      <c r="C26" s="24">
        <v>0</v>
      </c>
      <c r="D26" s="25">
        <v>0</v>
      </c>
      <c r="E26" s="26">
        <v>0</v>
      </c>
      <c r="F26" s="27">
        <v>0</v>
      </c>
      <c r="G26" s="25">
        <v>269514</v>
      </c>
      <c r="H26" s="25">
        <v>173420</v>
      </c>
      <c r="I26" s="25">
        <v>1107777</v>
      </c>
      <c r="J26" s="25">
        <v>1368614</v>
      </c>
      <c r="K26" s="25">
        <v>1009225</v>
      </c>
      <c r="L26" s="28">
        <v>3928550</v>
      </c>
      <c r="M26" s="29">
        <v>3928550</v>
      </c>
      <c r="N26" s="24">
        <v>0</v>
      </c>
      <c r="O26" s="25">
        <v>0</v>
      </c>
      <c r="P26" s="26">
        <v>0</v>
      </c>
      <c r="Q26" s="404">
        <v>0</v>
      </c>
      <c r="R26" s="25">
        <v>70835</v>
      </c>
      <c r="S26" s="25">
        <v>111480</v>
      </c>
      <c r="T26" s="25">
        <v>774425</v>
      </c>
      <c r="U26" s="25">
        <v>956455</v>
      </c>
      <c r="V26" s="25">
        <v>660005</v>
      </c>
      <c r="W26" s="28">
        <v>2573200</v>
      </c>
      <c r="X26" s="29">
        <v>2573200</v>
      </c>
      <c r="Y26" s="24">
        <v>0</v>
      </c>
      <c r="Z26" s="25">
        <v>0</v>
      </c>
      <c r="AA26" s="26">
        <v>0</v>
      </c>
      <c r="AB26" s="404">
        <v>0</v>
      </c>
      <c r="AC26" s="25">
        <v>160735</v>
      </c>
      <c r="AD26" s="25">
        <v>45640</v>
      </c>
      <c r="AE26" s="25">
        <v>250265</v>
      </c>
      <c r="AF26" s="25">
        <v>305115</v>
      </c>
      <c r="AG26" s="25">
        <v>203680</v>
      </c>
      <c r="AH26" s="28">
        <v>965435</v>
      </c>
      <c r="AI26" s="29">
        <v>965435</v>
      </c>
      <c r="AJ26" s="24">
        <v>0</v>
      </c>
      <c r="AK26" s="25">
        <v>0</v>
      </c>
      <c r="AL26" s="26">
        <v>0</v>
      </c>
      <c r="AM26" s="404">
        <v>0</v>
      </c>
      <c r="AN26" s="25">
        <v>0</v>
      </c>
      <c r="AO26" s="25">
        <v>0</v>
      </c>
      <c r="AP26" s="25">
        <v>0</v>
      </c>
      <c r="AQ26" s="25">
        <v>0</v>
      </c>
      <c r="AR26" s="25">
        <v>0</v>
      </c>
      <c r="AS26" s="28">
        <v>0</v>
      </c>
      <c r="AT26" s="29">
        <v>0</v>
      </c>
      <c r="AU26" s="24">
        <v>0</v>
      </c>
      <c r="AV26" s="25">
        <v>0</v>
      </c>
      <c r="AW26" s="26">
        <v>0</v>
      </c>
      <c r="AX26" s="404">
        <v>0</v>
      </c>
      <c r="AY26" s="25">
        <v>0</v>
      </c>
      <c r="AZ26" s="25">
        <v>0</v>
      </c>
      <c r="BA26" s="25">
        <v>0</v>
      </c>
      <c r="BB26" s="25">
        <v>49290</v>
      </c>
      <c r="BC26" s="25">
        <v>87420</v>
      </c>
      <c r="BD26" s="28">
        <v>136710</v>
      </c>
      <c r="BE26" s="29">
        <v>136710</v>
      </c>
      <c r="BF26" s="24">
        <v>0</v>
      </c>
      <c r="BG26" s="25">
        <v>0</v>
      </c>
      <c r="BH26" s="26">
        <v>0</v>
      </c>
      <c r="BI26" s="404">
        <v>0</v>
      </c>
      <c r="BJ26" s="25">
        <v>0</v>
      </c>
      <c r="BK26" s="25">
        <v>0</v>
      </c>
      <c r="BL26" s="25">
        <v>0</v>
      </c>
      <c r="BM26" s="25">
        <v>0</v>
      </c>
      <c r="BN26" s="25">
        <v>0</v>
      </c>
      <c r="BO26" s="28">
        <v>0</v>
      </c>
      <c r="BP26" s="29">
        <v>0</v>
      </c>
      <c r="BQ26" s="24">
        <v>0</v>
      </c>
      <c r="BR26" s="25">
        <v>0</v>
      </c>
      <c r="BS26" s="26">
        <v>0</v>
      </c>
      <c r="BT26" s="27">
        <v>0</v>
      </c>
      <c r="BU26" s="25">
        <v>37944</v>
      </c>
      <c r="BV26" s="25">
        <v>16300</v>
      </c>
      <c r="BW26" s="25">
        <v>83087</v>
      </c>
      <c r="BX26" s="25">
        <v>57754</v>
      </c>
      <c r="BY26" s="25">
        <v>58120</v>
      </c>
      <c r="BZ26" s="28">
        <v>253205</v>
      </c>
      <c r="CA26" s="29">
        <v>253205</v>
      </c>
      <c r="CB26" s="24">
        <v>0</v>
      </c>
      <c r="CC26" s="25">
        <v>0</v>
      </c>
      <c r="CD26" s="26">
        <v>0</v>
      </c>
      <c r="CE26" s="27">
        <v>0</v>
      </c>
      <c r="CF26" s="25">
        <v>0</v>
      </c>
      <c r="CG26" s="25">
        <v>0</v>
      </c>
      <c r="CH26" s="25">
        <v>0</v>
      </c>
      <c r="CI26" s="25">
        <v>0</v>
      </c>
      <c r="CJ26" s="25">
        <v>0</v>
      </c>
      <c r="CK26" s="28">
        <v>0</v>
      </c>
      <c r="CL26" s="29">
        <v>0</v>
      </c>
      <c r="CM26" s="24">
        <v>0</v>
      </c>
      <c r="CN26" s="25">
        <v>0</v>
      </c>
      <c r="CO26" s="26">
        <v>0</v>
      </c>
      <c r="CP26" s="27">
        <v>0</v>
      </c>
      <c r="CQ26" s="25">
        <v>0</v>
      </c>
      <c r="CR26" s="25">
        <v>0</v>
      </c>
      <c r="CS26" s="25">
        <v>0</v>
      </c>
      <c r="CT26" s="25">
        <v>0</v>
      </c>
      <c r="CU26" s="25">
        <v>0</v>
      </c>
      <c r="CV26" s="28">
        <v>0</v>
      </c>
      <c r="CW26" s="29">
        <v>0</v>
      </c>
      <c r="CX26" s="24">
        <v>0</v>
      </c>
      <c r="CY26" s="25">
        <v>0</v>
      </c>
      <c r="CZ26" s="26">
        <v>0</v>
      </c>
      <c r="DA26" s="404">
        <v>0</v>
      </c>
      <c r="DB26" s="25">
        <v>0</v>
      </c>
      <c r="DC26" s="25">
        <v>0</v>
      </c>
      <c r="DD26" s="25">
        <v>0</v>
      </c>
      <c r="DE26" s="25">
        <v>0</v>
      </c>
      <c r="DF26" s="25">
        <v>0</v>
      </c>
      <c r="DG26" s="28">
        <v>0</v>
      </c>
      <c r="DH26" s="29">
        <v>0</v>
      </c>
      <c r="DI26" s="24">
        <v>0</v>
      </c>
      <c r="DJ26" s="25">
        <v>0</v>
      </c>
      <c r="DK26" s="26">
        <v>0</v>
      </c>
      <c r="DL26" s="27">
        <v>0</v>
      </c>
      <c r="DM26" s="25">
        <v>157163</v>
      </c>
      <c r="DN26" s="25">
        <v>186109</v>
      </c>
      <c r="DO26" s="25">
        <v>1298216</v>
      </c>
      <c r="DP26" s="25">
        <v>1327510</v>
      </c>
      <c r="DQ26" s="25">
        <v>866071</v>
      </c>
      <c r="DR26" s="28">
        <v>3835069</v>
      </c>
      <c r="DS26" s="30">
        <v>3835069</v>
      </c>
      <c r="DT26" s="24">
        <v>0</v>
      </c>
      <c r="DU26" s="25">
        <v>0</v>
      </c>
      <c r="DV26" s="26">
        <v>0</v>
      </c>
      <c r="DW26" s="404">
        <v>0</v>
      </c>
      <c r="DX26" s="25">
        <v>73656</v>
      </c>
      <c r="DY26" s="25">
        <v>135574</v>
      </c>
      <c r="DZ26" s="25">
        <v>1068018</v>
      </c>
      <c r="EA26" s="25">
        <v>1204671</v>
      </c>
      <c r="EB26" s="25">
        <v>686411</v>
      </c>
      <c r="EC26" s="28">
        <v>3168330</v>
      </c>
      <c r="ED26" s="29">
        <v>3168330</v>
      </c>
      <c r="EE26" s="24">
        <v>0</v>
      </c>
      <c r="EF26" s="25">
        <v>0</v>
      </c>
      <c r="EG26" s="26">
        <v>0</v>
      </c>
      <c r="EH26" s="404">
        <v>0</v>
      </c>
      <c r="EI26" s="25">
        <v>47523</v>
      </c>
      <c r="EJ26" s="25">
        <v>1953</v>
      </c>
      <c r="EK26" s="25">
        <v>38732</v>
      </c>
      <c r="EL26" s="25">
        <v>5502</v>
      </c>
      <c r="EM26" s="25">
        <v>39657</v>
      </c>
      <c r="EN26" s="28">
        <v>133367</v>
      </c>
      <c r="EO26" s="29">
        <v>133367</v>
      </c>
      <c r="EP26" s="24">
        <v>0</v>
      </c>
      <c r="EQ26" s="25">
        <v>0</v>
      </c>
      <c r="ER26" s="26">
        <v>0</v>
      </c>
      <c r="ES26" s="404">
        <v>0</v>
      </c>
      <c r="ET26" s="25">
        <v>0</v>
      </c>
      <c r="EU26" s="25">
        <v>0</v>
      </c>
      <c r="EV26" s="25">
        <v>0</v>
      </c>
      <c r="EW26" s="25">
        <v>0</v>
      </c>
      <c r="EX26" s="25">
        <v>0</v>
      </c>
      <c r="EY26" s="28">
        <v>0</v>
      </c>
      <c r="EZ26" s="29">
        <v>0</v>
      </c>
      <c r="FA26" s="24">
        <v>0</v>
      </c>
      <c r="FB26" s="25">
        <v>0</v>
      </c>
      <c r="FC26" s="26">
        <v>0</v>
      </c>
      <c r="FD26" s="404">
        <v>0</v>
      </c>
      <c r="FE26" s="25">
        <v>0</v>
      </c>
      <c r="FF26" s="25">
        <v>0</v>
      </c>
      <c r="FG26" s="25">
        <v>0</v>
      </c>
      <c r="FH26" s="25">
        <v>217</v>
      </c>
      <c r="FI26" s="25">
        <v>14044</v>
      </c>
      <c r="FJ26" s="28">
        <v>14261</v>
      </c>
      <c r="FK26" s="29">
        <v>14261</v>
      </c>
      <c r="FL26" s="24">
        <v>0</v>
      </c>
      <c r="FM26" s="25">
        <v>0</v>
      </c>
      <c r="FN26" s="26">
        <v>0</v>
      </c>
      <c r="FO26" s="404">
        <v>0</v>
      </c>
      <c r="FP26" s="25">
        <v>0</v>
      </c>
      <c r="FQ26" s="25">
        <v>0</v>
      </c>
      <c r="FR26" s="25">
        <v>0</v>
      </c>
      <c r="FS26" s="25">
        <v>0</v>
      </c>
      <c r="FT26" s="25">
        <v>0</v>
      </c>
      <c r="FU26" s="28">
        <v>0</v>
      </c>
      <c r="FV26" s="29">
        <v>0</v>
      </c>
      <c r="FW26" s="24">
        <v>0</v>
      </c>
      <c r="FX26" s="25">
        <v>0</v>
      </c>
      <c r="FY26" s="26">
        <v>0</v>
      </c>
      <c r="FZ26" s="27">
        <v>0</v>
      </c>
      <c r="GA26" s="25">
        <v>35984</v>
      </c>
      <c r="GB26" s="25">
        <v>48582</v>
      </c>
      <c r="GC26" s="25">
        <v>191466</v>
      </c>
      <c r="GD26" s="25">
        <v>117120</v>
      </c>
      <c r="GE26" s="25">
        <v>125959</v>
      </c>
      <c r="GF26" s="28">
        <v>519111</v>
      </c>
      <c r="GG26" s="29">
        <v>519111</v>
      </c>
      <c r="GH26" s="24">
        <v>0</v>
      </c>
      <c r="GI26" s="25">
        <v>0</v>
      </c>
      <c r="GJ26" s="26">
        <v>0</v>
      </c>
      <c r="GK26" s="27">
        <v>0</v>
      </c>
      <c r="GL26" s="25">
        <v>0</v>
      </c>
      <c r="GM26" s="25">
        <v>0</v>
      </c>
      <c r="GN26" s="25">
        <v>0</v>
      </c>
      <c r="GO26" s="25">
        <v>0</v>
      </c>
      <c r="GP26" s="25">
        <v>0</v>
      </c>
      <c r="GQ26" s="28">
        <v>0</v>
      </c>
      <c r="GR26" s="29">
        <v>0</v>
      </c>
      <c r="GS26" s="24">
        <v>0</v>
      </c>
      <c r="GT26" s="25">
        <v>0</v>
      </c>
      <c r="GU26" s="26">
        <v>0</v>
      </c>
      <c r="GV26" s="27">
        <v>0</v>
      </c>
      <c r="GW26" s="25">
        <v>0</v>
      </c>
      <c r="GX26" s="25">
        <v>0</v>
      </c>
      <c r="GY26" s="25">
        <v>0</v>
      </c>
      <c r="GZ26" s="25">
        <v>0</v>
      </c>
      <c r="HA26" s="25">
        <v>0</v>
      </c>
      <c r="HB26" s="28">
        <v>0</v>
      </c>
      <c r="HC26" s="29">
        <v>0</v>
      </c>
      <c r="HD26" s="24">
        <v>0</v>
      </c>
      <c r="HE26" s="25">
        <v>0</v>
      </c>
      <c r="HF26" s="26">
        <v>0</v>
      </c>
      <c r="HG26" s="404">
        <v>0</v>
      </c>
      <c r="HH26" s="25">
        <v>0</v>
      </c>
      <c r="HI26" s="25">
        <v>0</v>
      </c>
      <c r="HJ26" s="25">
        <v>0</v>
      </c>
      <c r="HK26" s="25">
        <v>0</v>
      </c>
      <c r="HL26" s="25">
        <v>0</v>
      </c>
      <c r="HM26" s="28">
        <v>0</v>
      </c>
      <c r="HN26" s="29">
        <v>0</v>
      </c>
      <c r="HO26" s="24">
        <v>0</v>
      </c>
      <c r="HP26" s="25">
        <v>0</v>
      </c>
      <c r="HQ26" s="26">
        <v>0</v>
      </c>
      <c r="HR26" s="27">
        <v>0</v>
      </c>
      <c r="HS26" s="25">
        <v>426677</v>
      </c>
      <c r="HT26" s="25">
        <v>359529</v>
      </c>
      <c r="HU26" s="25">
        <v>2405993</v>
      </c>
      <c r="HV26" s="25">
        <v>2696124</v>
      </c>
      <c r="HW26" s="25">
        <v>1875296</v>
      </c>
      <c r="HX26" s="28">
        <v>7763619</v>
      </c>
      <c r="HY26" s="29">
        <v>7763619</v>
      </c>
    </row>
    <row r="27" spans="2:233" ht="21" customHeight="1" x14ac:dyDescent="0.2">
      <c r="B27" s="106" t="s">
        <v>24</v>
      </c>
      <c r="C27" s="24">
        <v>0</v>
      </c>
      <c r="D27" s="25">
        <v>0</v>
      </c>
      <c r="E27" s="26">
        <v>0</v>
      </c>
      <c r="F27" s="27">
        <v>0</v>
      </c>
      <c r="G27" s="25">
        <v>76590</v>
      </c>
      <c r="H27" s="25">
        <v>43770</v>
      </c>
      <c r="I27" s="25">
        <v>204755</v>
      </c>
      <c r="J27" s="25">
        <v>750400</v>
      </c>
      <c r="K27" s="25">
        <v>355440</v>
      </c>
      <c r="L27" s="28">
        <v>1430955</v>
      </c>
      <c r="M27" s="29">
        <v>1430955</v>
      </c>
      <c r="N27" s="24">
        <v>0</v>
      </c>
      <c r="O27" s="25">
        <v>0</v>
      </c>
      <c r="P27" s="26">
        <v>0</v>
      </c>
      <c r="Q27" s="404">
        <v>0</v>
      </c>
      <c r="R27" s="25">
        <v>0</v>
      </c>
      <c r="S27" s="25">
        <v>2635</v>
      </c>
      <c r="T27" s="25">
        <v>127705</v>
      </c>
      <c r="U27" s="25">
        <v>708345</v>
      </c>
      <c r="V27" s="25">
        <v>224280</v>
      </c>
      <c r="W27" s="28">
        <v>1062965</v>
      </c>
      <c r="X27" s="29">
        <v>1062965</v>
      </c>
      <c r="Y27" s="24">
        <v>0</v>
      </c>
      <c r="Z27" s="25">
        <v>0</v>
      </c>
      <c r="AA27" s="26">
        <v>0</v>
      </c>
      <c r="AB27" s="404">
        <v>0</v>
      </c>
      <c r="AC27" s="25">
        <v>59220</v>
      </c>
      <c r="AD27" s="25">
        <v>40765</v>
      </c>
      <c r="AE27" s="25">
        <v>35185</v>
      </c>
      <c r="AF27" s="25">
        <v>32550</v>
      </c>
      <c r="AG27" s="25">
        <v>76175</v>
      </c>
      <c r="AH27" s="28">
        <v>243895</v>
      </c>
      <c r="AI27" s="29">
        <v>243895</v>
      </c>
      <c r="AJ27" s="24">
        <v>0</v>
      </c>
      <c r="AK27" s="25">
        <v>0</v>
      </c>
      <c r="AL27" s="26">
        <v>0</v>
      </c>
      <c r="AM27" s="404">
        <v>0</v>
      </c>
      <c r="AN27" s="25">
        <v>0</v>
      </c>
      <c r="AO27" s="25">
        <v>0</v>
      </c>
      <c r="AP27" s="25">
        <v>0</v>
      </c>
      <c r="AQ27" s="25">
        <v>0</v>
      </c>
      <c r="AR27" s="25">
        <v>0</v>
      </c>
      <c r="AS27" s="28">
        <v>0</v>
      </c>
      <c r="AT27" s="29">
        <v>0</v>
      </c>
      <c r="AU27" s="24">
        <v>0</v>
      </c>
      <c r="AV27" s="25">
        <v>0</v>
      </c>
      <c r="AW27" s="26">
        <v>0</v>
      </c>
      <c r="AX27" s="404">
        <v>0</v>
      </c>
      <c r="AY27" s="25">
        <v>0</v>
      </c>
      <c r="AZ27" s="25">
        <v>0</v>
      </c>
      <c r="BA27" s="25">
        <v>0</v>
      </c>
      <c r="BB27" s="25">
        <v>0</v>
      </c>
      <c r="BC27" s="25">
        <v>32705</v>
      </c>
      <c r="BD27" s="28">
        <v>32705</v>
      </c>
      <c r="BE27" s="29">
        <v>32705</v>
      </c>
      <c r="BF27" s="24">
        <v>0</v>
      </c>
      <c r="BG27" s="25">
        <v>0</v>
      </c>
      <c r="BH27" s="26">
        <v>0</v>
      </c>
      <c r="BI27" s="404">
        <v>0</v>
      </c>
      <c r="BJ27" s="25">
        <v>0</v>
      </c>
      <c r="BK27" s="25">
        <v>0</v>
      </c>
      <c r="BL27" s="25">
        <v>0</v>
      </c>
      <c r="BM27" s="25">
        <v>0</v>
      </c>
      <c r="BN27" s="25">
        <v>0</v>
      </c>
      <c r="BO27" s="28">
        <v>0</v>
      </c>
      <c r="BP27" s="29">
        <v>0</v>
      </c>
      <c r="BQ27" s="24">
        <v>0</v>
      </c>
      <c r="BR27" s="25">
        <v>0</v>
      </c>
      <c r="BS27" s="26">
        <v>0</v>
      </c>
      <c r="BT27" s="27">
        <v>0</v>
      </c>
      <c r="BU27" s="25">
        <v>16815</v>
      </c>
      <c r="BV27" s="25">
        <v>0</v>
      </c>
      <c r="BW27" s="25">
        <v>39795</v>
      </c>
      <c r="BX27" s="25">
        <v>9505</v>
      </c>
      <c r="BY27" s="25">
        <v>15810</v>
      </c>
      <c r="BZ27" s="28">
        <v>81925</v>
      </c>
      <c r="CA27" s="29">
        <v>81925</v>
      </c>
      <c r="CB27" s="24">
        <v>0</v>
      </c>
      <c r="CC27" s="25">
        <v>0</v>
      </c>
      <c r="CD27" s="26">
        <v>0</v>
      </c>
      <c r="CE27" s="27">
        <v>0</v>
      </c>
      <c r="CF27" s="25">
        <v>555</v>
      </c>
      <c r="CG27" s="25">
        <v>370</v>
      </c>
      <c r="CH27" s="25">
        <v>2070</v>
      </c>
      <c r="CI27" s="25">
        <v>0</v>
      </c>
      <c r="CJ27" s="25">
        <v>6470</v>
      </c>
      <c r="CK27" s="28">
        <v>9465</v>
      </c>
      <c r="CL27" s="29">
        <v>9465</v>
      </c>
      <c r="CM27" s="24">
        <v>0</v>
      </c>
      <c r="CN27" s="25">
        <v>0</v>
      </c>
      <c r="CO27" s="26">
        <v>0</v>
      </c>
      <c r="CP27" s="27">
        <v>0</v>
      </c>
      <c r="CQ27" s="25">
        <v>0</v>
      </c>
      <c r="CR27" s="25">
        <v>0</v>
      </c>
      <c r="CS27" s="25">
        <v>0</v>
      </c>
      <c r="CT27" s="25">
        <v>0</v>
      </c>
      <c r="CU27" s="25">
        <v>0</v>
      </c>
      <c r="CV27" s="28">
        <v>0</v>
      </c>
      <c r="CW27" s="29">
        <v>0</v>
      </c>
      <c r="CX27" s="24">
        <v>0</v>
      </c>
      <c r="CY27" s="25">
        <v>0</v>
      </c>
      <c r="CZ27" s="26">
        <v>0</v>
      </c>
      <c r="DA27" s="404">
        <v>0</v>
      </c>
      <c r="DB27" s="25">
        <v>0</v>
      </c>
      <c r="DC27" s="25">
        <v>0</v>
      </c>
      <c r="DD27" s="25">
        <v>0</v>
      </c>
      <c r="DE27" s="25">
        <v>0</v>
      </c>
      <c r="DF27" s="25">
        <v>0</v>
      </c>
      <c r="DG27" s="28">
        <v>0</v>
      </c>
      <c r="DH27" s="29">
        <v>0</v>
      </c>
      <c r="DI27" s="24">
        <v>0</v>
      </c>
      <c r="DJ27" s="25">
        <v>0</v>
      </c>
      <c r="DK27" s="26">
        <v>0</v>
      </c>
      <c r="DL27" s="27">
        <v>0</v>
      </c>
      <c r="DM27" s="25">
        <v>35521</v>
      </c>
      <c r="DN27" s="25">
        <v>35585</v>
      </c>
      <c r="DO27" s="25">
        <v>303826</v>
      </c>
      <c r="DP27" s="25">
        <v>923893</v>
      </c>
      <c r="DQ27" s="25">
        <v>445759</v>
      </c>
      <c r="DR27" s="28">
        <v>1744584</v>
      </c>
      <c r="DS27" s="30">
        <v>1744584</v>
      </c>
      <c r="DT27" s="24">
        <v>0</v>
      </c>
      <c r="DU27" s="25">
        <v>0</v>
      </c>
      <c r="DV27" s="26">
        <v>0</v>
      </c>
      <c r="DW27" s="404">
        <v>0</v>
      </c>
      <c r="DX27" s="25">
        <v>0</v>
      </c>
      <c r="DY27" s="25">
        <v>21576</v>
      </c>
      <c r="DZ27" s="25">
        <v>173014</v>
      </c>
      <c r="EA27" s="25">
        <v>911001</v>
      </c>
      <c r="EB27" s="25">
        <v>372854</v>
      </c>
      <c r="EC27" s="28">
        <v>1478445</v>
      </c>
      <c r="ED27" s="29">
        <v>1478445</v>
      </c>
      <c r="EE27" s="24">
        <v>0</v>
      </c>
      <c r="EF27" s="25">
        <v>0</v>
      </c>
      <c r="EG27" s="26">
        <v>0</v>
      </c>
      <c r="EH27" s="404">
        <v>0</v>
      </c>
      <c r="EI27" s="25">
        <v>588</v>
      </c>
      <c r="EJ27" s="25">
        <v>13988</v>
      </c>
      <c r="EK27" s="25">
        <v>76043</v>
      </c>
      <c r="EL27" s="25">
        <v>868</v>
      </c>
      <c r="EM27" s="25">
        <v>38409</v>
      </c>
      <c r="EN27" s="28">
        <v>129896</v>
      </c>
      <c r="EO27" s="29">
        <v>129896</v>
      </c>
      <c r="EP27" s="24">
        <v>0</v>
      </c>
      <c r="EQ27" s="25">
        <v>0</v>
      </c>
      <c r="ER27" s="26">
        <v>0</v>
      </c>
      <c r="ES27" s="404">
        <v>0</v>
      </c>
      <c r="ET27" s="25">
        <v>0</v>
      </c>
      <c r="EU27" s="25">
        <v>0</v>
      </c>
      <c r="EV27" s="25">
        <v>0</v>
      </c>
      <c r="EW27" s="25">
        <v>0</v>
      </c>
      <c r="EX27" s="25">
        <v>0</v>
      </c>
      <c r="EY27" s="28">
        <v>0</v>
      </c>
      <c r="EZ27" s="29">
        <v>0</v>
      </c>
      <c r="FA27" s="24">
        <v>0</v>
      </c>
      <c r="FB27" s="25">
        <v>0</v>
      </c>
      <c r="FC27" s="26">
        <v>0</v>
      </c>
      <c r="FD27" s="404">
        <v>0</v>
      </c>
      <c r="FE27" s="25">
        <v>0</v>
      </c>
      <c r="FF27" s="25">
        <v>0</v>
      </c>
      <c r="FG27" s="25">
        <v>0</v>
      </c>
      <c r="FH27" s="25">
        <v>0</v>
      </c>
      <c r="FI27" s="25">
        <v>217</v>
      </c>
      <c r="FJ27" s="28">
        <v>217</v>
      </c>
      <c r="FK27" s="29">
        <v>217</v>
      </c>
      <c r="FL27" s="24">
        <v>0</v>
      </c>
      <c r="FM27" s="25">
        <v>0</v>
      </c>
      <c r="FN27" s="26">
        <v>0</v>
      </c>
      <c r="FO27" s="404">
        <v>0</v>
      </c>
      <c r="FP27" s="25">
        <v>0</v>
      </c>
      <c r="FQ27" s="25">
        <v>0</v>
      </c>
      <c r="FR27" s="25">
        <v>0</v>
      </c>
      <c r="FS27" s="25">
        <v>0</v>
      </c>
      <c r="FT27" s="25">
        <v>0</v>
      </c>
      <c r="FU27" s="28">
        <v>0</v>
      </c>
      <c r="FV27" s="29">
        <v>0</v>
      </c>
      <c r="FW27" s="24">
        <v>0</v>
      </c>
      <c r="FX27" s="25">
        <v>0</v>
      </c>
      <c r="FY27" s="26">
        <v>0</v>
      </c>
      <c r="FZ27" s="27">
        <v>0</v>
      </c>
      <c r="GA27" s="25">
        <v>34905</v>
      </c>
      <c r="GB27" s="25">
        <v>0</v>
      </c>
      <c r="GC27" s="25">
        <v>51261</v>
      </c>
      <c r="GD27" s="25">
        <v>12024</v>
      </c>
      <c r="GE27" s="25">
        <v>26026</v>
      </c>
      <c r="GF27" s="28">
        <v>124216</v>
      </c>
      <c r="GG27" s="29">
        <v>124216</v>
      </c>
      <c r="GH27" s="24">
        <v>0</v>
      </c>
      <c r="GI27" s="25">
        <v>0</v>
      </c>
      <c r="GJ27" s="26">
        <v>0</v>
      </c>
      <c r="GK27" s="27">
        <v>0</v>
      </c>
      <c r="GL27" s="25">
        <v>28</v>
      </c>
      <c r="GM27" s="25">
        <v>21</v>
      </c>
      <c r="GN27" s="25">
        <v>3508</v>
      </c>
      <c r="GO27" s="25">
        <v>0</v>
      </c>
      <c r="GP27" s="25">
        <v>8253</v>
      </c>
      <c r="GQ27" s="28">
        <v>11810</v>
      </c>
      <c r="GR27" s="29">
        <v>11810</v>
      </c>
      <c r="GS27" s="24">
        <v>0</v>
      </c>
      <c r="GT27" s="25">
        <v>0</v>
      </c>
      <c r="GU27" s="26">
        <v>0</v>
      </c>
      <c r="GV27" s="27">
        <v>0</v>
      </c>
      <c r="GW27" s="25">
        <v>0</v>
      </c>
      <c r="GX27" s="25">
        <v>0</v>
      </c>
      <c r="GY27" s="25">
        <v>0</v>
      </c>
      <c r="GZ27" s="25">
        <v>0</v>
      </c>
      <c r="HA27" s="25">
        <v>0</v>
      </c>
      <c r="HB27" s="28">
        <v>0</v>
      </c>
      <c r="HC27" s="29">
        <v>0</v>
      </c>
      <c r="HD27" s="24">
        <v>0</v>
      </c>
      <c r="HE27" s="25">
        <v>0</v>
      </c>
      <c r="HF27" s="26">
        <v>0</v>
      </c>
      <c r="HG27" s="404">
        <v>0</v>
      </c>
      <c r="HH27" s="25">
        <v>0</v>
      </c>
      <c r="HI27" s="25">
        <v>0</v>
      </c>
      <c r="HJ27" s="25">
        <v>0</v>
      </c>
      <c r="HK27" s="25">
        <v>0</v>
      </c>
      <c r="HL27" s="25">
        <v>0</v>
      </c>
      <c r="HM27" s="28">
        <v>0</v>
      </c>
      <c r="HN27" s="29">
        <v>0</v>
      </c>
      <c r="HO27" s="24">
        <v>0</v>
      </c>
      <c r="HP27" s="25">
        <v>0</v>
      </c>
      <c r="HQ27" s="26">
        <v>0</v>
      </c>
      <c r="HR27" s="27">
        <v>0</v>
      </c>
      <c r="HS27" s="25">
        <v>112111</v>
      </c>
      <c r="HT27" s="25">
        <v>79355</v>
      </c>
      <c r="HU27" s="25">
        <v>508581</v>
      </c>
      <c r="HV27" s="25">
        <v>1674293</v>
      </c>
      <c r="HW27" s="25">
        <v>801199</v>
      </c>
      <c r="HX27" s="28">
        <v>3175539</v>
      </c>
      <c r="HY27" s="29">
        <v>3175539</v>
      </c>
    </row>
    <row r="28" spans="2:233" ht="21" customHeight="1" x14ac:dyDescent="0.2">
      <c r="B28" s="106" t="s">
        <v>25</v>
      </c>
      <c r="C28" s="24">
        <v>0</v>
      </c>
      <c r="D28" s="25">
        <v>0</v>
      </c>
      <c r="E28" s="26">
        <v>0</v>
      </c>
      <c r="F28" s="27">
        <v>0</v>
      </c>
      <c r="G28" s="25">
        <v>70700</v>
      </c>
      <c r="H28" s="25">
        <v>238666</v>
      </c>
      <c r="I28" s="25">
        <v>712115</v>
      </c>
      <c r="J28" s="25">
        <v>654524</v>
      </c>
      <c r="K28" s="25">
        <v>419965</v>
      </c>
      <c r="L28" s="28">
        <v>2095970</v>
      </c>
      <c r="M28" s="29">
        <v>2095970</v>
      </c>
      <c r="N28" s="24">
        <v>0</v>
      </c>
      <c r="O28" s="25">
        <v>0</v>
      </c>
      <c r="P28" s="26">
        <v>0</v>
      </c>
      <c r="Q28" s="404">
        <v>0</v>
      </c>
      <c r="R28" s="25">
        <v>0</v>
      </c>
      <c r="S28" s="25">
        <v>19157</v>
      </c>
      <c r="T28" s="25">
        <v>455675</v>
      </c>
      <c r="U28" s="25">
        <v>404775</v>
      </c>
      <c r="V28" s="25">
        <v>334530</v>
      </c>
      <c r="W28" s="28">
        <v>1214137</v>
      </c>
      <c r="X28" s="29">
        <v>1214137</v>
      </c>
      <c r="Y28" s="24">
        <v>0</v>
      </c>
      <c r="Z28" s="25">
        <v>0</v>
      </c>
      <c r="AA28" s="26">
        <v>0</v>
      </c>
      <c r="AB28" s="404">
        <v>0</v>
      </c>
      <c r="AC28" s="25">
        <v>33555</v>
      </c>
      <c r="AD28" s="25">
        <v>203760</v>
      </c>
      <c r="AE28" s="25">
        <v>157125</v>
      </c>
      <c r="AF28" s="25">
        <v>235305</v>
      </c>
      <c r="AG28" s="25">
        <v>29915</v>
      </c>
      <c r="AH28" s="28">
        <v>659660</v>
      </c>
      <c r="AI28" s="29">
        <v>659660</v>
      </c>
      <c r="AJ28" s="24">
        <v>0</v>
      </c>
      <c r="AK28" s="25">
        <v>0</v>
      </c>
      <c r="AL28" s="26">
        <v>0</v>
      </c>
      <c r="AM28" s="404">
        <v>0</v>
      </c>
      <c r="AN28" s="25">
        <v>0</v>
      </c>
      <c r="AO28" s="25">
        <v>0</v>
      </c>
      <c r="AP28" s="25">
        <v>0</v>
      </c>
      <c r="AQ28" s="25">
        <v>0</v>
      </c>
      <c r="AR28" s="25">
        <v>0</v>
      </c>
      <c r="AS28" s="28">
        <v>0</v>
      </c>
      <c r="AT28" s="29">
        <v>0</v>
      </c>
      <c r="AU28" s="24">
        <v>0</v>
      </c>
      <c r="AV28" s="25">
        <v>0</v>
      </c>
      <c r="AW28" s="26">
        <v>0</v>
      </c>
      <c r="AX28" s="404">
        <v>0</v>
      </c>
      <c r="AY28" s="25">
        <v>0</v>
      </c>
      <c r="AZ28" s="25">
        <v>0</v>
      </c>
      <c r="BA28" s="25">
        <v>0</v>
      </c>
      <c r="BB28" s="25">
        <v>0</v>
      </c>
      <c r="BC28" s="25">
        <v>32705</v>
      </c>
      <c r="BD28" s="28">
        <v>32705</v>
      </c>
      <c r="BE28" s="29">
        <v>32705</v>
      </c>
      <c r="BF28" s="24">
        <v>0</v>
      </c>
      <c r="BG28" s="25">
        <v>0</v>
      </c>
      <c r="BH28" s="26">
        <v>0</v>
      </c>
      <c r="BI28" s="404">
        <v>0</v>
      </c>
      <c r="BJ28" s="25">
        <v>0</v>
      </c>
      <c r="BK28" s="25">
        <v>0</v>
      </c>
      <c r="BL28" s="25">
        <v>0</v>
      </c>
      <c r="BM28" s="25">
        <v>0</v>
      </c>
      <c r="BN28" s="25">
        <v>0</v>
      </c>
      <c r="BO28" s="28">
        <v>0</v>
      </c>
      <c r="BP28" s="29">
        <v>0</v>
      </c>
      <c r="BQ28" s="24">
        <v>0</v>
      </c>
      <c r="BR28" s="25">
        <v>0</v>
      </c>
      <c r="BS28" s="26">
        <v>0</v>
      </c>
      <c r="BT28" s="27">
        <v>0</v>
      </c>
      <c r="BU28" s="25">
        <v>37145</v>
      </c>
      <c r="BV28" s="25">
        <v>15749</v>
      </c>
      <c r="BW28" s="25">
        <v>96420</v>
      </c>
      <c r="BX28" s="25">
        <v>11544</v>
      </c>
      <c r="BY28" s="25">
        <v>22815</v>
      </c>
      <c r="BZ28" s="28">
        <v>183673</v>
      </c>
      <c r="CA28" s="29">
        <v>183673</v>
      </c>
      <c r="CB28" s="24">
        <v>0</v>
      </c>
      <c r="CC28" s="25">
        <v>0</v>
      </c>
      <c r="CD28" s="26">
        <v>0</v>
      </c>
      <c r="CE28" s="27">
        <v>0</v>
      </c>
      <c r="CF28" s="25">
        <v>0</v>
      </c>
      <c r="CG28" s="25">
        <v>0</v>
      </c>
      <c r="CH28" s="25">
        <v>2895</v>
      </c>
      <c r="CI28" s="25">
        <v>2900</v>
      </c>
      <c r="CJ28" s="25">
        <v>0</v>
      </c>
      <c r="CK28" s="28">
        <v>5795</v>
      </c>
      <c r="CL28" s="29">
        <v>5795</v>
      </c>
      <c r="CM28" s="24">
        <v>0</v>
      </c>
      <c r="CN28" s="25">
        <v>0</v>
      </c>
      <c r="CO28" s="26">
        <v>0</v>
      </c>
      <c r="CP28" s="27">
        <v>0</v>
      </c>
      <c r="CQ28" s="25">
        <v>0</v>
      </c>
      <c r="CR28" s="25">
        <v>0</v>
      </c>
      <c r="CS28" s="25">
        <v>0</v>
      </c>
      <c r="CT28" s="25">
        <v>0</v>
      </c>
      <c r="CU28" s="25">
        <v>0</v>
      </c>
      <c r="CV28" s="28">
        <v>0</v>
      </c>
      <c r="CW28" s="29">
        <v>0</v>
      </c>
      <c r="CX28" s="24">
        <v>0</v>
      </c>
      <c r="CY28" s="25">
        <v>0</v>
      </c>
      <c r="CZ28" s="26">
        <v>0</v>
      </c>
      <c r="DA28" s="404">
        <v>0</v>
      </c>
      <c r="DB28" s="25">
        <v>0</v>
      </c>
      <c r="DC28" s="25">
        <v>0</v>
      </c>
      <c r="DD28" s="25">
        <v>0</v>
      </c>
      <c r="DE28" s="25">
        <v>0</v>
      </c>
      <c r="DF28" s="25">
        <v>0</v>
      </c>
      <c r="DG28" s="28">
        <v>0</v>
      </c>
      <c r="DH28" s="29">
        <v>0</v>
      </c>
      <c r="DI28" s="24">
        <v>0</v>
      </c>
      <c r="DJ28" s="25">
        <v>0</v>
      </c>
      <c r="DK28" s="26">
        <v>0</v>
      </c>
      <c r="DL28" s="27">
        <v>0</v>
      </c>
      <c r="DM28" s="25">
        <v>27543</v>
      </c>
      <c r="DN28" s="25">
        <v>93599</v>
      </c>
      <c r="DO28" s="25">
        <v>804691</v>
      </c>
      <c r="DP28" s="25">
        <v>876345</v>
      </c>
      <c r="DQ28" s="25">
        <v>391394</v>
      </c>
      <c r="DR28" s="28">
        <v>2193572</v>
      </c>
      <c r="DS28" s="30">
        <v>2193572</v>
      </c>
      <c r="DT28" s="24">
        <v>0</v>
      </c>
      <c r="DU28" s="25">
        <v>0</v>
      </c>
      <c r="DV28" s="26">
        <v>0</v>
      </c>
      <c r="DW28" s="404">
        <v>0</v>
      </c>
      <c r="DX28" s="25">
        <v>0</v>
      </c>
      <c r="DY28" s="25">
        <v>29651</v>
      </c>
      <c r="DZ28" s="25">
        <v>647180</v>
      </c>
      <c r="EA28" s="25">
        <v>807671</v>
      </c>
      <c r="EB28" s="25">
        <v>370249</v>
      </c>
      <c r="EC28" s="28">
        <v>1854751</v>
      </c>
      <c r="ED28" s="29">
        <v>1854751</v>
      </c>
      <c r="EE28" s="24">
        <v>0</v>
      </c>
      <c r="EF28" s="25">
        <v>0</v>
      </c>
      <c r="EG28" s="26">
        <v>0</v>
      </c>
      <c r="EH28" s="404">
        <v>0</v>
      </c>
      <c r="EI28" s="25">
        <v>287</v>
      </c>
      <c r="EJ28" s="25">
        <v>16186</v>
      </c>
      <c r="EK28" s="25">
        <v>57668</v>
      </c>
      <c r="EL28" s="25">
        <v>30685</v>
      </c>
      <c r="EM28" s="25">
        <v>651</v>
      </c>
      <c r="EN28" s="28">
        <v>105477</v>
      </c>
      <c r="EO28" s="29">
        <v>105477</v>
      </c>
      <c r="EP28" s="24">
        <v>0</v>
      </c>
      <c r="EQ28" s="25">
        <v>0</v>
      </c>
      <c r="ER28" s="26">
        <v>0</v>
      </c>
      <c r="ES28" s="404">
        <v>0</v>
      </c>
      <c r="ET28" s="25">
        <v>0</v>
      </c>
      <c r="EU28" s="25">
        <v>0</v>
      </c>
      <c r="EV28" s="25">
        <v>0</v>
      </c>
      <c r="EW28" s="25">
        <v>0</v>
      </c>
      <c r="EX28" s="25">
        <v>0</v>
      </c>
      <c r="EY28" s="28">
        <v>0</v>
      </c>
      <c r="EZ28" s="29">
        <v>0</v>
      </c>
      <c r="FA28" s="24">
        <v>0</v>
      </c>
      <c r="FB28" s="25">
        <v>0</v>
      </c>
      <c r="FC28" s="26">
        <v>0</v>
      </c>
      <c r="FD28" s="404">
        <v>0</v>
      </c>
      <c r="FE28" s="25">
        <v>0</v>
      </c>
      <c r="FF28" s="25">
        <v>0</v>
      </c>
      <c r="FG28" s="25">
        <v>0</v>
      </c>
      <c r="FH28" s="25">
        <v>0</v>
      </c>
      <c r="FI28" s="25">
        <v>217</v>
      </c>
      <c r="FJ28" s="28">
        <v>217</v>
      </c>
      <c r="FK28" s="29">
        <v>217</v>
      </c>
      <c r="FL28" s="24">
        <v>0</v>
      </c>
      <c r="FM28" s="25">
        <v>0</v>
      </c>
      <c r="FN28" s="26">
        <v>0</v>
      </c>
      <c r="FO28" s="404">
        <v>0</v>
      </c>
      <c r="FP28" s="25">
        <v>0</v>
      </c>
      <c r="FQ28" s="25">
        <v>0</v>
      </c>
      <c r="FR28" s="25">
        <v>0</v>
      </c>
      <c r="FS28" s="25">
        <v>0</v>
      </c>
      <c r="FT28" s="25">
        <v>0</v>
      </c>
      <c r="FU28" s="28">
        <v>0</v>
      </c>
      <c r="FV28" s="29">
        <v>0</v>
      </c>
      <c r="FW28" s="24">
        <v>0</v>
      </c>
      <c r="FX28" s="25">
        <v>0</v>
      </c>
      <c r="FY28" s="26">
        <v>0</v>
      </c>
      <c r="FZ28" s="27">
        <v>0</v>
      </c>
      <c r="GA28" s="25">
        <v>27256</v>
      </c>
      <c r="GB28" s="25">
        <v>47762</v>
      </c>
      <c r="GC28" s="25">
        <v>97638</v>
      </c>
      <c r="GD28" s="25">
        <v>37814</v>
      </c>
      <c r="GE28" s="25">
        <v>20277</v>
      </c>
      <c r="GF28" s="28">
        <v>230747</v>
      </c>
      <c r="GG28" s="29">
        <v>230747</v>
      </c>
      <c r="GH28" s="24">
        <v>0</v>
      </c>
      <c r="GI28" s="25">
        <v>0</v>
      </c>
      <c r="GJ28" s="26">
        <v>0</v>
      </c>
      <c r="GK28" s="27">
        <v>0</v>
      </c>
      <c r="GL28" s="25">
        <v>0</v>
      </c>
      <c r="GM28" s="25">
        <v>0</v>
      </c>
      <c r="GN28" s="25">
        <v>2205</v>
      </c>
      <c r="GO28" s="25">
        <v>175</v>
      </c>
      <c r="GP28" s="25">
        <v>0</v>
      </c>
      <c r="GQ28" s="28">
        <v>2380</v>
      </c>
      <c r="GR28" s="29">
        <v>2380</v>
      </c>
      <c r="GS28" s="24">
        <v>0</v>
      </c>
      <c r="GT28" s="25">
        <v>0</v>
      </c>
      <c r="GU28" s="26">
        <v>0</v>
      </c>
      <c r="GV28" s="27">
        <v>0</v>
      </c>
      <c r="GW28" s="25">
        <v>0</v>
      </c>
      <c r="GX28" s="25">
        <v>0</v>
      </c>
      <c r="GY28" s="25">
        <v>0</v>
      </c>
      <c r="GZ28" s="25">
        <v>0</v>
      </c>
      <c r="HA28" s="25">
        <v>0</v>
      </c>
      <c r="HB28" s="28">
        <v>0</v>
      </c>
      <c r="HC28" s="29">
        <v>0</v>
      </c>
      <c r="HD28" s="24">
        <v>0</v>
      </c>
      <c r="HE28" s="25">
        <v>0</v>
      </c>
      <c r="HF28" s="26">
        <v>0</v>
      </c>
      <c r="HG28" s="404">
        <v>0</v>
      </c>
      <c r="HH28" s="25">
        <v>0</v>
      </c>
      <c r="HI28" s="25">
        <v>0</v>
      </c>
      <c r="HJ28" s="25">
        <v>0</v>
      </c>
      <c r="HK28" s="25">
        <v>0</v>
      </c>
      <c r="HL28" s="25">
        <v>0</v>
      </c>
      <c r="HM28" s="28">
        <v>0</v>
      </c>
      <c r="HN28" s="29">
        <v>0</v>
      </c>
      <c r="HO28" s="24">
        <v>0</v>
      </c>
      <c r="HP28" s="25">
        <v>0</v>
      </c>
      <c r="HQ28" s="26">
        <v>0</v>
      </c>
      <c r="HR28" s="27">
        <v>0</v>
      </c>
      <c r="HS28" s="25">
        <v>98243</v>
      </c>
      <c r="HT28" s="25">
        <v>332265</v>
      </c>
      <c r="HU28" s="25">
        <v>1516806</v>
      </c>
      <c r="HV28" s="25">
        <v>1530869</v>
      </c>
      <c r="HW28" s="25">
        <v>811359</v>
      </c>
      <c r="HX28" s="28">
        <v>4289542</v>
      </c>
      <c r="HY28" s="29">
        <v>4289542</v>
      </c>
    </row>
    <row r="29" spans="2:233" ht="21" customHeight="1" x14ac:dyDescent="0.2">
      <c r="B29" s="106" t="s">
        <v>26</v>
      </c>
      <c r="C29" s="24">
        <v>505</v>
      </c>
      <c r="D29" s="25">
        <v>0</v>
      </c>
      <c r="E29" s="26">
        <v>505</v>
      </c>
      <c r="F29" s="27">
        <v>0</v>
      </c>
      <c r="G29" s="25">
        <v>35920</v>
      </c>
      <c r="H29" s="25">
        <v>116324</v>
      </c>
      <c r="I29" s="25">
        <v>374030</v>
      </c>
      <c r="J29" s="25">
        <v>587070</v>
      </c>
      <c r="K29" s="25">
        <v>598355</v>
      </c>
      <c r="L29" s="28">
        <v>1711699</v>
      </c>
      <c r="M29" s="29">
        <v>1712204</v>
      </c>
      <c r="N29" s="24">
        <v>0</v>
      </c>
      <c r="O29" s="25">
        <v>0</v>
      </c>
      <c r="P29" s="26">
        <v>0</v>
      </c>
      <c r="Q29" s="404">
        <v>0</v>
      </c>
      <c r="R29" s="25">
        <v>2635</v>
      </c>
      <c r="S29" s="25">
        <v>32705</v>
      </c>
      <c r="T29" s="25">
        <v>170330</v>
      </c>
      <c r="U29" s="25">
        <v>303860</v>
      </c>
      <c r="V29" s="25">
        <v>518630</v>
      </c>
      <c r="W29" s="28">
        <v>1028160</v>
      </c>
      <c r="X29" s="29">
        <v>1028160</v>
      </c>
      <c r="Y29" s="24">
        <v>0</v>
      </c>
      <c r="Z29" s="25">
        <v>0</v>
      </c>
      <c r="AA29" s="26">
        <v>0</v>
      </c>
      <c r="AB29" s="404">
        <v>0</v>
      </c>
      <c r="AC29" s="25">
        <v>32705</v>
      </c>
      <c r="AD29" s="25">
        <v>71445</v>
      </c>
      <c r="AE29" s="25">
        <v>148125</v>
      </c>
      <c r="AF29" s="25">
        <v>270700</v>
      </c>
      <c r="AG29" s="25">
        <v>46290</v>
      </c>
      <c r="AH29" s="28">
        <v>569265</v>
      </c>
      <c r="AI29" s="29">
        <v>569265</v>
      </c>
      <c r="AJ29" s="24">
        <v>0</v>
      </c>
      <c r="AK29" s="25">
        <v>0</v>
      </c>
      <c r="AL29" s="26">
        <v>0</v>
      </c>
      <c r="AM29" s="404">
        <v>0</v>
      </c>
      <c r="AN29" s="25">
        <v>0</v>
      </c>
      <c r="AO29" s="25">
        <v>0</v>
      </c>
      <c r="AP29" s="25">
        <v>0</v>
      </c>
      <c r="AQ29" s="25">
        <v>0</v>
      </c>
      <c r="AR29" s="25">
        <v>0</v>
      </c>
      <c r="AS29" s="28">
        <v>0</v>
      </c>
      <c r="AT29" s="29">
        <v>0</v>
      </c>
      <c r="AU29" s="24">
        <v>0</v>
      </c>
      <c r="AV29" s="25">
        <v>0</v>
      </c>
      <c r="AW29" s="26">
        <v>0</v>
      </c>
      <c r="AX29" s="404">
        <v>0</v>
      </c>
      <c r="AY29" s="25">
        <v>0</v>
      </c>
      <c r="AZ29" s="25">
        <v>2635</v>
      </c>
      <c r="BA29" s="25">
        <v>0</v>
      </c>
      <c r="BB29" s="25">
        <v>0</v>
      </c>
      <c r="BC29" s="25">
        <v>3910</v>
      </c>
      <c r="BD29" s="28">
        <v>6545</v>
      </c>
      <c r="BE29" s="29">
        <v>6545</v>
      </c>
      <c r="BF29" s="24">
        <v>0</v>
      </c>
      <c r="BG29" s="25">
        <v>0</v>
      </c>
      <c r="BH29" s="26">
        <v>0</v>
      </c>
      <c r="BI29" s="404">
        <v>0</v>
      </c>
      <c r="BJ29" s="25">
        <v>0</v>
      </c>
      <c r="BK29" s="25">
        <v>0</v>
      </c>
      <c r="BL29" s="25">
        <v>0</v>
      </c>
      <c r="BM29" s="25">
        <v>0</v>
      </c>
      <c r="BN29" s="25">
        <v>0</v>
      </c>
      <c r="BO29" s="28">
        <v>0</v>
      </c>
      <c r="BP29" s="29">
        <v>0</v>
      </c>
      <c r="BQ29" s="24">
        <v>505</v>
      </c>
      <c r="BR29" s="25">
        <v>0</v>
      </c>
      <c r="BS29" s="26">
        <v>505</v>
      </c>
      <c r="BT29" s="27">
        <v>0</v>
      </c>
      <c r="BU29" s="25">
        <v>580</v>
      </c>
      <c r="BV29" s="25">
        <v>9104</v>
      </c>
      <c r="BW29" s="25">
        <v>54145</v>
      </c>
      <c r="BX29" s="25">
        <v>10915</v>
      </c>
      <c r="BY29" s="25">
        <v>29525</v>
      </c>
      <c r="BZ29" s="28">
        <v>104269</v>
      </c>
      <c r="CA29" s="29">
        <v>104774</v>
      </c>
      <c r="CB29" s="24">
        <v>0</v>
      </c>
      <c r="CC29" s="25">
        <v>0</v>
      </c>
      <c r="CD29" s="26">
        <v>0</v>
      </c>
      <c r="CE29" s="27">
        <v>0</v>
      </c>
      <c r="CF29" s="25">
        <v>0</v>
      </c>
      <c r="CG29" s="25">
        <v>435</v>
      </c>
      <c r="CH29" s="25">
        <v>1430</v>
      </c>
      <c r="CI29" s="25">
        <v>1595</v>
      </c>
      <c r="CJ29" s="25">
        <v>0</v>
      </c>
      <c r="CK29" s="28">
        <v>3460</v>
      </c>
      <c r="CL29" s="29">
        <v>3460</v>
      </c>
      <c r="CM29" s="24">
        <v>0</v>
      </c>
      <c r="CN29" s="25">
        <v>0</v>
      </c>
      <c r="CO29" s="26">
        <v>0</v>
      </c>
      <c r="CP29" s="27">
        <v>0</v>
      </c>
      <c r="CQ29" s="25">
        <v>0</v>
      </c>
      <c r="CR29" s="25">
        <v>0</v>
      </c>
      <c r="CS29" s="25">
        <v>0</v>
      </c>
      <c r="CT29" s="25">
        <v>0</v>
      </c>
      <c r="CU29" s="25">
        <v>0</v>
      </c>
      <c r="CV29" s="28">
        <v>0</v>
      </c>
      <c r="CW29" s="29">
        <v>0</v>
      </c>
      <c r="CX29" s="24">
        <v>0</v>
      </c>
      <c r="CY29" s="25">
        <v>0</v>
      </c>
      <c r="CZ29" s="26">
        <v>0</v>
      </c>
      <c r="DA29" s="404">
        <v>0</v>
      </c>
      <c r="DB29" s="25">
        <v>0</v>
      </c>
      <c r="DC29" s="25">
        <v>0</v>
      </c>
      <c r="DD29" s="25">
        <v>0</v>
      </c>
      <c r="DE29" s="25">
        <v>0</v>
      </c>
      <c r="DF29" s="25">
        <v>0</v>
      </c>
      <c r="DG29" s="28">
        <v>0</v>
      </c>
      <c r="DH29" s="29">
        <v>0</v>
      </c>
      <c r="DI29" s="24">
        <v>2088</v>
      </c>
      <c r="DJ29" s="25">
        <v>0</v>
      </c>
      <c r="DK29" s="26">
        <v>2088</v>
      </c>
      <c r="DL29" s="27">
        <v>0</v>
      </c>
      <c r="DM29" s="25">
        <v>30145</v>
      </c>
      <c r="DN29" s="25">
        <v>76653</v>
      </c>
      <c r="DO29" s="25">
        <v>390167</v>
      </c>
      <c r="DP29" s="25">
        <v>618438</v>
      </c>
      <c r="DQ29" s="25">
        <v>562108</v>
      </c>
      <c r="DR29" s="28">
        <v>1677511</v>
      </c>
      <c r="DS29" s="30">
        <v>1679599</v>
      </c>
      <c r="DT29" s="24">
        <v>0</v>
      </c>
      <c r="DU29" s="25">
        <v>0</v>
      </c>
      <c r="DV29" s="26">
        <v>0</v>
      </c>
      <c r="DW29" s="404">
        <v>0</v>
      </c>
      <c r="DX29" s="25">
        <v>21576</v>
      </c>
      <c r="DY29" s="25">
        <v>36766</v>
      </c>
      <c r="DZ29" s="25">
        <v>307616</v>
      </c>
      <c r="EA29" s="25">
        <v>520747</v>
      </c>
      <c r="EB29" s="25">
        <v>503014</v>
      </c>
      <c r="EC29" s="28">
        <v>1389719</v>
      </c>
      <c r="ED29" s="29">
        <v>1389719</v>
      </c>
      <c r="EE29" s="24">
        <v>0</v>
      </c>
      <c r="EF29" s="25">
        <v>0</v>
      </c>
      <c r="EG29" s="26">
        <v>0</v>
      </c>
      <c r="EH29" s="404">
        <v>0</v>
      </c>
      <c r="EI29" s="25">
        <v>217</v>
      </c>
      <c r="EJ29" s="25">
        <v>931</v>
      </c>
      <c r="EK29" s="25">
        <v>15101</v>
      </c>
      <c r="EL29" s="25">
        <v>74004</v>
      </c>
      <c r="EM29" s="25">
        <v>770</v>
      </c>
      <c r="EN29" s="28">
        <v>91023</v>
      </c>
      <c r="EO29" s="29">
        <v>91023</v>
      </c>
      <c r="EP29" s="24">
        <v>0</v>
      </c>
      <c r="EQ29" s="25">
        <v>0</v>
      </c>
      <c r="ER29" s="26">
        <v>0</v>
      </c>
      <c r="ES29" s="404">
        <v>0</v>
      </c>
      <c r="ET29" s="25">
        <v>0</v>
      </c>
      <c r="EU29" s="25">
        <v>0</v>
      </c>
      <c r="EV29" s="25">
        <v>0</v>
      </c>
      <c r="EW29" s="25">
        <v>0</v>
      </c>
      <c r="EX29" s="25">
        <v>0</v>
      </c>
      <c r="EY29" s="28">
        <v>0</v>
      </c>
      <c r="EZ29" s="29">
        <v>0</v>
      </c>
      <c r="FA29" s="24">
        <v>0</v>
      </c>
      <c r="FB29" s="25">
        <v>0</v>
      </c>
      <c r="FC29" s="26">
        <v>0</v>
      </c>
      <c r="FD29" s="404">
        <v>0</v>
      </c>
      <c r="FE29" s="25">
        <v>0</v>
      </c>
      <c r="FF29" s="25">
        <v>217</v>
      </c>
      <c r="FG29" s="25">
        <v>0</v>
      </c>
      <c r="FH29" s="25">
        <v>0</v>
      </c>
      <c r="FI29" s="25">
        <v>434</v>
      </c>
      <c r="FJ29" s="28">
        <v>651</v>
      </c>
      <c r="FK29" s="29">
        <v>651</v>
      </c>
      <c r="FL29" s="24">
        <v>0</v>
      </c>
      <c r="FM29" s="25">
        <v>0</v>
      </c>
      <c r="FN29" s="26">
        <v>0</v>
      </c>
      <c r="FO29" s="404">
        <v>0</v>
      </c>
      <c r="FP29" s="25">
        <v>0</v>
      </c>
      <c r="FQ29" s="25">
        <v>0</v>
      </c>
      <c r="FR29" s="25">
        <v>0</v>
      </c>
      <c r="FS29" s="25">
        <v>0</v>
      </c>
      <c r="FT29" s="25">
        <v>0</v>
      </c>
      <c r="FU29" s="28">
        <v>0</v>
      </c>
      <c r="FV29" s="29">
        <v>0</v>
      </c>
      <c r="FW29" s="24">
        <v>2088</v>
      </c>
      <c r="FX29" s="25">
        <v>0</v>
      </c>
      <c r="FY29" s="26">
        <v>2088</v>
      </c>
      <c r="FZ29" s="27">
        <v>0</v>
      </c>
      <c r="GA29" s="25">
        <v>8352</v>
      </c>
      <c r="GB29" s="25">
        <v>37665</v>
      </c>
      <c r="GC29" s="25">
        <v>64159</v>
      </c>
      <c r="GD29" s="25">
        <v>23610</v>
      </c>
      <c r="GE29" s="25">
        <v>57890</v>
      </c>
      <c r="GF29" s="28">
        <v>191676</v>
      </c>
      <c r="GG29" s="29">
        <v>193764</v>
      </c>
      <c r="GH29" s="24">
        <v>0</v>
      </c>
      <c r="GI29" s="25">
        <v>0</v>
      </c>
      <c r="GJ29" s="26">
        <v>0</v>
      </c>
      <c r="GK29" s="27">
        <v>0</v>
      </c>
      <c r="GL29" s="25">
        <v>0</v>
      </c>
      <c r="GM29" s="25">
        <v>1074</v>
      </c>
      <c r="GN29" s="25">
        <v>3291</v>
      </c>
      <c r="GO29" s="25">
        <v>77</v>
      </c>
      <c r="GP29" s="25">
        <v>0</v>
      </c>
      <c r="GQ29" s="28">
        <v>4442</v>
      </c>
      <c r="GR29" s="29">
        <v>4442</v>
      </c>
      <c r="GS29" s="24">
        <v>0</v>
      </c>
      <c r="GT29" s="25">
        <v>0</v>
      </c>
      <c r="GU29" s="26">
        <v>0</v>
      </c>
      <c r="GV29" s="27">
        <v>0</v>
      </c>
      <c r="GW29" s="25">
        <v>0</v>
      </c>
      <c r="GX29" s="25">
        <v>0</v>
      </c>
      <c r="GY29" s="25">
        <v>0</v>
      </c>
      <c r="GZ29" s="25">
        <v>0</v>
      </c>
      <c r="HA29" s="25">
        <v>0</v>
      </c>
      <c r="HB29" s="28">
        <v>0</v>
      </c>
      <c r="HC29" s="29">
        <v>0</v>
      </c>
      <c r="HD29" s="24">
        <v>0</v>
      </c>
      <c r="HE29" s="25">
        <v>0</v>
      </c>
      <c r="HF29" s="26">
        <v>0</v>
      </c>
      <c r="HG29" s="404">
        <v>0</v>
      </c>
      <c r="HH29" s="25">
        <v>0</v>
      </c>
      <c r="HI29" s="25">
        <v>0</v>
      </c>
      <c r="HJ29" s="25">
        <v>0</v>
      </c>
      <c r="HK29" s="25">
        <v>0</v>
      </c>
      <c r="HL29" s="25">
        <v>0</v>
      </c>
      <c r="HM29" s="28">
        <v>0</v>
      </c>
      <c r="HN29" s="29">
        <v>0</v>
      </c>
      <c r="HO29" s="24">
        <v>2593</v>
      </c>
      <c r="HP29" s="25">
        <v>0</v>
      </c>
      <c r="HQ29" s="26">
        <v>2593</v>
      </c>
      <c r="HR29" s="27">
        <v>0</v>
      </c>
      <c r="HS29" s="25">
        <v>66065</v>
      </c>
      <c r="HT29" s="25">
        <v>192977</v>
      </c>
      <c r="HU29" s="25">
        <v>764197</v>
      </c>
      <c r="HV29" s="25">
        <v>1205508</v>
      </c>
      <c r="HW29" s="25">
        <v>1160463</v>
      </c>
      <c r="HX29" s="28">
        <v>3389210</v>
      </c>
      <c r="HY29" s="29">
        <v>3391803</v>
      </c>
    </row>
    <row r="30" spans="2:233" ht="21" customHeight="1" x14ac:dyDescent="0.2">
      <c r="B30" s="106" t="s">
        <v>27</v>
      </c>
      <c r="C30" s="24">
        <v>0</v>
      </c>
      <c r="D30" s="25">
        <v>0</v>
      </c>
      <c r="E30" s="26">
        <v>0</v>
      </c>
      <c r="F30" s="27">
        <v>0</v>
      </c>
      <c r="G30" s="25">
        <v>103215</v>
      </c>
      <c r="H30" s="25">
        <v>91990</v>
      </c>
      <c r="I30" s="25">
        <v>504870</v>
      </c>
      <c r="J30" s="25">
        <v>704949</v>
      </c>
      <c r="K30" s="25">
        <v>366940</v>
      </c>
      <c r="L30" s="28">
        <v>1771964</v>
      </c>
      <c r="M30" s="29">
        <v>1771964</v>
      </c>
      <c r="N30" s="24">
        <v>0</v>
      </c>
      <c r="O30" s="25">
        <v>0</v>
      </c>
      <c r="P30" s="26">
        <v>0</v>
      </c>
      <c r="Q30" s="404">
        <v>0</v>
      </c>
      <c r="R30" s="25">
        <v>65410</v>
      </c>
      <c r="S30" s="25">
        <v>5185</v>
      </c>
      <c r="T30" s="25">
        <v>312320</v>
      </c>
      <c r="U30" s="25">
        <v>469635</v>
      </c>
      <c r="V30" s="25">
        <v>364305</v>
      </c>
      <c r="W30" s="28">
        <v>1216855</v>
      </c>
      <c r="X30" s="29">
        <v>1216855</v>
      </c>
      <c r="Y30" s="24">
        <v>0</v>
      </c>
      <c r="Z30" s="25">
        <v>0</v>
      </c>
      <c r="AA30" s="26">
        <v>0</v>
      </c>
      <c r="AB30" s="404">
        <v>0</v>
      </c>
      <c r="AC30" s="25">
        <v>35340</v>
      </c>
      <c r="AD30" s="25">
        <v>84630</v>
      </c>
      <c r="AE30" s="25">
        <v>83900</v>
      </c>
      <c r="AF30" s="25">
        <v>178590</v>
      </c>
      <c r="AG30" s="25">
        <v>2635</v>
      </c>
      <c r="AH30" s="28">
        <v>385095</v>
      </c>
      <c r="AI30" s="29">
        <v>385095</v>
      </c>
      <c r="AJ30" s="24">
        <v>0</v>
      </c>
      <c r="AK30" s="25">
        <v>0</v>
      </c>
      <c r="AL30" s="26">
        <v>0</v>
      </c>
      <c r="AM30" s="404">
        <v>0</v>
      </c>
      <c r="AN30" s="25">
        <v>0</v>
      </c>
      <c r="AO30" s="25">
        <v>0</v>
      </c>
      <c r="AP30" s="25">
        <v>0</v>
      </c>
      <c r="AQ30" s="25">
        <v>0</v>
      </c>
      <c r="AR30" s="25">
        <v>0</v>
      </c>
      <c r="AS30" s="28">
        <v>0</v>
      </c>
      <c r="AT30" s="29">
        <v>0</v>
      </c>
      <c r="AU30" s="24">
        <v>0</v>
      </c>
      <c r="AV30" s="25">
        <v>0</v>
      </c>
      <c r="AW30" s="26">
        <v>0</v>
      </c>
      <c r="AX30" s="404">
        <v>0</v>
      </c>
      <c r="AY30" s="25">
        <v>0</v>
      </c>
      <c r="AZ30" s="25">
        <v>0</v>
      </c>
      <c r="BA30" s="25">
        <v>0</v>
      </c>
      <c r="BB30" s="25">
        <v>0</v>
      </c>
      <c r="BC30" s="25">
        <v>0</v>
      </c>
      <c r="BD30" s="28">
        <v>0</v>
      </c>
      <c r="BE30" s="29">
        <v>0</v>
      </c>
      <c r="BF30" s="24">
        <v>0</v>
      </c>
      <c r="BG30" s="25">
        <v>0</v>
      </c>
      <c r="BH30" s="26">
        <v>0</v>
      </c>
      <c r="BI30" s="404">
        <v>0</v>
      </c>
      <c r="BJ30" s="25">
        <v>0</v>
      </c>
      <c r="BK30" s="25">
        <v>0</v>
      </c>
      <c r="BL30" s="25">
        <v>59985</v>
      </c>
      <c r="BM30" s="25">
        <v>37975</v>
      </c>
      <c r="BN30" s="25">
        <v>0</v>
      </c>
      <c r="BO30" s="28">
        <v>97960</v>
      </c>
      <c r="BP30" s="29">
        <v>97960</v>
      </c>
      <c r="BQ30" s="24">
        <v>0</v>
      </c>
      <c r="BR30" s="25">
        <v>0</v>
      </c>
      <c r="BS30" s="26">
        <v>0</v>
      </c>
      <c r="BT30" s="27">
        <v>0</v>
      </c>
      <c r="BU30" s="25">
        <v>2465</v>
      </c>
      <c r="BV30" s="25">
        <v>2175</v>
      </c>
      <c r="BW30" s="25">
        <v>39320</v>
      </c>
      <c r="BX30" s="25">
        <v>18749</v>
      </c>
      <c r="BY30" s="25">
        <v>0</v>
      </c>
      <c r="BZ30" s="28">
        <v>62709</v>
      </c>
      <c r="CA30" s="29">
        <v>62709</v>
      </c>
      <c r="CB30" s="24">
        <v>0</v>
      </c>
      <c r="CC30" s="25">
        <v>0</v>
      </c>
      <c r="CD30" s="26">
        <v>0</v>
      </c>
      <c r="CE30" s="27">
        <v>0</v>
      </c>
      <c r="CF30" s="25">
        <v>0</v>
      </c>
      <c r="CG30" s="25">
        <v>0</v>
      </c>
      <c r="CH30" s="25">
        <v>9345</v>
      </c>
      <c r="CI30" s="25">
        <v>0</v>
      </c>
      <c r="CJ30" s="25">
        <v>0</v>
      </c>
      <c r="CK30" s="28">
        <v>9345</v>
      </c>
      <c r="CL30" s="29">
        <v>9345</v>
      </c>
      <c r="CM30" s="24">
        <v>0</v>
      </c>
      <c r="CN30" s="25">
        <v>0</v>
      </c>
      <c r="CO30" s="26">
        <v>0</v>
      </c>
      <c r="CP30" s="27">
        <v>0</v>
      </c>
      <c r="CQ30" s="25">
        <v>0</v>
      </c>
      <c r="CR30" s="25">
        <v>0</v>
      </c>
      <c r="CS30" s="25">
        <v>0</v>
      </c>
      <c r="CT30" s="25">
        <v>0</v>
      </c>
      <c r="CU30" s="25">
        <v>0</v>
      </c>
      <c r="CV30" s="28">
        <v>0</v>
      </c>
      <c r="CW30" s="29">
        <v>0</v>
      </c>
      <c r="CX30" s="24">
        <v>0</v>
      </c>
      <c r="CY30" s="25">
        <v>0</v>
      </c>
      <c r="CZ30" s="26">
        <v>0</v>
      </c>
      <c r="DA30" s="404">
        <v>0</v>
      </c>
      <c r="DB30" s="25">
        <v>0</v>
      </c>
      <c r="DC30" s="25">
        <v>0</v>
      </c>
      <c r="DD30" s="25">
        <v>0</v>
      </c>
      <c r="DE30" s="25">
        <v>0</v>
      </c>
      <c r="DF30" s="25">
        <v>0</v>
      </c>
      <c r="DG30" s="28">
        <v>0</v>
      </c>
      <c r="DH30" s="29">
        <v>0</v>
      </c>
      <c r="DI30" s="24">
        <v>0</v>
      </c>
      <c r="DJ30" s="25">
        <v>0</v>
      </c>
      <c r="DK30" s="26">
        <v>0</v>
      </c>
      <c r="DL30" s="27">
        <v>0</v>
      </c>
      <c r="DM30" s="25">
        <v>58969</v>
      </c>
      <c r="DN30" s="25">
        <v>37423</v>
      </c>
      <c r="DO30" s="25">
        <v>483604</v>
      </c>
      <c r="DP30" s="25">
        <v>606817</v>
      </c>
      <c r="DQ30" s="25">
        <v>349128</v>
      </c>
      <c r="DR30" s="28">
        <v>1535941</v>
      </c>
      <c r="DS30" s="30">
        <v>1535941</v>
      </c>
      <c r="DT30" s="24">
        <v>0</v>
      </c>
      <c r="DU30" s="25">
        <v>0</v>
      </c>
      <c r="DV30" s="26">
        <v>0</v>
      </c>
      <c r="DW30" s="404">
        <v>0</v>
      </c>
      <c r="DX30" s="25">
        <v>49476</v>
      </c>
      <c r="DY30" s="25">
        <v>29585</v>
      </c>
      <c r="DZ30" s="25">
        <v>297895</v>
      </c>
      <c r="EA30" s="25">
        <v>442948</v>
      </c>
      <c r="EB30" s="25">
        <v>340758</v>
      </c>
      <c r="EC30" s="28">
        <v>1160662</v>
      </c>
      <c r="ED30" s="29">
        <v>1160662</v>
      </c>
      <c r="EE30" s="24">
        <v>0</v>
      </c>
      <c r="EF30" s="25">
        <v>0</v>
      </c>
      <c r="EG30" s="26">
        <v>0</v>
      </c>
      <c r="EH30" s="404">
        <v>0</v>
      </c>
      <c r="EI30" s="25">
        <v>434</v>
      </c>
      <c r="EJ30" s="25">
        <v>868</v>
      </c>
      <c r="EK30" s="25">
        <v>66831</v>
      </c>
      <c r="EL30" s="25">
        <v>72150</v>
      </c>
      <c r="EM30" s="25">
        <v>8370</v>
      </c>
      <c r="EN30" s="28">
        <v>148653</v>
      </c>
      <c r="EO30" s="29">
        <v>148653</v>
      </c>
      <c r="EP30" s="24">
        <v>0</v>
      </c>
      <c r="EQ30" s="25">
        <v>0</v>
      </c>
      <c r="ER30" s="26">
        <v>0</v>
      </c>
      <c r="ES30" s="404">
        <v>0</v>
      </c>
      <c r="ET30" s="25">
        <v>0</v>
      </c>
      <c r="EU30" s="25">
        <v>0</v>
      </c>
      <c r="EV30" s="25">
        <v>0</v>
      </c>
      <c r="EW30" s="25">
        <v>0</v>
      </c>
      <c r="EX30" s="25">
        <v>0</v>
      </c>
      <c r="EY30" s="28">
        <v>0</v>
      </c>
      <c r="EZ30" s="29">
        <v>0</v>
      </c>
      <c r="FA30" s="24">
        <v>0</v>
      </c>
      <c r="FB30" s="25">
        <v>0</v>
      </c>
      <c r="FC30" s="26">
        <v>0</v>
      </c>
      <c r="FD30" s="404">
        <v>0</v>
      </c>
      <c r="FE30" s="25">
        <v>0</v>
      </c>
      <c r="FF30" s="25">
        <v>0</v>
      </c>
      <c r="FG30" s="25">
        <v>0</v>
      </c>
      <c r="FH30" s="25">
        <v>0</v>
      </c>
      <c r="FI30" s="25">
        <v>0</v>
      </c>
      <c r="FJ30" s="28">
        <v>0</v>
      </c>
      <c r="FK30" s="29">
        <v>0</v>
      </c>
      <c r="FL30" s="24">
        <v>0</v>
      </c>
      <c r="FM30" s="25">
        <v>0</v>
      </c>
      <c r="FN30" s="26">
        <v>0</v>
      </c>
      <c r="FO30" s="404">
        <v>0</v>
      </c>
      <c r="FP30" s="25">
        <v>0</v>
      </c>
      <c r="FQ30" s="25">
        <v>0</v>
      </c>
      <c r="FR30" s="25">
        <v>79918</v>
      </c>
      <c r="FS30" s="25">
        <v>79918</v>
      </c>
      <c r="FT30" s="25">
        <v>0</v>
      </c>
      <c r="FU30" s="28">
        <v>159836</v>
      </c>
      <c r="FV30" s="29">
        <v>159836</v>
      </c>
      <c r="FW30" s="24">
        <v>0</v>
      </c>
      <c r="FX30" s="25">
        <v>0</v>
      </c>
      <c r="FY30" s="26">
        <v>0</v>
      </c>
      <c r="FZ30" s="27">
        <v>0</v>
      </c>
      <c r="GA30" s="25">
        <v>9059</v>
      </c>
      <c r="GB30" s="25">
        <v>6970</v>
      </c>
      <c r="GC30" s="25">
        <v>33290</v>
      </c>
      <c r="GD30" s="25">
        <v>11801</v>
      </c>
      <c r="GE30" s="25">
        <v>0</v>
      </c>
      <c r="GF30" s="28">
        <v>61120</v>
      </c>
      <c r="GG30" s="29">
        <v>61120</v>
      </c>
      <c r="GH30" s="24">
        <v>0</v>
      </c>
      <c r="GI30" s="25">
        <v>0</v>
      </c>
      <c r="GJ30" s="26">
        <v>0</v>
      </c>
      <c r="GK30" s="27">
        <v>0</v>
      </c>
      <c r="GL30" s="25">
        <v>0</v>
      </c>
      <c r="GM30" s="25">
        <v>0</v>
      </c>
      <c r="GN30" s="25">
        <v>5670</v>
      </c>
      <c r="GO30" s="25">
        <v>0</v>
      </c>
      <c r="GP30" s="25">
        <v>0</v>
      </c>
      <c r="GQ30" s="28">
        <v>5670</v>
      </c>
      <c r="GR30" s="29">
        <v>5670</v>
      </c>
      <c r="GS30" s="24">
        <v>0</v>
      </c>
      <c r="GT30" s="25">
        <v>0</v>
      </c>
      <c r="GU30" s="26">
        <v>0</v>
      </c>
      <c r="GV30" s="27">
        <v>0</v>
      </c>
      <c r="GW30" s="25">
        <v>0</v>
      </c>
      <c r="GX30" s="25">
        <v>0</v>
      </c>
      <c r="GY30" s="25">
        <v>0</v>
      </c>
      <c r="GZ30" s="25">
        <v>0</v>
      </c>
      <c r="HA30" s="25">
        <v>0</v>
      </c>
      <c r="HB30" s="28">
        <v>0</v>
      </c>
      <c r="HC30" s="29">
        <v>0</v>
      </c>
      <c r="HD30" s="24">
        <v>0</v>
      </c>
      <c r="HE30" s="25">
        <v>0</v>
      </c>
      <c r="HF30" s="26">
        <v>0</v>
      </c>
      <c r="HG30" s="404">
        <v>0</v>
      </c>
      <c r="HH30" s="25">
        <v>0</v>
      </c>
      <c r="HI30" s="25">
        <v>0</v>
      </c>
      <c r="HJ30" s="25">
        <v>0</v>
      </c>
      <c r="HK30" s="25">
        <v>0</v>
      </c>
      <c r="HL30" s="25">
        <v>0</v>
      </c>
      <c r="HM30" s="28">
        <v>0</v>
      </c>
      <c r="HN30" s="29">
        <v>0</v>
      </c>
      <c r="HO30" s="24">
        <v>0</v>
      </c>
      <c r="HP30" s="25">
        <v>0</v>
      </c>
      <c r="HQ30" s="26">
        <v>0</v>
      </c>
      <c r="HR30" s="27">
        <v>0</v>
      </c>
      <c r="HS30" s="25">
        <v>162184</v>
      </c>
      <c r="HT30" s="25">
        <v>129413</v>
      </c>
      <c r="HU30" s="25">
        <v>988474</v>
      </c>
      <c r="HV30" s="25">
        <v>1311766</v>
      </c>
      <c r="HW30" s="25">
        <v>716068</v>
      </c>
      <c r="HX30" s="28">
        <v>3307905</v>
      </c>
      <c r="HY30" s="29">
        <v>3307905</v>
      </c>
    </row>
    <row r="31" spans="2:233" ht="21" customHeight="1" x14ac:dyDescent="0.2">
      <c r="B31" s="106" t="s">
        <v>28</v>
      </c>
      <c r="C31" s="24">
        <v>0</v>
      </c>
      <c r="D31" s="25">
        <v>0</v>
      </c>
      <c r="E31" s="26">
        <v>0</v>
      </c>
      <c r="F31" s="27">
        <v>0</v>
      </c>
      <c r="G31" s="25">
        <v>0</v>
      </c>
      <c r="H31" s="25">
        <v>24935</v>
      </c>
      <c r="I31" s="25">
        <v>224005</v>
      </c>
      <c r="J31" s="25">
        <v>304228</v>
      </c>
      <c r="K31" s="25">
        <v>63245</v>
      </c>
      <c r="L31" s="28">
        <v>616413</v>
      </c>
      <c r="M31" s="29">
        <v>616413</v>
      </c>
      <c r="N31" s="24">
        <v>0</v>
      </c>
      <c r="O31" s="25">
        <v>0</v>
      </c>
      <c r="P31" s="26">
        <v>0</v>
      </c>
      <c r="Q31" s="404">
        <v>0</v>
      </c>
      <c r="R31" s="25">
        <v>0</v>
      </c>
      <c r="S31" s="25">
        <v>0</v>
      </c>
      <c r="T31" s="25">
        <v>158100</v>
      </c>
      <c r="U31" s="25">
        <v>292020</v>
      </c>
      <c r="V31" s="25">
        <v>57195</v>
      </c>
      <c r="W31" s="28">
        <v>507315</v>
      </c>
      <c r="X31" s="29">
        <v>507315</v>
      </c>
      <c r="Y31" s="24">
        <v>0</v>
      </c>
      <c r="Z31" s="25">
        <v>0</v>
      </c>
      <c r="AA31" s="26">
        <v>0</v>
      </c>
      <c r="AB31" s="404">
        <v>0</v>
      </c>
      <c r="AC31" s="25">
        <v>0</v>
      </c>
      <c r="AD31" s="25">
        <v>24645</v>
      </c>
      <c r="AE31" s="25">
        <v>62570</v>
      </c>
      <c r="AF31" s="25">
        <v>10030</v>
      </c>
      <c r="AG31" s="25">
        <v>2635</v>
      </c>
      <c r="AH31" s="28">
        <v>99880</v>
      </c>
      <c r="AI31" s="29">
        <v>99880</v>
      </c>
      <c r="AJ31" s="24">
        <v>0</v>
      </c>
      <c r="AK31" s="25">
        <v>0</v>
      </c>
      <c r="AL31" s="26">
        <v>0</v>
      </c>
      <c r="AM31" s="404">
        <v>0</v>
      </c>
      <c r="AN31" s="25">
        <v>0</v>
      </c>
      <c r="AO31" s="25">
        <v>0</v>
      </c>
      <c r="AP31" s="25">
        <v>0</v>
      </c>
      <c r="AQ31" s="25">
        <v>0</v>
      </c>
      <c r="AR31" s="25">
        <v>0</v>
      </c>
      <c r="AS31" s="28">
        <v>0</v>
      </c>
      <c r="AT31" s="29">
        <v>0</v>
      </c>
      <c r="AU31" s="24">
        <v>0</v>
      </c>
      <c r="AV31" s="25">
        <v>0</v>
      </c>
      <c r="AW31" s="26">
        <v>0</v>
      </c>
      <c r="AX31" s="404">
        <v>0</v>
      </c>
      <c r="AY31" s="25">
        <v>0</v>
      </c>
      <c r="AZ31" s="25">
        <v>0</v>
      </c>
      <c r="BA31" s="25">
        <v>0</v>
      </c>
      <c r="BB31" s="25">
        <v>0</v>
      </c>
      <c r="BC31" s="25">
        <v>0</v>
      </c>
      <c r="BD31" s="28">
        <v>0</v>
      </c>
      <c r="BE31" s="29">
        <v>0</v>
      </c>
      <c r="BF31" s="24">
        <v>0</v>
      </c>
      <c r="BG31" s="25">
        <v>0</v>
      </c>
      <c r="BH31" s="26">
        <v>0</v>
      </c>
      <c r="BI31" s="404">
        <v>0</v>
      </c>
      <c r="BJ31" s="25">
        <v>0</v>
      </c>
      <c r="BK31" s="25">
        <v>0</v>
      </c>
      <c r="BL31" s="25">
        <v>0</v>
      </c>
      <c r="BM31" s="25">
        <v>0</v>
      </c>
      <c r="BN31" s="25">
        <v>0</v>
      </c>
      <c r="BO31" s="28">
        <v>0</v>
      </c>
      <c r="BP31" s="29">
        <v>0</v>
      </c>
      <c r="BQ31" s="24">
        <v>0</v>
      </c>
      <c r="BR31" s="25">
        <v>0</v>
      </c>
      <c r="BS31" s="26">
        <v>0</v>
      </c>
      <c r="BT31" s="27">
        <v>0</v>
      </c>
      <c r="BU31" s="25">
        <v>0</v>
      </c>
      <c r="BV31" s="25">
        <v>290</v>
      </c>
      <c r="BW31" s="25">
        <v>3335</v>
      </c>
      <c r="BX31" s="25">
        <v>2178</v>
      </c>
      <c r="BY31" s="25">
        <v>2175</v>
      </c>
      <c r="BZ31" s="28">
        <v>7978</v>
      </c>
      <c r="CA31" s="29">
        <v>7978</v>
      </c>
      <c r="CB31" s="24">
        <v>0</v>
      </c>
      <c r="CC31" s="25">
        <v>0</v>
      </c>
      <c r="CD31" s="26">
        <v>0</v>
      </c>
      <c r="CE31" s="27">
        <v>0</v>
      </c>
      <c r="CF31" s="25">
        <v>0</v>
      </c>
      <c r="CG31" s="25">
        <v>0</v>
      </c>
      <c r="CH31" s="25">
        <v>0</v>
      </c>
      <c r="CI31" s="25">
        <v>0</v>
      </c>
      <c r="CJ31" s="25">
        <v>1240</v>
      </c>
      <c r="CK31" s="28">
        <v>1240</v>
      </c>
      <c r="CL31" s="29">
        <v>1240</v>
      </c>
      <c r="CM31" s="24">
        <v>0</v>
      </c>
      <c r="CN31" s="25">
        <v>0</v>
      </c>
      <c r="CO31" s="26">
        <v>0</v>
      </c>
      <c r="CP31" s="27">
        <v>0</v>
      </c>
      <c r="CQ31" s="25">
        <v>0</v>
      </c>
      <c r="CR31" s="25">
        <v>0</v>
      </c>
      <c r="CS31" s="25">
        <v>0</v>
      </c>
      <c r="CT31" s="25">
        <v>0</v>
      </c>
      <c r="CU31" s="25">
        <v>0</v>
      </c>
      <c r="CV31" s="28">
        <v>0</v>
      </c>
      <c r="CW31" s="29">
        <v>0</v>
      </c>
      <c r="CX31" s="24">
        <v>0</v>
      </c>
      <c r="CY31" s="25">
        <v>0</v>
      </c>
      <c r="CZ31" s="26">
        <v>0</v>
      </c>
      <c r="DA31" s="404">
        <v>0</v>
      </c>
      <c r="DB31" s="25">
        <v>0</v>
      </c>
      <c r="DC31" s="25">
        <v>0</v>
      </c>
      <c r="DD31" s="25">
        <v>0</v>
      </c>
      <c r="DE31" s="25">
        <v>0</v>
      </c>
      <c r="DF31" s="25">
        <v>0</v>
      </c>
      <c r="DG31" s="28">
        <v>0</v>
      </c>
      <c r="DH31" s="29">
        <v>0</v>
      </c>
      <c r="DI31" s="24">
        <v>0</v>
      </c>
      <c r="DJ31" s="25">
        <v>0</v>
      </c>
      <c r="DK31" s="26">
        <v>0</v>
      </c>
      <c r="DL31" s="27">
        <v>0</v>
      </c>
      <c r="DM31" s="25">
        <v>0</v>
      </c>
      <c r="DN31" s="25">
        <v>2017</v>
      </c>
      <c r="DO31" s="25">
        <v>138611</v>
      </c>
      <c r="DP31" s="25">
        <v>255594</v>
      </c>
      <c r="DQ31" s="25">
        <v>88283</v>
      </c>
      <c r="DR31" s="28">
        <v>484505</v>
      </c>
      <c r="DS31" s="30">
        <v>484505</v>
      </c>
      <c r="DT31" s="24">
        <v>0</v>
      </c>
      <c r="DU31" s="25">
        <v>0</v>
      </c>
      <c r="DV31" s="26">
        <v>0</v>
      </c>
      <c r="DW31" s="404">
        <v>0</v>
      </c>
      <c r="DX31" s="25">
        <v>0</v>
      </c>
      <c r="DY31" s="25">
        <v>0</v>
      </c>
      <c r="DZ31" s="25">
        <v>129642</v>
      </c>
      <c r="EA31" s="25">
        <v>219604</v>
      </c>
      <c r="EB31" s="25">
        <v>76136</v>
      </c>
      <c r="EC31" s="28">
        <v>425382</v>
      </c>
      <c r="ED31" s="29">
        <v>425382</v>
      </c>
      <c r="EE31" s="24">
        <v>0</v>
      </c>
      <c r="EF31" s="25">
        <v>0</v>
      </c>
      <c r="EG31" s="26">
        <v>0</v>
      </c>
      <c r="EH31" s="404">
        <v>0</v>
      </c>
      <c r="EI31" s="25">
        <v>0</v>
      </c>
      <c r="EJ31" s="25">
        <v>217</v>
      </c>
      <c r="EK31" s="25">
        <v>896</v>
      </c>
      <c r="EL31" s="25">
        <v>33080</v>
      </c>
      <c r="EM31" s="25">
        <v>217</v>
      </c>
      <c r="EN31" s="28">
        <v>34410</v>
      </c>
      <c r="EO31" s="29">
        <v>34410</v>
      </c>
      <c r="EP31" s="24">
        <v>0</v>
      </c>
      <c r="EQ31" s="25">
        <v>0</v>
      </c>
      <c r="ER31" s="26">
        <v>0</v>
      </c>
      <c r="ES31" s="404">
        <v>0</v>
      </c>
      <c r="ET31" s="25">
        <v>0</v>
      </c>
      <c r="EU31" s="25">
        <v>0</v>
      </c>
      <c r="EV31" s="25">
        <v>0</v>
      </c>
      <c r="EW31" s="25">
        <v>0</v>
      </c>
      <c r="EX31" s="25">
        <v>0</v>
      </c>
      <c r="EY31" s="28">
        <v>0</v>
      </c>
      <c r="EZ31" s="29">
        <v>0</v>
      </c>
      <c r="FA31" s="24">
        <v>0</v>
      </c>
      <c r="FB31" s="25">
        <v>0</v>
      </c>
      <c r="FC31" s="26">
        <v>0</v>
      </c>
      <c r="FD31" s="404">
        <v>0</v>
      </c>
      <c r="FE31" s="25">
        <v>0</v>
      </c>
      <c r="FF31" s="25">
        <v>0</v>
      </c>
      <c r="FG31" s="25">
        <v>0</v>
      </c>
      <c r="FH31" s="25">
        <v>0</v>
      </c>
      <c r="FI31" s="25">
        <v>0</v>
      </c>
      <c r="FJ31" s="28">
        <v>0</v>
      </c>
      <c r="FK31" s="29">
        <v>0</v>
      </c>
      <c r="FL31" s="24">
        <v>0</v>
      </c>
      <c r="FM31" s="25">
        <v>0</v>
      </c>
      <c r="FN31" s="26">
        <v>0</v>
      </c>
      <c r="FO31" s="404">
        <v>0</v>
      </c>
      <c r="FP31" s="25">
        <v>0</v>
      </c>
      <c r="FQ31" s="25">
        <v>0</v>
      </c>
      <c r="FR31" s="25">
        <v>0</v>
      </c>
      <c r="FS31" s="25">
        <v>0</v>
      </c>
      <c r="FT31" s="25">
        <v>0</v>
      </c>
      <c r="FU31" s="28">
        <v>0</v>
      </c>
      <c r="FV31" s="29">
        <v>0</v>
      </c>
      <c r="FW31" s="24">
        <v>0</v>
      </c>
      <c r="FX31" s="25">
        <v>0</v>
      </c>
      <c r="FY31" s="26">
        <v>0</v>
      </c>
      <c r="FZ31" s="27">
        <v>0</v>
      </c>
      <c r="GA31" s="25">
        <v>0</v>
      </c>
      <c r="GB31" s="25">
        <v>1800</v>
      </c>
      <c r="GC31" s="25">
        <v>8073</v>
      </c>
      <c r="GD31" s="25">
        <v>2910</v>
      </c>
      <c r="GE31" s="25">
        <v>11120</v>
      </c>
      <c r="GF31" s="28">
        <v>23903</v>
      </c>
      <c r="GG31" s="29">
        <v>23903</v>
      </c>
      <c r="GH31" s="24">
        <v>0</v>
      </c>
      <c r="GI31" s="25">
        <v>0</v>
      </c>
      <c r="GJ31" s="26">
        <v>0</v>
      </c>
      <c r="GK31" s="27">
        <v>0</v>
      </c>
      <c r="GL31" s="25">
        <v>0</v>
      </c>
      <c r="GM31" s="25">
        <v>0</v>
      </c>
      <c r="GN31" s="25">
        <v>0</v>
      </c>
      <c r="GO31" s="25">
        <v>0</v>
      </c>
      <c r="GP31" s="25">
        <v>810</v>
      </c>
      <c r="GQ31" s="28">
        <v>810</v>
      </c>
      <c r="GR31" s="29">
        <v>810</v>
      </c>
      <c r="GS31" s="24">
        <v>0</v>
      </c>
      <c r="GT31" s="25">
        <v>0</v>
      </c>
      <c r="GU31" s="26">
        <v>0</v>
      </c>
      <c r="GV31" s="27">
        <v>0</v>
      </c>
      <c r="GW31" s="25">
        <v>0</v>
      </c>
      <c r="GX31" s="25">
        <v>0</v>
      </c>
      <c r="GY31" s="25">
        <v>0</v>
      </c>
      <c r="GZ31" s="25">
        <v>0</v>
      </c>
      <c r="HA31" s="25">
        <v>0</v>
      </c>
      <c r="HB31" s="28">
        <v>0</v>
      </c>
      <c r="HC31" s="29">
        <v>0</v>
      </c>
      <c r="HD31" s="24">
        <v>0</v>
      </c>
      <c r="HE31" s="25">
        <v>0</v>
      </c>
      <c r="HF31" s="26">
        <v>0</v>
      </c>
      <c r="HG31" s="404">
        <v>0</v>
      </c>
      <c r="HH31" s="25">
        <v>0</v>
      </c>
      <c r="HI31" s="25">
        <v>0</v>
      </c>
      <c r="HJ31" s="25">
        <v>0</v>
      </c>
      <c r="HK31" s="25">
        <v>0</v>
      </c>
      <c r="HL31" s="25">
        <v>0</v>
      </c>
      <c r="HM31" s="28">
        <v>0</v>
      </c>
      <c r="HN31" s="29">
        <v>0</v>
      </c>
      <c r="HO31" s="24">
        <v>0</v>
      </c>
      <c r="HP31" s="25">
        <v>0</v>
      </c>
      <c r="HQ31" s="26">
        <v>0</v>
      </c>
      <c r="HR31" s="27">
        <v>0</v>
      </c>
      <c r="HS31" s="25">
        <v>0</v>
      </c>
      <c r="HT31" s="25">
        <v>26952</v>
      </c>
      <c r="HU31" s="25">
        <v>362616</v>
      </c>
      <c r="HV31" s="25">
        <v>559822</v>
      </c>
      <c r="HW31" s="25">
        <v>151528</v>
      </c>
      <c r="HX31" s="28">
        <v>1100918</v>
      </c>
      <c r="HY31" s="29">
        <v>1100918</v>
      </c>
    </row>
    <row r="32" spans="2:233" ht="21" customHeight="1" x14ac:dyDescent="0.2">
      <c r="B32" s="106" t="s">
        <v>29</v>
      </c>
      <c r="C32" s="24">
        <v>0</v>
      </c>
      <c r="D32" s="25">
        <v>0</v>
      </c>
      <c r="E32" s="26">
        <v>0</v>
      </c>
      <c r="F32" s="27">
        <v>0</v>
      </c>
      <c r="G32" s="25">
        <v>24645</v>
      </c>
      <c r="H32" s="25">
        <v>75110</v>
      </c>
      <c r="I32" s="25">
        <v>230360</v>
      </c>
      <c r="J32" s="25">
        <v>284980</v>
      </c>
      <c r="K32" s="25">
        <v>183780</v>
      </c>
      <c r="L32" s="28">
        <v>798875</v>
      </c>
      <c r="M32" s="29">
        <v>798875</v>
      </c>
      <c r="N32" s="24">
        <v>0</v>
      </c>
      <c r="O32" s="25">
        <v>0</v>
      </c>
      <c r="P32" s="26">
        <v>0</v>
      </c>
      <c r="Q32" s="404">
        <v>0</v>
      </c>
      <c r="R32" s="25">
        <v>0</v>
      </c>
      <c r="S32" s="25">
        <v>32705</v>
      </c>
      <c r="T32" s="25">
        <v>90055</v>
      </c>
      <c r="U32" s="25">
        <v>175510</v>
      </c>
      <c r="V32" s="25">
        <v>177375</v>
      </c>
      <c r="W32" s="28">
        <v>475645</v>
      </c>
      <c r="X32" s="29">
        <v>475645</v>
      </c>
      <c r="Y32" s="24">
        <v>0</v>
      </c>
      <c r="Z32" s="25">
        <v>0</v>
      </c>
      <c r="AA32" s="26">
        <v>0</v>
      </c>
      <c r="AB32" s="404">
        <v>0</v>
      </c>
      <c r="AC32" s="25">
        <v>24645</v>
      </c>
      <c r="AD32" s="25">
        <v>29915</v>
      </c>
      <c r="AE32" s="25">
        <v>88955</v>
      </c>
      <c r="AF32" s="25">
        <v>41885</v>
      </c>
      <c r="AG32" s="25">
        <v>0</v>
      </c>
      <c r="AH32" s="28">
        <v>185400</v>
      </c>
      <c r="AI32" s="29">
        <v>185400</v>
      </c>
      <c r="AJ32" s="24">
        <v>0</v>
      </c>
      <c r="AK32" s="25">
        <v>0</v>
      </c>
      <c r="AL32" s="26">
        <v>0</v>
      </c>
      <c r="AM32" s="404">
        <v>0</v>
      </c>
      <c r="AN32" s="25">
        <v>0</v>
      </c>
      <c r="AO32" s="25">
        <v>0</v>
      </c>
      <c r="AP32" s="25">
        <v>0</v>
      </c>
      <c r="AQ32" s="25">
        <v>0</v>
      </c>
      <c r="AR32" s="25">
        <v>0</v>
      </c>
      <c r="AS32" s="28">
        <v>0</v>
      </c>
      <c r="AT32" s="29">
        <v>0</v>
      </c>
      <c r="AU32" s="24">
        <v>0</v>
      </c>
      <c r="AV32" s="25">
        <v>0</v>
      </c>
      <c r="AW32" s="26">
        <v>0</v>
      </c>
      <c r="AX32" s="404">
        <v>0</v>
      </c>
      <c r="AY32" s="25">
        <v>0</v>
      </c>
      <c r="AZ32" s="25">
        <v>0</v>
      </c>
      <c r="BA32" s="25">
        <v>0</v>
      </c>
      <c r="BB32" s="25">
        <v>0</v>
      </c>
      <c r="BC32" s="25">
        <v>0</v>
      </c>
      <c r="BD32" s="28">
        <v>0</v>
      </c>
      <c r="BE32" s="29">
        <v>0</v>
      </c>
      <c r="BF32" s="24">
        <v>0</v>
      </c>
      <c r="BG32" s="25">
        <v>0</v>
      </c>
      <c r="BH32" s="26">
        <v>0</v>
      </c>
      <c r="BI32" s="404">
        <v>0</v>
      </c>
      <c r="BJ32" s="25">
        <v>0</v>
      </c>
      <c r="BK32" s="25">
        <v>0</v>
      </c>
      <c r="BL32" s="25">
        <v>37975</v>
      </c>
      <c r="BM32" s="25">
        <v>65410</v>
      </c>
      <c r="BN32" s="25">
        <v>2635</v>
      </c>
      <c r="BO32" s="28">
        <v>106020</v>
      </c>
      <c r="BP32" s="29">
        <v>106020</v>
      </c>
      <c r="BQ32" s="24">
        <v>0</v>
      </c>
      <c r="BR32" s="25">
        <v>0</v>
      </c>
      <c r="BS32" s="26">
        <v>0</v>
      </c>
      <c r="BT32" s="27">
        <v>0</v>
      </c>
      <c r="BU32" s="25">
        <v>0</v>
      </c>
      <c r="BV32" s="25">
        <v>12490</v>
      </c>
      <c r="BW32" s="25">
        <v>8925</v>
      </c>
      <c r="BX32" s="25">
        <v>2175</v>
      </c>
      <c r="BY32" s="25">
        <v>3770</v>
      </c>
      <c r="BZ32" s="28">
        <v>27360</v>
      </c>
      <c r="CA32" s="29">
        <v>27360</v>
      </c>
      <c r="CB32" s="24">
        <v>0</v>
      </c>
      <c r="CC32" s="25">
        <v>0</v>
      </c>
      <c r="CD32" s="26">
        <v>0</v>
      </c>
      <c r="CE32" s="27">
        <v>0</v>
      </c>
      <c r="CF32" s="25">
        <v>0</v>
      </c>
      <c r="CG32" s="25">
        <v>0</v>
      </c>
      <c r="CH32" s="25">
        <v>4450</v>
      </c>
      <c r="CI32" s="25">
        <v>0</v>
      </c>
      <c r="CJ32" s="25">
        <v>0</v>
      </c>
      <c r="CK32" s="28">
        <v>4450</v>
      </c>
      <c r="CL32" s="29">
        <v>4450</v>
      </c>
      <c r="CM32" s="24">
        <v>0</v>
      </c>
      <c r="CN32" s="25">
        <v>0</v>
      </c>
      <c r="CO32" s="26">
        <v>0</v>
      </c>
      <c r="CP32" s="27">
        <v>0</v>
      </c>
      <c r="CQ32" s="25">
        <v>0</v>
      </c>
      <c r="CR32" s="25">
        <v>0</v>
      </c>
      <c r="CS32" s="25">
        <v>0</v>
      </c>
      <c r="CT32" s="25">
        <v>0</v>
      </c>
      <c r="CU32" s="25">
        <v>0</v>
      </c>
      <c r="CV32" s="28">
        <v>0</v>
      </c>
      <c r="CW32" s="29">
        <v>0</v>
      </c>
      <c r="CX32" s="24">
        <v>0</v>
      </c>
      <c r="CY32" s="25">
        <v>0</v>
      </c>
      <c r="CZ32" s="26">
        <v>0</v>
      </c>
      <c r="DA32" s="404">
        <v>0</v>
      </c>
      <c r="DB32" s="25">
        <v>0</v>
      </c>
      <c r="DC32" s="25">
        <v>0</v>
      </c>
      <c r="DD32" s="25">
        <v>0</v>
      </c>
      <c r="DE32" s="25">
        <v>0</v>
      </c>
      <c r="DF32" s="25">
        <v>0</v>
      </c>
      <c r="DG32" s="28">
        <v>0</v>
      </c>
      <c r="DH32" s="29">
        <v>0</v>
      </c>
      <c r="DI32" s="24">
        <v>0</v>
      </c>
      <c r="DJ32" s="25">
        <v>0</v>
      </c>
      <c r="DK32" s="26">
        <v>0</v>
      </c>
      <c r="DL32" s="27">
        <v>0</v>
      </c>
      <c r="DM32" s="25">
        <v>217</v>
      </c>
      <c r="DN32" s="25">
        <v>38271</v>
      </c>
      <c r="DO32" s="25">
        <v>153305</v>
      </c>
      <c r="DP32" s="25">
        <v>281236</v>
      </c>
      <c r="DQ32" s="25">
        <v>178810</v>
      </c>
      <c r="DR32" s="28">
        <v>651839</v>
      </c>
      <c r="DS32" s="30">
        <v>651839</v>
      </c>
      <c r="DT32" s="24">
        <v>0</v>
      </c>
      <c r="DU32" s="25">
        <v>0</v>
      </c>
      <c r="DV32" s="26">
        <v>0</v>
      </c>
      <c r="DW32" s="404">
        <v>0</v>
      </c>
      <c r="DX32" s="25">
        <v>0</v>
      </c>
      <c r="DY32" s="25">
        <v>15035</v>
      </c>
      <c r="DZ32" s="25">
        <v>51646</v>
      </c>
      <c r="EA32" s="25">
        <v>198957</v>
      </c>
      <c r="EB32" s="25">
        <v>160941</v>
      </c>
      <c r="EC32" s="28">
        <v>426579</v>
      </c>
      <c r="ED32" s="29">
        <v>426579</v>
      </c>
      <c r="EE32" s="24">
        <v>0</v>
      </c>
      <c r="EF32" s="25">
        <v>0</v>
      </c>
      <c r="EG32" s="26">
        <v>0</v>
      </c>
      <c r="EH32" s="404">
        <v>0</v>
      </c>
      <c r="EI32" s="25">
        <v>217</v>
      </c>
      <c r="EJ32" s="25">
        <v>11532</v>
      </c>
      <c r="EK32" s="25">
        <v>7688</v>
      </c>
      <c r="EL32" s="25">
        <v>987</v>
      </c>
      <c r="EM32" s="25">
        <v>0</v>
      </c>
      <c r="EN32" s="28">
        <v>20424</v>
      </c>
      <c r="EO32" s="29">
        <v>20424</v>
      </c>
      <c r="EP32" s="24">
        <v>0</v>
      </c>
      <c r="EQ32" s="25">
        <v>0</v>
      </c>
      <c r="ER32" s="26">
        <v>0</v>
      </c>
      <c r="ES32" s="404">
        <v>0</v>
      </c>
      <c r="ET32" s="25">
        <v>0</v>
      </c>
      <c r="EU32" s="25">
        <v>0</v>
      </c>
      <c r="EV32" s="25">
        <v>0</v>
      </c>
      <c r="EW32" s="25">
        <v>0</v>
      </c>
      <c r="EX32" s="25">
        <v>0</v>
      </c>
      <c r="EY32" s="28">
        <v>0</v>
      </c>
      <c r="EZ32" s="29">
        <v>0</v>
      </c>
      <c r="FA32" s="24">
        <v>0</v>
      </c>
      <c r="FB32" s="25">
        <v>0</v>
      </c>
      <c r="FC32" s="26">
        <v>0</v>
      </c>
      <c r="FD32" s="404">
        <v>0</v>
      </c>
      <c r="FE32" s="25">
        <v>0</v>
      </c>
      <c r="FF32" s="25">
        <v>0</v>
      </c>
      <c r="FG32" s="25">
        <v>0</v>
      </c>
      <c r="FH32" s="25">
        <v>0</v>
      </c>
      <c r="FI32" s="25">
        <v>0</v>
      </c>
      <c r="FJ32" s="28">
        <v>0</v>
      </c>
      <c r="FK32" s="29">
        <v>0</v>
      </c>
      <c r="FL32" s="24">
        <v>0</v>
      </c>
      <c r="FM32" s="25">
        <v>0</v>
      </c>
      <c r="FN32" s="26">
        <v>0</v>
      </c>
      <c r="FO32" s="404">
        <v>0</v>
      </c>
      <c r="FP32" s="25">
        <v>0</v>
      </c>
      <c r="FQ32" s="25">
        <v>0</v>
      </c>
      <c r="FR32" s="25">
        <v>79918</v>
      </c>
      <c r="FS32" s="25">
        <v>73532</v>
      </c>
      <c r="FT32" s="25">
        <v>10881</v>
      </c>
      <c r="FU32" s="28">
        <v>164331</v>
      </c>
      <c r="FV32" s="29">
        <v>164331</v>
      </c>
      <c r="FW32" s="24">
        <v>0</v>
      </c>
      <c r="FX32" s="25">
        <v>0</v>
      </c>
      <c r="FY32" s="26">
        <v>0</v>
      </c>
      <c r="FZ32" s="27">
        <v>0</v>
      </c>
      <c r="GA32" s="25">
        <v>0</v>
      </c>
      <c r="GB32" s="25">
        <v>11704</v>
      </c>
      <c r="GC32" s="25">
        <v>11353</v>
      </c>
      <c r="GD32" s="25">
        <v>7760</v>
      </c>
      <c r="GE32" s="25">
        <v>6988</v>
      </c>
      <c r="GF32" s="28">
        <v>37805</v>
      </c>
      <c r="GG32" s="29">
        <v>37805</v>
      </c>
      <c r="GH32" s="24">
        <v>0</v>
      </c>
      <c r="GI32" s="25">
        <v>0</v>
      </c>
      <c r="GJ32" s="26">
        <v>0</v>
      </c>
      <c r="GK32" s="27">
        <v>0</v>
      </c>
      <c r="GL32" s="25">
        <v>0</v>
      </c>
      <c r="GM32" s="25">
        <v>0</v>
      </c>
      <c r="GN32" s="25">
        <v>2700</v>
      </c>
      <c r="GO32" s="25">
        <v>0</v>
      </c>
      <c r="GP32" s="25">
        <v>0</v>
      </c>
      <c r="GQ32" s="28">
        <v>2700</v>
      </c>
      <c r="GR32" s="29">
        <v>2700</v>
      </c>
      <c r="GS32" s="24">
        <v>0</v>
      </c>
      <c r="GT32" s="25">
        <v>0</v>
      </c>
      <c r="GU32" s="26">
        <v>0</v>
      </c>
      <c r="GV32" s="27">
        <v>0</v>
      </c>
      <c r="GW32" s="25">
        <v>0</v>
      </c>
      <c r="GX32" s="25">
        <v>0</v>
      </c>
      <c r="GY32" s="25">
        <v>0</v>
      </c>
      <c r="GZ32" s="25">
        <v>0</v>
      </c>
      <c r="HA32" s="25">
        <v>0</v>
      </c>
      <c r="HB32" s="28">
        <v>0</v>
      </c>
      <c r="HC32" s="29">
        <v>0</v>
      </c>
      <c r="HD32" s="24">
        <v>0</v>
      </c>
      <c r="HE32" s="25">
        <v>0</v>
      </c>
      <c r="HF32" s="26">
        <v>0</v>
      </c>
      <c r="HG32" s="404">
        <v>0</v>
      </c>
      <c r="HH32" s="25">
        <v>0</v>
      </c>
      <c r="HI32" s="25">
        <v>0</v>
      </c>
      <c r="HJ32" s="25">
        <v>0</v>
      </c>
      <c r="HK32" s="25">
        <v>0</v>
      </c>
      <c r="HL32" s="25">
        <v>0</v>
      </c>
      <c r="HM32" s="28">
        <v>0</v>
      </c>
      <c r="HN32" s="29">
        <v>0</v>
      </c>
      <c r="HO32" s="24">
        <v>0</v>
      </c>
      <c r="HP32" s="25">
        <v>0</v>
      </c>
      <c r="HQ32" s="26">
        <v>0</v>
      </c>
      <c r="HR32" s="27">
        <v>0</v>
      </c>
      <c r="HS32" s="25">
        <v>24862</v>
      </c>
      <c r="HT32" s="25">
        <v>113381</v>
      </c>
      <c r="HU32" s="25">
        <v>383665</v>
      </c>
      <c r="HV32" s="25">
        <v>566216</v>
      </c>
      <c r="HW32" s="25">
        <v>362590</v>
      </c>
      <c r="HX32" s="28">
        <v>1450714</v>
      </c>
      <c r="HY32" s="29">
        <v>1450714</v>
      </c>
    </row>
    <row r="33" spans="2:233" ht="21" customHeight="1" x14ac:dyDescent="0.2">
      <c r="B33" s="106" t="s">
        <v>30</v>
      </c>
      <c r="C33" s="24">
        <v>0</v>
      </c>
      <c r="D33" s="25">
        <v>0</v>
      </c>
      <c r="E33" s="26">
        <v>0</v>
      </c>
      <c r="F33" s="27">
        <v>0</v>
      </c>
      <c r="G33" s="25">
        <v>98835</v>
      </c>
      <c r="H33" s="25">
        <v>55095</v>
      </c>
      <c r="I33" s="25">
        <v>257750</v>
      </c>
      <c r="J33" s="25">
        <v>341450</v>
      </c>
      <c r="K33" s="25">
        <v>198455</v>
      </c>
      <c r="L33" s="28">
        <v>951585</v>
      </c>
      <c r="M33" s="29">
        <v>951585</v>
      </c>
      <c r="N33" s="24">
        <v>0</v>
      </c>
      <c r="O33" s="25">
        <v>0</v>
      </c>
      <c r="P33" s="26">
        <v>0</v>
      </c>
      <c r="Q33" s="404">
        <v>0</v>
      </c>
      <c r="R33" s="25">
        <v>0</v>
      </c>
      <c r="S33" s="25">
        <v>2635</v>
      </c>
      <c r="T33" s="25">
        <v>218085</v>
      </c>
      <c r="U33" s="25">
        <v>299925</v>
      </c>
      <c r="V33" s="25">
        <v>160325</v>
      </c>
      <c r="W33" s="28">
        <v>680970</v>
      </c>
      <c r="X33" s="29">
        <v>680970</v>
      </c>
      <c r="Y33" s="24">
        <v>0</v>
      </c>
      <c r="Z33" s="25">
        <v>0</v>
      </c>
      <c r="AA33" s="26">
        <v>0</v>
      </c>
      <c r="AB33" s="404">
        <v>0</v>
      </c>
      <c r="AC33" s="25">
        <v>97960</v>
      </c>
      <c r="AD33" s="25">
        <v>30510</v>
      </c>
      <c r="AE33" s="25">
        <v>32705</v>
      </c>
      <c r="AF33" s="25">
        <v>41525</v>
      </c>
      <c r="AG33" s="25">
        <v>2635</v>
      </c>
      <c r="AH33" s="28">
        <v>205335</v>
      </c>
      <c r="AI33" s="29">
        <v>205335</v>
      </c>
      <c r="AJ33" s="24">
        <v>0</v>
      </c>
      <c r="AK33" s="25">
        <v>0</v>
      </c>
      <c r="AL33" s="26">
        <v>0</v>
      </c>
      <c r="AM33" s="404">
        <v>0</v>
      </c>
      <c r="AN33" s="25">
        <v>0</v>
      </c>
      <c r="AO33" s="25">
        <v>0</v>
      </c>
      <c r="AP33" s="25">
        <v>0</v>
      </c>
      <c r="AQ33" s="25">
        <v>0</v>
      </c>
      <c r="AR33" s="25">
        <v>0</v>
      </c>
      <c r="AS33" s="28">
        <v>0</v>
      </c>
      <c r="AT33" s="29">
        <v>0</v>
      </c>
      <c r="AU33" s="24">
        <v>0</v>
      </c>
      <c r="AV33" s="25">
        <v>0</v>
      </c>
      <c r="AW33" s="26">
        <v>0</v>
      </c>
      <c r="AX33" s="404">
        <v>0</v>
      </c>
      <c r="AY33" s="25">
        <v>0</v>
      </c>
      <c r="AZ33" s="25">
        <v>0</v>
      </c>
      <c r="BA33" s="25">
        <v>0</v>
      </c>
      <c r="BB33" s="25">
        <v>0</v>
      </c>
      <c r="BC33" s="25">
        <v>35495</v>
      </c>
      <c r="BD33" s="28">
        <v>35495</v>
      </c>
      <c r="BE33" s="29">
        <v>35495</v>
      </c>
      <c r="BF33" s="24">
        <v>0</v>
      </c>
      <c r="BG33" s="25">
        <v>0</v>
      </c>
      <c r="BH33" s="26">
        <v>0</v>
      </c>
      <c r="BI33" s="404">
        <v>0</v>
      </c>
      <c r="BJ33" s="25">
        <v>0</v>
      </c>
      <c r="BK33" s="25">
        <v>0</v>
      </c>
      <c r="BL33" s="25">
        <v>0</v>
      </c>
      <c r="BM33" s="25">
        <v>0</v>
      </c>
      <c r="BN33" s="25">
        <v>0</v>
      </c>
      <c r="BO33" s="28">
        <v>0</v>
      </c>
      <c r="BP33" s="29">
        <v>0</v>
      </c>
      <c r="BQ33" s="24">
        <v>0</v>
      </c>
      <c r="BR33" s="25">
        <v>0</v>
      </c>
      <c r="BS33" s="26">
        <v>0</v>
      </c>
      <c r="BT33" s="27">
        <v>0</v>
      </c>
      <c r="BU33" s="25">
        <v>875</v>
      </c>
      <c r="BV33" s="25">
        <v>20210</v>
      </c>
      <c r="BW33" s="25">
        <v>6960</v>
      </c>
      <c r="BX33" s="25">
        <v>0</v>
      </c>
      <c r="BY33" s="25">
        <v>0</v>
      </c>
      <c r="BZ33" s="28">
        <v>28045</v>
      </c>
      <c r="CA33" s="29">
        <v>28045</v>
      </c>
      <c r="CB33" s="24">
        <v>0</v>
      </c>
      <c r="CC33" s="25">
        <v>0</v>
      </c>
      <c r="CD33" s="26">
        <v>0</v>
      </c>
      <c r="CE33" s="27">
        <v>0</v>
      </c>
      <c r="CF33" s="25">
        <v>0</v>
      </c>
      <c r="CG33" s="25">
        <v>1740</v>
      </c>
      <c r="CH33" s="25">
        <v>0</v>
      </c>
      <c r="CI33" s="25">
        <v>0</v>
      </c>
      <c r="CJ33" s="25">
        <v>0</v>
      </c>
      <c r="CK33" s="28">
        <v>1740</v>
      </c>
      <c r="CL33" s="29">
        <v>1740</v>
      </c>
      <c r="CM33" s="24">
        <v>0</v>
      </c>
      <c r="CN33" s="25">
        <v>0</v>
      </c>
      <c r="CO33" s="26">
        <v>0</v>
      </c>
      <c r="CP33" s="27">
        <v>0</v>
      </c>
      <c r="CQ33" s="25">
        <v>0</v>
      </c>
      <c r="CR33" s="25">
        <v>0</v>
      </c>
      <c r="CS33" s="25">
        <v>0</v>
      </c>
      <c r="CT33" s="25">
        <v>0</v>
      </c>
      <c r="CU33" s="25">
        <v>0</v>
      </c>
      <c r="CV33" s="28">
        <v>0</v>
      </c>
      <c r="CW33" s="29">
        <v>0</v>
      </c>
      <c r="CX33" s="24">
        <v>0</v>
      </c>
      <c r="CY33" s="25">
        <v>0</v>
      </c>
      <c r="CZ33" s="26">
        <v>0</v>
      </c>
      <c r="DA33" s="404">
        <v>0</v>
      </c>
      <c r="DB33" s="25">
        <v>0</v>
      </c>
      <c r="DC33" s="25">
        <v>0</v>
      </c>
      <c r="DD33" s="25">
        <v>0</v>
      </c>
      <c r="DE33" s="25">
        <v>0</v>
      </c>
      <c r="DF33" s="25">
        <v>0</v>
      </c>
      <c r="DG33" s="28">
        <v>0</v>
      </c>
      <c r="DH33" s="29">
        <v>0</v>
      </c>
      <c r="DI33" s="24">
        <v>0</v>
      </c>
      <c r="DJ33" s="25">
        <v>0</v>
      </c>
      <c r="DK33" s="26">
        <v>0</v>
      </c>
      <c r="DL33" s="27">
        <v>0</v>
      </c>
      <c r="DM33" s="25">
        <v>37247</v>
      </c>
      <c r="DN33" s="25">
        <v>56863</v>
      </c>
      <c r="DO33" s="25">
        <v>308396</v>
      </c>
      <c r="DP33" s="25">
        <v>371585</v>
      </c>
      <c r="DQ33" s="25">
        <v>197842</v>
      </c>
      <c r="DR33" s="28">
        <v>971933</v>
      </c>
      <c r="DS33" s="30">
        <v>971933</v>
      </c>
      <c r="DT33" s="24">
        <v>0</v>
      </c>
      <c r="DU33" s="25">
        <v>0</v>
      </c>
      <c r="DV33" s="26">
        <v>0</v>
      </c>
      <c r="DW33" s="404">
        <v>0</v>
      </c>
      <c r="DX33" s="25">
        <v>0</v>
      </c>
      <c r="DY33" s="25">
        <v>21576</v>
      </c>
      <c r="DZ33" s="25">
        <v>274629</v>
      </c>
      <c r="EA33" s="25">
        <v>371256</v>
      </c>
      <c r="EB33" s="25">
        <v>184078</v>
      </c>
      <c r="EC33" s="28">
        <v>851539</v>
      </c>
      <c r="ED33" s="29">
        <v>851539</v>
      </c>
      <c r="EE33" s="24">
        <v>0</v>
      </c>
      <c r="EF33" s="25">
        <v>0</v>
      </c>
      <c r="EG33" s="26">
        <v>0</v>
      </c>
      <c r="EH33" s="404">
        <v>0</v>
      </c>
      <c r="EI33" s="25">
        <v>34875</v>
      </c>
      <c r="EJ33" s="25">
        <v>10713</v>
      </c>
      <c r="EK33" s="25">
        <v>217</v>
      </c>
      <c r="EL33" s="25">
        <v>329</v>
      </c>
      <c r="EM33" s="25">
        <v>217</v>
      </c>
      <c r="EN33" s="28">
        <v>46351</v>
      </c>
      <c r="EO33" s="29">
        <v>46351</v>
      </c>
      <c r="EP33" s="24">
        <v>0</v>
      </c>
      <c r="EQ33" s="25">
        <v>0</v>
      </c>
      <c r="ER33" s="26">
        <v>0</v>
      </c>
      <c r="ES33" s="404">
        <v>0</v>
      </c>
      <c r="ET33" s="25">
        <v>0</v>
      </c>
      <c r="EU33" s="25">
        <v>0</v>
      </c>
      <c r="EV33" s="25">
        <v>0</v>
      </c>
      <c r="EW33" s="25">
        <v>0</v>
      </c>
      <c r="EX33" s="25">
        <v>0</v>
      </c>
      <c r="EY33" s="28">
        <v>0</v>
      </c>
      <c r="EZ33" s="29">
        <v>0</v>
      </c>
      <c r="FA33" s="24">
        <v>0</v>
      </c>
      <c r="FB33" s="25">
        <v>0</v>
      </c>
      <c r="FC33" s="26">
        <v>0</v>
      </c>
      <c r="FD33" s="404">
        <v>0</v>
      </c>
      <c r="FE33" s="25">
        <v>0</v>
      </c>
      <c r="FF33" s="25">
        <v>0</v>
      </c>
      <c r="FG33" s="25">
        <v>0</v>
      </c>
      <c r="FH33" s="25">
        <v>0</v>
      </c>
      <c r="FI33" s="25">
        <v>13547</v>
      </c>
      <c r="FJ33" s="28">
        <v>13547</v>
      </c>
      <c r="FK33" s="29">
        <v>13547</v>
      </c>
      <c r="FL33" s="24">
        <v>0</v>
      </c>
      <c r="FM33" s="25">
        <v>0</v>
      </c>
      <c r="FN33" s="26">
        <v>0</v>
      </c>
      <c r="FO33" s="404">
        <v>0</v>
      </c>
      <c r="FP33" s="25">
        <v>0</v>
      </c>
      <c r="FQ33" s="25">
        <v>0</v>
      </c>
      <c r="FR33" s="25">
        <v>0</v>
      </c>
      <c r="FS33" s="25">
        <v>0</v>
      </c>
      <c r="FT33" s="25">
        <v>0</v>
      </c>
      <c r="FU33" s="28">
        <v>0</v>
      </c>
      <c r="FV33" s="29">
        <v>0</v>
      </c>
      <c r="FW33" s="24">
        <v>0</v>
      </c>
      <c r="FX33" s="25">
        <v>0</v>
      </c>
      <c r="FY33" s="26">
        <v>0</v>
      </c>
      <c r="FZ33" s="27">
        <v>0</v>
      </c>
      <c r="GA33" s="25">
        <v>2372</v>
      </c>
      <c r="GB33" s="25">
        <v>24483</v>
      </c>
      <c r="GC33" s="25">
        <v>33550</v>
      </c>
      <c r="GD33" s="25">
        <v>0</v>
      </c>
      <c r="GE33" s="25">
        <v>0</v>
      </c>
      <c r="GF33" s="28">
        <v>60405</v>
      </c>
      <c r="GG33" s="29">
        <v>60405</v>
      </c>
      <c r="GH33" s="24">
        <v>0</v>
      </c>
      <c r="GI33" s="25">
        <v>0</v>
      </c>
      <c r="GJ33" s="26">
        <v>0</v>
      </c>
      <c r="GK33" s="27">
        <v>0</v>
      </c>
      <c r="GL33" s="25">
        <v>0</v>
      </c>
      <c r="GM33" s="25">
        <v>91</v>
      </c>
      <c r="GN33" s="25">
        <v>0</v>
      </c>
      <c r="GO33" s="25">
        <v>0</v>
      </c>
      <c r="GP33" s="25">
        <v>0</v>
      </c>
      <c r="GQ33" s="28">
        <v>91</v>
      </c>
      <c r="GR33" s="29">
        <v>91</v>
      </c>
      <c r="GS33" s="24">
        <v>0</v>
      </c>
      <c r="GT33" s="25">
        <v>0</v>
      </c>
      <c r="GU33" s="26">
        <v>0</v>
      </c>
      <c r="GV33" s="27">
        <v>0</v>
      </c>
      <c r="GW33" s="25">
        <v>0</v>
      </c>
      <c r="GX33" s="25">
        <v>0</v>
      </c>
      <c r="GY33" s="25">
        <v>0</v>
      </c>
      <c r="GZ33" s="25">
        <v>0</v>
      </c>
      <c r="HA33" s="25">
        <v>0</v>
      </c>
      <c r="HB33" s="28">
        <v>0</v>
      </c>
      <c r="HC33" s="29">
        <v>0</v>
      </c>
      <c r="HD33" s="24">
        <v>0</v>
      </c>
      <c r="HE33" s="25">
        <v>0</v>
      </c>
      <c r="HF33" s="26">
        <v>0</v>
      </c>
      <c r="HG33" s="404">
        <v>0</v>
      </c>
      <c r="HH33" s="25">
        <v>0</v>
      </c>
      <c r="HI33" s="25">
        <v>0</v>
      </c>
      <c r="HJ33" s="25">
        <v>0</v>
      </c>
      <c r="HK33" s="25">
        <v>0</v>
      </c>
      <c r="HL33" s="25">
        <v>0</v>
      </c>
      <c r="HM33" s="28">
        <v>0</v>
      </c>
      <c r="HN33" s="29">
        <v>0</v>
      </c>
      <c r="HO33" s="24">
        <v>0</v>
      </c>
      <c r="HP33" s="25">
        <v>0</v>
      </c>
      <c r="HQ33" s="26">
        <v>0</v>
      </c>
      <c r="HR33" s="27">
        <v>0</v>
      </c>
      <c r="HS33" s="25">
        <v>136082</v>
      </c>
      <c r="HT33" s="25">
        <v>111958</v>
      </c>
      <c r="HU33" s="25">
        <v>566146</v>
      </c>
      <c r="HV33" s="25">
        <v>713035</v>
      </c>
      <c r="HW33" s="25">
        <v>396297</v>
      </c>
      <c r="HX33" s="28">
        <v>1923518</v>
      </c>
      <c r="HY33" s="29">
        <v>1923518</v>
      </c>
    </row>
    <row r="34" spans="2:233" ht="21" customHeight="1" x14ac:dyDescent="0.2">
      <c r="B34" s="106" t="s">
        <v>31</v>
      </c>
      <c r="C34" s="24">
        <v>0</v>
      </c>
      <c r="D34" s="25">
        <v>0</v>
      </c>
      <c r="E34" s="26">
        <v>0</v>
      </c>
      <c r="F34" s="27">
        <v>0</v>
      </c>
      <c r="G34" s="25">
        <v>38410</v>
      </c>
      <c r="H34" s="25">
        <v>106295</v>
      </c>
      <c r="I34" s="25">
        <v>193410</v>
      </c>
      <c r="J34" s="25">
        <v>190720</v>
      </c>
      <c r="K34" s="25">
        <v>202550</v>
      </c>
      <c r="L34" s="28">
        <v>731385</v>
      </c>
      <c r="M34" s="29">
        <v>731385</v>
      </c>
      <c r="N34" s="24">
        <v>0</v>
      </c>
      <c r="O34" s="25">
        <v>0</v>
      </c>
      <c r="P34" s="26">
        <v>0</v>
      </c>
      <c r="Q34" s="404">
        <v>0</v>
      </c>
      <c r="R34" s="25">
        <v>2635</v>
      </c>
      <c r="S34" s="25">
        <v>41020</v>
      </c>
      <c r="T34" s="25">
        <v>178400</v>
      </c>
      <c r="U34" s="25">
        <v>125310</v>
      </c>
      <c r="V34" s="25">
        <v>138315</v>
      </c>
      <c r="W34" s="28">
        <v>485680</v>
      </c>
      <c r="X34" s="29">
        <v>485680</v>
      </c>
      <c r="Y34" s="24">
        <v>0</v>
      </c>
      <c r="Z34" s="25">
        <v>0</v>
      </c>
      <c r="AA34" s="26">
        <v>0</v>
      </c>
      <c r="AB34" s="404">
        <v>0</v>
      </c>
      <c r="AC34" s="25">
        <v>2635</v>
      </c>
      <c r="AD34" s="25">
        <v>51925</v>
      </c>
      <c r="AE34" s="25">
        <v>7905</v>
      </c>
      <c r="AF34" s="25">
        <v>65410</v>
      </c>
      <c r="AG34" s="25">
        <v>31530</v>
      </c>
      <c r="AH34" s="28">
        <v>159405</v>
      </c>
      <c r="AI34" s="29">
        <v>159405</v>
      </c>
      <c r="AJ34" s="24">
        <v>0</v>
      </c>
      <c r="AK34" s="25">
        <v>0</v>
      </c>
      <c r="AL34" s="26">
        <v>0</v>
      </c>
      <c r="AM34" s="404">
        <v>0</v>
      </c>
      <c r="AN34" s="25">
        <v>0</v>
      </c>
      <c r="AO34" s="25">
        <v>0</v>
      </c>
      <c r="AP34" s="25">
        <v>0</v>
      </c>
      <c r="AQ34" s="25">
        <v>0</v>
      </c>
      <c r="AR34" s="25">
        <v>0</v>
      </c>
      <c r="AS34" s="28">
        <v>0</v>
      </c>
      <c r="AT34" s="29">
        <v>0</v>
      </c>
      <c r="AU34" s="24">
        <v>0</v>
      </c>
      <c r="AV34" s="25">
        <v>0</v>
      </c>
      <c r="AW34" s="26">
        <v>0</v>
      </c>
      <c r="AX34" s="404">
        <v>0</v>
      </c>
      <c r="AY34" s="25">
        <v>32705</v>
      </c>
      <c r="AZ34" s="25">
        <v>0</v>
      </c>
      <c r="BA34" s="25">
        <v>0</v>
      </c>
      <c r="BB34" s="25">
        <v>0</v>
      </c>
      <c r="BC34" s="25">
        <v>32705</v>
      </c>
      <c r="BD34" s="28">
        <v>65410</v>
      </c>
      <c r="BE34" s="29">
        <v>65410</v>
      </c>
      <c r="BF34" s="24">
        <v>0</v>
      </c>
      <c r="BG34" s="25">
        <v>0</v>
      </c>
      <c r="BH34" s="26">
        <v>0</v>
      </c>
      <c r="BI34" s="404">
        <v>0</v>
      </c>
      <c r="BJ34" s="25">
        <v>0</v>
      </c>
      <c r="BK34" s="25">
        <v>0</v>
      </c>
      <c r="BL34" s="25">
        <v>0</v>
      </c>
      <c r="BM34" s="25">
        <v>0</v>
      </c>
      <c r="BN34" s="25">
        <v>0</v>
      </c>
      <c r="BO34" s="28">
        <v>0</v>
      </c>
      <c r="BP34" s="29">
        <v>0</v>
      </c>
      <c r="BQ34" s="24">
        <v>0</v>
      </c>
      <c r="BR34" s="25">
        <v>0</v>
      </c>
      <c r="BS34" s="26">
        <v>0</v>
      </c>
      <c r="BT34" s="27">
        <v>0</v>
      </c>
      <c r="BU34" s="25">
        <v>435</v>
      </c>
      <c r="BV34" s="25">
        <v>13350</v>
      </c>
      <c r="BW34" s="25">
        <v>6380</v>
      </c>
      <c r="BX34" s="25">
        <v>0</v>
      </c>
      <c r="BY34" s="25">
        <v>0</v>
      </c>
      <c r="BZ34" s="28">
        <v>20165</v>
      </c>
      <c r="CA34" s="29">
        <v>20165</v>
      </c>
      <c r="CB34" s="24">
        <v>0</v>
      </c>
      <c r="CC34" s="25">
        <v>0</v>
      </c>
      <c r="CD34" s="26">
        <v>0</v>
      </c>
      <c r="CE34" s="27">
        <v>0</v>
      </c>
      <c r="CF34" s="25">
        <v>0</v>
      </c>
      <c r="CG34" s="25">
        <v>0</v>
      </c>
      <c r="CH34" s="25">
        <v>725</v>
      </c>
      <c r="CI34" s="25">
        <v>0</v>
      </c>
      <c r="CJ34" s="25">
        <v>0</v>
      </c>
      <c r="CK34" s="28">
        <v>725</v>
      </c>
      <c r="CL34" s="29">
        <v>725</v>
      </c>
      <c r="CM34" s="24">
        <v>0</v>
      </c>
      <c r="CN34" s="25">
        <v>0</v>
      </c>
      <c r="CO34" s="26">
        <v>0</v>
      </c>
      <c r="CP34" s="27">
        <v>0</v>
      </c>
      <c r="CQ34" s="25">
        <v>0</v>
      </c>
      <c r="CR34" s="25">
        <v>0</v>
      </c>
      <c r="CS34" s="25">
        <v>0</v>
      </c>
      <c r="CT34" s="25">
        <v>0</v>
      </c>
      <c r="CU34" s="25">
        <v>0</v>
      </c>
      <c r="CV34" s="28">
        <v>0</v>
      </c>
      <c r="CW34" s="29">
        <v>0</v>
      </c>
      <c r="CX34" s="24">
        <v>0</v>
      </c>
      <c r="CY34" s="25">
        <v>0</v>
      </c>
      <c r="CZ34" s="26">
        <v>0</v>
      </c>
      <c r="DA34" s="404">
        <v>0</v>
      </c>
      <c r="DB34" s="25">
        <v>0</v>
      </c>
      <c r="DC34" s="25">
        <v>0</v>
      </c>
      <c r="DD34" s="25">
        <v>0</v>
      </c>
      <c r="DE34" s="25">
        <v>0</v>
      </c>
      <c r="DF34" s="25">
        <v>0</v>
      </c>
      <c r="DG34" s="28">
        <v>0</v>
      </c>
      <c r="DH34" s="29">
        <v>0</v>
      </c>
      <c r="DI34" s="24">
        <v>0</v>
      </c>
      <c r="DJ34" s="25">
        <v>0</v>
      </c>
      <c r="DK34" s="26">
        <v>0</v>
      </c>
      <c r="DL34" s="27">
        <v>0</v>
      </c>
      <c r="DM34" s="25">
        <v>16873</v>
      </c>
      <c r="DN34" s="25">
        <v>52231</v>
      </c>
      <c r="DO34" s="25">
        <v>241525</v>
      </c>
      <c r="DP34" s="25">
        <v>191114</v>
      </c>
      <c r="DQ34" s="25">
        <v>211453</v>
      </c>
      <c r="DR34" s="28">
        <v>713196</v>
      </c>
      <c r="DS34" s="30">
        <v>713196</v>
      </c>
      <c r="DT34" s="24">
        <v>0</v>
      </c>
      <c r="DU34" s="25">
        <v>0</v>
      </c>
      <c r="DV34" s="26">
        <v>0</v>
      </c>
      <c r="DW34" s="404">
        <v>0</v>
      </c>
      <c r="DX34" s="25">
        <v>15035</v>
      </c>
      <c r="DY34" s="25">
        <v>41050</v>
      </c>
      <c r="DZ34" s="25">
        <v>218919</v>
      </c>
      <c r="EA34" s="25">
        <v>190680</v>
      </c>
      <c r="EB34" s="25">
        <v>209281</v>
      </c>
      <c r="EC34" s="28">
        <v>674965</v>
      </c>
      <c r="ED34" s="29">
        <v>674965</v>
      </c>
      <c r="EE34" s="24">
        <v>0</v>
      </c>
      <c r="EF34" s="25">
        <v>0</v>
      </c>
      <c r="EG34" s="26">
        <v>0</v>
      </c>
      <c r="EH34" s="404">
        <v>0</v>
      </c>
      <c r="EI34" s="25">
        <v>217</v>
      </c>
      <c r="EJ34" s="25">
        <v>651</v>
      </c>
      <c r="EK34" s="25">
        <v>651</v>
      </c>
      <c r="EL34" s="25">
        <v>434</v>
      </c>
      <c r="EM34" s="25">
        <v>784</v>
      </c>
      <c r="EN34" s="28">
        <v>2737</v>
      </c>
      <c r="EO34" s="29">
        <v>2737</v>
      </c>
      <c r="EP34" s="24">
        <v>0</v>
      </c>
      <c r="EQ34" s="25">
        <v>0</v>
      </c>
      <c r="ER34" s="26">
        <v>0</v>
      </c>
      <c r="ES34" s="404">
        <v>0</v>
      </c>
      <c r="ET34" s="25">
        <v>0</v>
      </c>
      <c r="EU34" s="25">
        <v>0</v>
      </c>
      <c r="EV34" s="25">
        <v>0</v>
      </c>
      <c r="EW34" s="25">
        <v>0</v>
      </c>
      <c r="EX34" s="25">
        <v>0</v>
      </c>
      <c r="EY34" s="28">
        <v>0</v>
      </c>
      <c r="EZ34" s="29">
        <v>0</v>
      </c>
      <c r="FA34" s="24">
        <v>0</v>
      </c>
      <c r="FB34" s="25">
        <v>0</v>
      </c>
      <c r="FC34" s="26">
        <v>0</v>
      </c>
      <c r="FD34" s="404">
        <v>0</v>
      </c>
      <c r="FE34" s="25">
        <v>217</v>
      </c>
      <c r="FF34" s="25">
        <v>0</v>
      </c>
      <c r="FG34" s="25">
        <v>0</v>
      </c>
      <c r="FH34" s="25">
        <v>0</v>
      </c>
      <c r="FI34" s="25">
        <v>1388</v>
      </c>
      <c r="FJ34" s="28">
        <v>1605</v>
      </c>
      <c r="FK34" s="29">
        <v>1605</v>
      </c>
      <c r="FL34" s="24">
        <v>0</v>
      </c>
      <c r="FM34" s="25">
        <v>0</v>
      </c>
      <c r="FN34" s="26">
        <v>0</v>
      </c>
      <c r="FO34" s="404">
        <v>0</v>
      </c>
      <c r="FP34" s="25">
        <v>0</v>
      </c>
      <c r="FQ34" s="25">
        <v>0</v>
      </c>
      <c r="FR34" s="25">
        <v>0</v>
      </c>
      <c r="FS34" s="25">
        <v>0</v>
      </c>
      <c r="FT34" s="25">
        <v>0</v>
      </c>
      <c r="FU34" s="28">
        <v>0</v>
      </c>
      <c r="FV34" s="29">
        <v>0</v>
      </c>
      <c r="FW34" s="24">
        <v>0</v>
      </c>
      <c r="FX34" s="25">
        <v>0</v>
      </c>
      <c r="FY34" s="26">
        <v>0</v>
      </c>
      <c r="FZ34" s="27">
        <v>0</v>
      </c>
      <c r="GA34" s="25">
        <v>1404</v>
      </c>
      <c r="GB34" s="25">
        <v>10530</v>
      </c>
      <c r="GC34" s="25">
        <v>20951</v>
      </c>
      <c r="GD34" s="25">
        <v>0</v>
      </c>
      <c r="GE34" s="25">
        <v>0</v>
      </c>
      <c r="GF34" s="28">
        <v>32885</v>
      </c>
      <c r="GG34" s="29">
        <v>32885</v>
      </c>
      <c r="GH34" s="24">
        <v>0</v>
      </c>
      <c r="GI34" s="25">
        <v>0</v>
      </c>
      <c r="GJ34" s="26">
        <v>0</v>
      </c>
      <c r="GK34" s="27">
        <v>0</v>
      </c>
      <c r="GL34" s="25">
        <v>0</v>
      </c>
      <c r="GM34" s="25">
        <v>0</v>
      </c>
      <c r="GN34" s="25">
        <v>1004</v>
      </c>
      <c r="GO34" s="25">
        <v>0</v>
      </c>
      <c r="GP34" s="25">
        <v>0</v>
      </c>
      <c r="GQ34" s="28">
        <v>1004</v>
      </c>
      <c r="GR34" s="29">
        <v>1004</v>
      </c>
      <c r="GS34" s="24">
        <v>0</v>
      </c>
      <c r="GT34" s="25">
        <v>0</v>
      </c>
      <c r="GU34" s="26">
        <v>0</v>
      </c>
      <c r="GV34" s="27">
        <v>0</v>
      </c>
      <c r="GW34" s="25">
        <v>0</v>
      </c>
      <c r="GX34" s="25">
        <v>0</v>
      </c>
      <c r="GY34" s="25">
        <v>0</v>
      </c>
      <c r="GZ34" s="25">
        <v>0</v>
      </c>
      <c r="HA34" s="25">
        <v>0</v>
      </c>
      <c r="HB34" s="28">
        <v>0</v>
      </c>
      <c r="HC34" s="29">
        <v>0</v>
      </c>
      <c r="HD34" s="24">
        <v>0</v>
      </c>
      <c r="HE34" s="25">
        <v>0</v>
      </c>
      <c r="HF34" s="26">
        <v>0</v>
      </c>
      <c r="HG34" s="404">
        <v>0</v>
      </c>
      <c r="HH34" s="25">
        <v>0</v>
      </c>
      <c r="HI34" s="25">
        <v>0</v>
      </c>
      <c r="HJ34" s="25">
        <v>0</v>
      </c>
      <c r="HK34" s="25">
        <v>0</v>
      </c>
      <c r="HL34" s="25">
        <v>0</v>
      </c>
      <c r="HM34" s="28">
        <v>0</v>
      </c>
      <c r="HN34" s="29">
        <v>0</v>
      </c>
      <c r="HO34" s="24">
        <v>0</v>
      </c>
      <c r="HP34" s="25">
        <v>0</v>
      </c>
      <c r="HQ34" s="26">
        <v>0</v>
      </c>
      <c r="HR34" s="27">
        <v>0</v>
      </c>
      <c r="HS34" s="25">
        <v>55283</v>
      </c>
      <c r="HT34" s="25">
        <v>158526</v>
      </c>
      <c r="HU34" s="25">
        <v>434935</v>
      </c>
      <c r="HV34" s="25">
        <v>381834</v>
      </c>
      <c r="HW34" s="25">
        <v>414003</v>
      </c>
      <c r="HX34" s="28">
        <v>1444581</v>
      </c>
      <c r="HY34" s="29">
        <v>1444581</v>
      </c>
    </row>
    <row r="35" spans="2:233" ht="21" customHeight="1" x14ac:dyDescent="0.2">
      <c r="B35" s="106" t="s">
        <v>32</v>
      </c>
      <c r="C35" s="24">
        <v>0</v>
      </c>
      <c r="D35" s="25">
        <v>0</v>
      </c>
      <c r="E35" s="26">
        <v>0</v>
      </c>
      <c r="F35" s="27">
        <v>0</v>
      </c>
      <c r="G35" s="25">
        <v>27210</v>
      </c>
      <c r="H35" s="25">
        <v>113555</v>
      </c>
      <c r="I35" s="25">
        <v>185620</v>
      </c>
      <c r="J35" s="25">
        <v>424640</v>
      </c>
      <c r="K35" s="25">
        <v>238756</v>
      </c>
      <c r="L35" s="28">
        <v>989781</v>
      </c>
      <c r="M35" s="29">
        <v>989781</v>
      </c>
      <c r="N35" s="24">
        <v>0</v>
      </c>
      <c r="O35" s="25">
        <v>0</v>
      </c>
      <c r="P35" s="26">
        <v>0</v>
      </c>
      <c r="Q35" s="404">
        <v>0</v>
      </c>
      <c r="R35" s="25">
        <v>0</v>
      </c>
      <c r="S35" s="25">
        <v>0</v>
      </c>
      <c r="T35" s="25">
        <v>65240</v>
      </c>
      <c r="U35" s="25">
        <v>247785</v>
      </c>
      <c r="V35" s="25">
        <v>176136</v>
      </c>
      <c r="W35" s="28">
        <v>489161</v>
      </c>
      <c r="X35" s="29">
        <v>489161</v>
      </c>
      <c r="Y35" s="24">
        <v>0</v>
      </c>
      <c r="Z35" s="25">
        <v>0</v>
      </c>
      <c r="AA35" s="26">
        <v>0</v>
      </c>
      <c r="AB35" s="404">
        <v>0</v>
      </c>
      <c r="AC35" s="25">
        <v>26920</v>
      </c>
      <c r="AD35" s="25">
        <v>113265</v>
      </c>
      <c r="AE35" s="25">
        <v>7905</v>
      </c>
      <c r="AF35" s="25">
        <v>141515</v>
      </c>
      <c r="AG35" s="25">
        <v>0</v>
      </c>
      <c r="AH35" s="28">
        <v>289605</v>
      </c>
      <c r="AI35" s="29">
        <v>289605</v>
      </c>
      <c r="AJ35" s="24">
        <v>0</v>
      </c>
      <c r="AK35" s="25">
        <v>0</v>
      </c>
      <c r="AL35" s="26">
        <v>0</v>
      </c>
      <c r="AM35" s="404">
        <v>0</v>
      </c>
      <c r="AN35" s="25">
        <v>0</v>
      </c>
      <c r="AO35" s="25">
        <v>0</v>
      </c>
      <c r="AP35" s="25">
        <v>0</v>
      </c>
      <c r="AQ35" s="25">
        <v>0</v>
      </c>
      <c r="AR35" s="25">
        <v>0</v>
      </c>
      <c r="AS35" s="28">
        <v>0</v>
      </c>
      <c r="AT35" s="29">
        <v>0</v>
      </c>
      <c r="AU35" s="24">
        <v>0</v>
      </c>
      <c r="AV35" s="25">
        <v>0</v>
      </c>
      <c r="AW35" s="26">
        <v>0</v>
      </c>
      <c r="AX35" s="404">
        <v>0</v>
      </c>
      <c r="AY35" s="25">
        <v>0</v>
      </c>
      <c r="AZ35" s="25">
        <v>0</v>
      </c>
      <c r="BA35" s="25">
        <v>0</v>
      </c>
      <c r="BB35" s="25">
        <v>0</v>
      </c>
      <c r="BC35" s="25">
        <v>32705</v>
      </c>
      <c r="BD35" s="28">
        <v>32705</v>
      </c>
      <c r="BE35" s="29">
        <v>32705</v>
      </c>
      <c r="BF35" s="24">
        <v>0</v>
      </c>
      <c r="BG35" s="25">
        <v>0</v>
      </c>
      <c r="BH35" s="26">
        <v>0</v>
      </c>
      <c r="BI35" s="404">
        <v>0</v>
      </c>
      <c r="BJ35" s="25">
        <v>0</v>
      </c>
      <c r="BK35" s="25">
        <v>0</v>
      </c>
      <c r="BL35" s="25">
        <v>106175</v>
      </c>
      <c r="BM35" s="25">
        <v>35340</v>
      </c>
      <c r="BN35" s="25">
        <v>29915</v>
      </c>
      <c r="BO35" s="28">
        <v>171430</v>
      </c>
      <c r="BP35" s="29">
        <v>171430</v>
      </c>
      <c r="BQ35" s="24">
        <v>0</v>
      </c>
      <c r="BR35" s="25">
        <v>0</v>
      </c>
      <c r="BS35" s="26">
        <v>0</v>
      </c>
      <c r="BT35" s="27">
        <v>0</v>
      </c>
      <c r="BU35" s="25">
        <v>290</v>
      </c>
      <c r="BV35" s="25">
        <v>290</v>
      </c>
      <c r="BW35" s="25">
        <v>6300</v>
      </c>
      <c r="BX35" s="25">
        <v>0</v>
      </c>
      <c r="BY35" s="25">
        <v>0</v>
      </c>
      <c r="BZ35" s="28">
        <v>6880</v>
      </c>
      <c r="CA35" s="29">
        <v>6880</v>
      </c>
      <c r="CB35" s="24">
        <v>0</v>
      </c>
      <c r="CC35" s="25">
        <v>0</v>
      </c>
      <c r="CD35" s="26">
        <v>0</v>
      </c>
      <c r="CE35" s="27">
        <v>0</v>
      </c>
      <c r="CF35" s="25">
        <v>0</v>
      </c>
      <c r="CG35" s="25">
        <v>0</v>
      </c>
      <c r="CH35" s="25">
        <v>0</v>
      </c>
      <c r="CI35" s="25">
        <v>0</v>
      </c>
      <c r="CJ35" s="25">
        <v>0</v>
      </c>
      <c r="CK35" s="28">
        <v>0</v>
      </c>
      <c r="CL35" s="29">
        <v>0</v>
      </c>
      <c r="CM35" s="24">
        <v>0</v>
      </c>
      <c r="CN35" s="25">
        <v>0</v>
      </c>
      <c r="CO35" s="26">
        <v>0</v>
      </c>
      <c r="CP35" s="27">
        <v>0</v>
      </c>
      <c r="CQ35" s="25">
        <v>0</v>
      </c>
      <c r="CR35" s="25">
        <v>0</v>
      </c>
      <c r="CS35" s="25">
        <v>0</v>
      </c>
      <c r="CT35" s="25">
        <v>0</v>
      </c>
      <c r="CU35" s="25">
        <v>0</v>
      </c>
      <c r="CV35" s="28">
        <v>0</v>
      </c>
      <c r="CW35" s="29">
        <v>0</v>
      </c>
      <c r="CX35" s="24">
        <v>0</v>
      </c>
      <c r="CY35" s="25">
        <v>0</v>
      </c>
      <c r="CZ35" s="26">
        <v>0</v>
      </c>
      <c r="DA35" s="404">
        <v>0</v>
      </c>
      <c r="DB35" s="25">
        <v>0</v>
      </c>
      <c r="DC35" s="25">
        <v>0</v>
      </c>
      <c r="DD35" s="25">
        <v>0</v>
      </c>
      <c r="DE35" s="25">
        <v>0</v>
      </c>
      <c r="DF35" s="25">
        <v>0</v>
      </c>
      <c r="DG35" s="28">
        <v>0</v>
      </c>
      <c r="DH35" s="29">
        <v>0</v>
      </c>
      <c r="DI35" s="24">
        <v>0</v>
      </c>
      <c r="DJ35" s="25">
        <v>0</v>
      </c>
      <c r="DK35" s="26">
        <v>0</v>
      </c>
      <c r="DL35" s="27">
        <v>0</v>
      </c>
      <c r="DM35" s="25">
        <v>2325</v>
      </c>
      <c r="DN35" s="25">
        <v>2209</v>
      </c>
      <c r="DO35" s="25">
        <v>207878</v>
      </c>
      <c r="DP35" s="25">
        <v>470480</v>
      </c>
      <c r="DQ35" s="25">
        <v>209084</v>
      </c>
      <c r="DR35" s="28">
        <v>891976</v>
      </c>
      <c r="DS35" s="30">
        <v>891976</v>
      </c>
      <c r="DT35" s="24">
        <v>0</v>
      </c>
      <c r="DU35" s="25">
        <v>0</v>
      </c>
      <c r="DV35" s="26">
        <v>0</v>
      </c>
      <c r="DW35" s="404">
        <v>0</v>
      </c>
      <c r="DX35" s="25">
        <v>0</v>
      </c>
      <c r="DY35" s="25">
        <v>0</v>
      </c>
      <c r="DZ35" s="25">
        <v>73470</v>
      </c>
      <c r="EA35" s="25">
        <v>387545</v>
      </c>
      <c r="EB35" s="25">
        <v>176224</v>
      </c>
      <c r="EC35" s="28">
        <v>637239</v>
      </c>
      <c r="ED35" s="29">
        <v>637239</v>
      </c>
      <c r="EE35" s="24">
        <v>0</v>
      </c>
      <c r="EF35" s="25">
        <v>0</v>
      </c>
      <c r="EG35" s="26">
        <v>0</v>
      </c>
      <c r="EH35" s="404">
        <v>0</v>
      </c>
      <c r="EI35" s="25">
        <v>385</v>
      </c>
      <c r="EJ35" s="25">
        <v>805</v>
      </c>
      <c r="EK35" s="25">
        <v>651</v>
      </c>
      <c r="EL35" s="25">
        <v>48422</v>
      </c>
      <c r="EM35" s="25">
        <v>0</v>
      </c>
      <c r="EN35" s="28">
        <v>50263</v>
      </c>
      <c r="EO35" s="29">
        <v>50263</v>
      </c>
      <c r="EP35" s="24">
        <v>0</v>
      </c>
      <c r="EQ35" s="25">
        <v>0</v>
      </c>
      <c r="ER35" s="26">
        <v>0</v>
      </c>
      <c r="ES35" s="404">
        <v>0</v>
      </c>
      <c r="ET35" s="25">
        <v>0</v>
      </c>
      <c r="EU35" s="25">
        <v>0</v>
      </c>
      <c r="EV35" s="25">
        <v>0</v>
      </c>
      <c r="EW35" s="25">
        <v>0</v>
      </c>
      <c r="EX35" s="25">
        <v>0</v>
      </c>
      <c r="EY35" s="28">
        <v>0</v>
      </c>
      <c r="EZ35" s="29">
        <v>0</v>
      </c>
      <c r="FA35" s="24">
        <v>0</v>
      </c>
      <c r="FB35" s="25">
        <v>0</v>
      </c>
      <c r="FC35" s="26">
        <v>0</v>
      </c>
      <c r="FD35" s="404">
        <v>0</v>
      </c>
      <c r="FE35" s="25">
        <v>0</v>
      </c>
      <c r="FF35" s="25">
        <v>0</v>
      </c>
      <c r="FG35" s="25">
        <v>0</v>
      </c>
      <c r="FH35" s="25">
        <v>0</v>
      </c>
      <c r="FI35" s="25">
        <v>217</v>
      </c>
      <c r="FJ35" s="28">
        <v>217</v>
      </c>
      <c r="FK35" s="29">
        <v>217</v>
      </c>
      <c r="FL35" s="24">
        <v>0</v>
      </c>
      <c r="FM35" s="25">
        <v>0</v>
      </c>
      <c r="FN35" s="26">
        <v>0</v>
      </c>
      <c r="FO35" s="404">
        <v>0</v>
      </c>
      <c r="FP35" s="25">
        <v>0</v>
      </c>
      <c r="FQ35" s="25">
        <v>0</v>
      </c>
      <c r="FR35" s="25">
        <v>117862</v>
      </c>
      <c r="FS35" s="25">
        <v>34513</v>
      </c>
      <c r="FT35" s="25">
        <v>32643</v>
      </c>
      <c r="FU35" s="28">
        <v>185018</v>
      </c>
      <c r="FV35" s="29">
        <v>185018</v>
      </c>
      <c r="FW35" s="24">
        <v>0</v>
      </c>
      <c r="FX35" s="25">
        <v>0</v>
      </c>
      <c r="FY35" s="26">
        <v>0</v>
      </c>
      <c r="FZ35" s="27">
        <v>0</v>
      </c>
      <c r="GA35" s="25">
        <v>1940</v>
      </c>
      <c r="GB35" s="25">
        <v>1404</v>
      </c>
      <c r="GC35" s="25">
        <v>15895</v>
      </c>
      <c r="GD35" s="25">
        <v>0</v>
      </c>
      <c r="GE35" s="25">
        <v>0</v>
      </c>
      <c r="GF35" s="28">
        <v>19239</v>
      </c>
      <c r="GG35" s="29">
        <v>19239</v>
      </c>
      <c r="GH35" s="24">
        <v>0</v>
      </c>
      <c r="GI35" s="25">
        <v>0</v>
      </c>
      <c r="GJ35" s="26">
        <v>0</v>
      </c>
      <c r="GK35" s="27">
        <v>0</v>
      </c>
      <c r="GL35" s="25">
        <v>0</v>
      </c>
      <c r="GM35" s="25">
        <v>0</v>
      </c>
      <c r="GN35" s="25">
        <v>0</v>
      </c>
      <c r="GO35" s="25">
        <v>0</v>
      </c>
      <c r="GP35" s="25">
        <v>0</v>
      </c>
      <c r="GQ35" s="28">
        <v>0</v>
      </c>
      <c r="GR35" s="29">
        <v>0</v>
      </c>
      <c r="GS35" s="24">
        <v>0</v>
      </c>
      <c r="GT35" s="25">
        <v>0</v>
      </c>
      <c r="GU35" s="26">
        <v>0</v>
      </c>
      <c r="GV35" s="27">
        <v>0</v>
      </c>
      <c r="GW35" s="25">
        <v>0</v>
      </c>
      <c r="GX35" s="25">
        <v>0</v>
      </c>
      <c r="GY35" s="25">
        <v>0</v>
      </c>
      <c r="GZ35" s="25">
        <v>0</v>
      </c>
      <c r="HA35" s="25">
        <v>0</v>
      </c>
      <c r="HB35" s="28">
        <v>0</v>
      </c>
      <c r="HC35" s="29">
        <v>0</v>
      </c>
      <c r="HD35" s="24">
        <v>0</v>
      </c>
      <c r="HE35" s="25">
        <v>0</v>
      </c>
      <c r="HF35" s="26">
        <v>0</v>
      </c>
      <c r="HG35" s="404">
        <v>0</v>
      </c>
      <c r="HH35" s="25">
        <v>0</v>
      </c>
      <c r="HI35" s="25">
        <v>0</v>
      </c>
      <c r="HJ35" s="25">
        <v>0</v>
      </c>
      <c r="HK35" s="25">
        <v>0</v>
      </c>
      <c r="HL35" s="25">
        <v>0</v>
      </c>
      <c r="HM35" s="28">
        <v>0</v>
      </c>
      <c r="HN35" s="29">
        <v>0</v>
      </c>
      <c r="HO35" s="24">
        <v>0</v>
      </c>
      <c r="HP35" s="25">
        <v>0</v>
      </c>
      <c r="HQ35" s="26">
        <v>0</v>
      </c>
      <c r="HR35" s="27">
        <v>0</v>
      </c>
      <c r="HS35" s="25">
        <v>29535</v>
      </c>
      <c r="HT35" s="25">
        <v>115764</v>
      </c>
      <c r="HU35" s="25">
        <v>393498</v>
      </c>
      <c r="HV35" s="25">
        <v>895120</v>
      </c>
      <c r="HW35" s="25">
        <v>447840</v>
      </c>
      <c r="HX35" s="28">
        <v>1881757</v>
      </c>
      <c r="HY35" s="29">
        <v>1881757</v>
      </c>
    </row>
    <row r="36" spans="2:233" ht="21" customHeight="1" x14ac:dyDescent="0.2">
      <c r="B36" s="106" t="s">
        <v>33</v>
      </c>
      <c r="C36" s="24">
        <v>0</v>
      </c>
      <c r="D36" s="25">
        <v>0</v>
      </c>
      <c r="E36" s="26">
        <v>0</v>
      </c>
      <c r="F36" s="27">
        <v>0</v>
      </c>
      <c r="G36" s="25">
        <v>38260</v>
      </c>
      <c r="H36" s="25">
        <v>229590</v>
      </c>
      <c r="I36" s="25">
        <v>479250</v>
      </c>
      <c r="J36" s="25">
        <v>694430</v>
      </c>
      <c r="K36" s="25">
        <v>187910</v>
      </c>
      <c r="L36" s="28">
        <v>1629440</v>
      </c>
      <c r="M36" s="29">
        <v>1629440</v>
      </c>
      <c r="N36" s="24">
        <v>0</v>
      </c>
      <c r="O36" s="25">
        <v>0</v>
      </c>
      <c r="P36" s="26">
        <v>0</v>
      </c>
      <c r="Q36" s="404">
        <v>0</v>
      </c>
      <c r="R36" s="25">
        <v>1955</v>
      </c>
      <c r="S36" s="25">
        <v>59985</v>
      </c>
      <c r="T36" s="25">
        <v>373240</v>
      </c>
      <c r="U36" s="25">
        <v>430745</v>
      </c>
      <c r="V36" s="25">
        <v>142200</v>
      </c>
      <c r="W36" s="28">
        <v>1008125</v>
      </c>
      <c r="X36" s="29">
        <v>1008125</v>
      </c>
      <c r="Y36" s="24">
        <v>0</v>
      </c>
      <c r="Z36" s="25">
        <v>0</v>
      </c>
      <c r="AA36" s="26">
        <v>0</v>
      </c>
      <c r="AB36" s="404">
        <v>0</v>
      </c>
      <c r="AC36" s="25">
        <v>35340</v>
      </c>
      <c r="AD36" s="25">
        <v>95480</v>
      </c>
      <c r="AE36" s="25">
        <v>47810</v>
      </c>
      <c r="AF36" s="25">
        <v>192695</v>
      </c>
      <c r="AG36" s="25">
        <v>5185</v>
      </c>
      <c r="AH36" s="28">
        <v>376510</v>
      </c>
      <c r="AI36" s="29">
        <v>376510</v>
      </c>
      <c r="AJ36" s="24">
        <v>0</v>
      </c>
      <c r="AK36" s="25">
        <v>0</v>
      </c>
      <c r="AL36" s="26">
        <v>0</v>
      </c>
      <c r="AM36" s="404">
        <v>0</v>
      </c>
      <c r="AN36" s="25">
        <v>0</v>
      </c>
      <c r="AO36" s="25">
        <v>0</v>
      </c>
      <c r="AP36" s="25">
        <v>0</v>
      </c>
      <c r="AQ36" s="25">
        <v>0</v>
      </c>
      <c r="AR36" s="25">
        <v>0</v>
      </c>
      <c r="AS36" s="28">
        <v>0</v>
      </c>
      <c r="AT36" s="29">
        <v>0</v>
      </c>
      <c r="AU36" s="24">
        <v>0</v>
      </c>
      <c r="AV36" s="25">
        <v>0</v>
      </c>
      <c r="AW36" s="26">
        <v>0</v>
      </c>
      <c r="AX36" s="404">
        <v>0</v>
      </c>
      <c r="AY36" s="25">
        <v>0</v>
      </c>
      <c r="AZ36" s="25">
        <v>65325</v>
      </c>
      <c r="BA36" s="25">
        <v>58200</v>
      </c>
      <c r="BB36" s="25">
        <v>70990</v>
      </c>
      <c r="BC36" s="25">
        <v>40525</v>
      </c>
      <c r="BD36" s="28">
        <v>235040</v>
      </c>
      <c r="BE36" s="29">
        <v>235040</v>
      </c>
      <c r="BF36" s="24">
        <v>0</v>
      </c>
      <c r="BG36" s="25">
        <v>0</v>
      </c>
      <c r="BH36" s="26">
        <v>0</v>
      </c>
      <c r="BI36" s="404">
        <v>0</v>
      </c>
      <c r="BJ36" s="25">
        <v>0</v>
      </c>
      <c r="BK36" s="25">
        <v>0</v>
      </c>
      <c r="BL36" s="25">
        <v>0</v>
      </c>
      <c r="BM36" s="25">
        <v>0</v>
      </c>
      <c r="BN36" s="25">
        <v>0</v>
      </c>
      <c r="BO36" s="28">
        <v>0</v>
      </c>
      <c r="BP36" s="29">
        <v>0</v>
      </c>
      <c r="BQ36" s="24">
        <v>0</v>
      </c>
      <c r="BR36" s="25">
        <v>0</v>
      </c>
      <c r="BS36" s="26">
        <v>0</v>
      </c>
      <c r="BT36" s="27">
        <v>0</v>
      </c>
      <c r="BU36" s="25">
        <v>555</v>
      </c>
      <c r="BV36" s="25">
        <v>7910</v>
      </c>
      <c r="BW36" s="25">
        <v>0</v>
      </c>
      <c r="BX36" s="25">
        <v>0</v>
      </c>
      <c r="BY36" s="25">
        <v>0</v>
      </c>
      <c r="BZ36" s="28">
        <v>8465</v>
      </c>
      <c r="CA36" s="29">
        <v>8465</v>
      </c>
      <c r="CB36" s="24">
        <v>0</v>
      </c>
      <c r="CC36" s="25">
        <v>0</v>
      </c>
      <c r="CD36" s="26">
        <v>0</v>
      </c>
      <c r="CE36" s="27">
        <v>0</v>
      </c>
      <c r="CF36" s="25">
        <v>410</v>
      </c>
      <c r="CG36" s="25">
        <v>890</v>
      </c>
      <c r="CH36" s="25">
        <v>0</v>
      </c>
      <c r="CI36" s="25">
        <v>0</v>
      </c>
      <c r="CJ36" s="25">
        <v>0</v>
      </c>
      <c r="CK36" s="28">
        <v>1300</v>
      </c>
      <c r="CL36" s="29">
        <v>1300</v>
      </c>
      <c r="CM36" s="24">
        <v>0</v>
      </c>
      <c r="CN36" s="25">
        <v>0</v>
      </c>
      <c r="CO36" s="26">
        <v>0</v>
      </c>
      <c r="CP36" s="27">
        <v>0</v>
      </c>
      <c r="CQ36" s="25">
        <v>0</v>
      </c>
      <c r="CR36" s="25">
        <v>0</v>
      </c>
      <c r="CS36" s="25">
        <v>0</v>
      </c>
      <c r="CT36" s="25">
        <v>0</v>
      </c>
      <c r="CU36" s="25">
        <v>0</v>
      </c>
      <c r="CV36" s="28">
        <v>0</v>
      </c>
      <c r="CW36" s="29">
        <v>0</v>
      </c>
      <c r="CX36" s="24">
        <v>0</v>
      </c>
      <c r="CY36" s="25">
        <v>0</v>
      </c>
      <c r="CZ36" s="26">
        <v>0</v>
      </c>
      <c r="DA36" s="404">
        <v>0</v>
      </c>
      <c r="DB36" s="25">
        <v>0</v>
      </c>
      <c r="DC36" s="25">
        <v>0</v>
      </c>
      <c r="DD36" s="25">
        <v>0</v>
      </c>
      <c r="DE36" s="25">
        <v>0</v>
      </c>
      <c r="DF36" s="25">
        <v>0</v>
      </c>
      <c r="DG36" s="28">
        <v>0</v>
      </c>
      <c r="DH36" s="29">
        <v>0</v>
      </c>
      <c r="DI36" s="24">
        <v>0</v>
      </c>
      <c r="DJ36" s="25">
        <v>0</v>
      </c>
      <c r="DK36" s="26">
        <v>0</v>
      </c>
      <c r="DL36" s="27">
        <v>0</v>
      </c>
      <c r="DM36" s="25">
        <v>22734</v>
      </c>
      <c r="DN36" s="25">
        <v>86877</v>
      </c>
      <c r="DO36" s="25">
        <v>446924</v>
      </c>
      <c r="DP36" s="25">
        <v>447733</v>
      </c>
      <c r="DQ36" s="25">
        <v>134656</v>
      </c>
      <c r="DR36" s="28">
        <v>1138924</v>
      </c>
      <c r="DS36" s="30">
        <v>1138924</v>
      </c>
      <c r="DT36" s="24">
        <v>0</v>
      </c>
      <c r="DU36" s="25">
        <v>0</v>
      </c>
      <c r="DV36" s="26">
        <v>0</v>
      </c>
      <c r="DW36" s="404">
        <v>0</v>
      </c>
      <c r="DX36" s="25">
        <v>20184</v>
      </c>
      <c r="DY36" s="25">
        <v>51646</v>
      </c>
      <c r="DZ36" s="25">
        <v>426560</v>
      </c>
      <c r="EA36" s="25">
        <v>392677</v>
      </c>
      <c r="EB36" s="25">
        <v>133361</v>
      </c>
      <c r="EC36" s="28">
        <v>1024428</v>
      </c>
      <c r="ED36" s="29">
        <v>1024428</v>
      </c>
      <c r="EE36" s="24">
        <v>0</v>
      </c>
      <c r="EF36" s="25">
        <v>0</v>
      </c>
      <c r="EG36" s="26">
        <v>0</v>
      </c>
      <c r="EH36" s="404">
        <v>0</v>
      </c>
      <c r="EI36" s="25">
        <v>434</v>
      </c>
      <c r="EJ36" s="25">
        <v>14198</v>
      </c>
      <c r="EK36" s="25">
        <v>19846</v>
      </c>
      <c r="EL36" s="25">
        <v>27962</v>
      </c>
      <c r="EM36" s="25">
        <v>434</v>
      </c>
      <c r="EN36" s="28">
        <v>62874</v>
      </c>
      <c r="EO36" s="29">
        <v>62874</v>
      </c>
      <c r="EP36" s="24">
        <v>0</v>
      </c>
      <c r="EQ36" s="25">
        <v>0</v>
      </c>
      <c r="ER36" s="26">
        <v>0</v>
      </c>
      <c r="ES36" s="404">
        <v>0</v>
      </c>
      <c r="ET36" s="25">
        <v>0</v>
      </c>
      <c r="EU36" s="25">
        <v>0</v>
      </c>
      <c r="EV36" s="25">
        <v>0</v>
      </c>
      <c r="EW36" s="25">
        <v>0</v>
      </c>
      <c r="EX36" s="25">
        <v>0</v>
      </c>
      <c r="EY36" s="28">
        <v>0</v>
      </c>
      <c r="EZ36" s="29">
        <v>0</v>
      </c>
      <c r="FA36" s="24">
        <v>0</v>
      </c>
      <c r="FB36" s="25">
        <v>0</v>
      </c>
      <c r="FC36" s="26">
        <v>0</v>
      </c>
      <c r="FD36" s="404">
        <v>0</v>
      </c>
      <c r="FE36" s="25">
        <v>0</v>
      </c>
      <c r="FF36" s="25">
        <v>14191</v>
      </c>
      <c r="FG36" s="25">
        <v>518</v>
      </c>
      <c r="FH36" s="25">
        <v>27094</v>
      </c>
      <c r="FI36" s="25">
        <v>861</v>
      </c>
      <c r="FJ36" s="28">
        <v>42664</v>
      </c>
      <c r="FK36" s="29">
        <v>42664</v>
      </c>
      <c r="FL36" s="24">
        <v>0</v>
      </c>
      <c r="FM36" s="25">
        <v>0</v>
      </c>
      <c r="FN36" s="26">
        <v>0</v>
      </c>
      <c r="FO36" s="404">
        <v>0</v>
      </c>
      <c r="FP36" s="25">
        <v>0</v>
      </c>
      <c r="FQ36" s="25">
        <v>0</v>
      </c>
      <c r="FR36" s="25">
        <v>0</v>
      </c>
      <c r="FS36" s="25">
        <v>0</v>
      </c>
      <c r="FT36" s="25">
        <v>0</v>
      </c>
      <c r="FU36" s="28">
        <v>0</v>
      </c>
      <c r="FV36" s="29">
        <v>0</v>
      </c>
      <c r="FW36" s="24">
        <v>0</v>
      </c>
      <c r="FX36" s="25">
        <v>0</v>
      </c>
      <c r="FY36" s="26">
        <v>0</v>
      </c>
      <c r="FZ36" s="27">
        <v>0</v>
      </c>
      <c r="GA36" s="25">
        <v>2088</v>
      </c>
      <c r="GB36" s="25">
        <v>6828</v>
      </c>
      <c r="GC36" s="25">
        <v>0</v>
      </c>
      <c r="GD36" s="25">
        <v>0</v>
      </c>
      <c r="GE36" s="25">
        <v>0</v>
      </c>
      <c r="GF36" s="28">
        <v>8916</v>
      </c>
      <c r="GG36" s="29">
        <v>8916</v>
      </c>
      <c r="GH36" s="24">
        <v>0</v>
      </c>
      <c r="GI36" s="25">
        <v>0</v>
      </c>
      <c r="GJ36" s="26">
        <v>0</v>
      </c>
      <c r="GK36" s="27">
        <v>0</v>
      </c>
      <c r="GL36" s="25">
        <v>28</v>
      </c>
      <c r="GM36" s="25">
        <v>14</v>
      </c>
      <c r="GN36" s="25">
        <v>0</v>
      </c>
      <c r="GO36" s="25">
        <v>0</v>
      </c>
      <c r="GP36" s="25">
        <v>0</v>
      </c>
      <c r="GQ36" s="28">
        <v>42</v>
      </c>
      <c r="GR36" s="29">
        <v>42</v>
      </c>
      <c r="GS36" s="24">
        <v>0</v>
      </c>
      <c r="GT36" s="25">
        <v>0</v>
      </c>
      <c r="GU36" s="26">
        <v>0</v>
      </c>
      <c r="GV36" s="27">
        <v>0</v>
      </c>
      <c r="GW36" s="25">
        <v>0</v>
      </c>
      <c r="GX36" s="25">
        <v>0</v>
      </c>
      <c r="GY36" s="25">
        <v>0</v>
      </c>
      <c r="GZ36" s="25">
        <v>0</v>
      </c>
      <c r="HA36" s="25">
        <v>0</v>
      </c>
      <c r="HB36" s="28">
        <v>0</v>
      </c>
      <c r="HC36" s="29">
        <v>0</v>
      </c>
      <c r="HD36" s="24">
        <v>0</v>
      </c>
      <c r="HE36" s="25">
        <v>0</v>
      </c>
      <c r="HF36" s="26">
        <v>0</v>
      </c>
      <c r="HG36" s="404">
        <v>0</v>
      </c>
      <c r="HH36" s="25">
        <v>0</v>
      </c>
      <c r="HI36" s="25">
        <v>0</v>
      </c>
      <c r="HJ36" s="25">
        <v>0</v>
      </c>
      <c r="HK36" s="25">
        <v>0</v>
      </c>
      <c r="HL36" s="25">
        <v>0</v>
      </c>
      <c r="HM36" s="28">
        <v>0</v>
      </c>
      <c r="HN36" s="29">
        <v>0</v>
      </c>
      <c r="HO36" s="24">
        <v>0</v>
      </c>
      <c r="HP36" s="25">
        <v>0</v>
      </c>
      <c r="HQ36" s="26">
        <v>0</v>
      </c>
      <c r="HR36" s="27">
        <v>0</v>
      </c>
      <c r="HS36" s="25">
        <v>60994</v>
      </c>
      <c r="HT36" s="25">
        <v>316467</v>
      </c>
      <c r="HU36" s="25">
        <v>926174</v>
      </c>
      <c r="HV36" s="25">
        <v>1142163</v>
      </c>
      <c r="HW36" s="25">
        <v>322566</v>
      </c>
      <c r="HX36" s="28">
        <v>2768364</v>
      </c>
      <c r="HY36" s="29">
        <v>2768364</v>
      </c>
    </row>
    <row r="37" spans="2:233" ht="21" customHeight="1" x14ac:dyDescent="0.2">
      <c r="B37" s="106" t="s">
        <v>34</v>
      </c>
      <c r="C37" s="24">
        <v>0</v>
      </c>
      <c r="D37" s="25">
        <v>0</v>
      </c>
      <c r="E37" s="26">
        <v>0</v>
      </c>
      <c r="F37" s="27">
        <v>0</v>
      </c>
      <c r="G37" s="25">
        <v>97075</v>
      </c>
      <c r="H37" s="25">
        <v>147020</v>
      </c>
      <c r="I37" s="25">
        <v>101834</v>
      </c>
      <c r="J37" s="25">
        <v>567883</v>
      </c>
      <c r="K37" s="25">
        <v>261640</v>
      </c>
      <c r="L37" s="28">
        <v>1175452</v>
      </c>
      <c r="M37" s="29">
        <v>1175452</v>
      </c>
      <c r="N37" s="24">
        <v>0</v>
      </c>
      <c r="O37" s="25">
        <v>0</v>
      </c>
      <c r="P37" s="26">
        <v>0</v>
      </c>
      <c r="Q37" s="404">
        <v>0</v>
      </c>
      <c r="R37" s="25">
        <v>0</v>
      </c>
      <c r="S37" s="25">
        <v>0</v>
      </c>
      <c r="T37" s="25">
        <v>66845</v>
      </c>
      <c r="U37" s="25">
        <v>501205</v>
      </c>
      <c r="V37" s="25">
        <v>163525</v>
      </c>
      <c r="W37" s="28">
        <v>731575</v>
      </c>
      <c r="X37" s="29">
        <v>731575</v>
      </c>
      <c r="Y37" s="24">
        <v>0</v>
      </c>
      <c r="Z37" s="25">
        <v>0</v>
      </c>
      <c r="AA37" s="26">
        <v>0</v>
      </c>
      <c r="AB37" s="404">
        <v>0</v>
      </c>
      <c r="AC37" s="25">
        <v>95480</v>
      </c>
      <c r="AD37" s="25">
        <v>147020</v>
      </c>
      <c r="AE37" s="25">
        <v>32705</v>
      </c>
      <c r="AF37" s="25">
        <v>65410</v>
      </c>
      <c r="AG37" s="25">
        <v>65410</v>
      </c>
      <c r="AH37" s="28">
        <v>406025</v>
      </c>
      <c r="AI37" s="29">
        <v>406025</v>
      </c>
      <c r="AJ37" s="24">
        <v>0</v>
      </c>
      <c r="AK37" s="25">
        <v>0</v>
      </c>
      <c r="AL37" s="26">
        <v>0</v>
      </c>
      <c r="AM37" s="404">
        <v>0</v>
      </c>
      <c r="AN37" s="25">
        <v>0</v>
      </c>
      <c r="AO37" s="25">
        <v>0</v>
      </c>
      <c r="AP37" s="25">
        <v>0</v>
      </c>
      <c r="AQ37" s="25">
        <v>0</v>
      </c>
      <c r="AR37" s="25">
        <v>0</v>
      </c>
      <c r="AS37" s="28">
        <v>0</v>
      </c>
      <c r="AT37" s="29">
        <v>0</v>
      </c>
      <c r="AU37" s="24">
        <v>0</v>
      </c>
      <c r="AV37" s="25">
        <v>0</v>
      </c>
      <c r="AW37" s="26">
        <v>0</v>
      </c>
      <c r="AX37" s="404">
        <v>0</v>
      </c>
      <c r="AY37" s="25">
        <v>0</v>
      </c>
      <c r="AZ37" s="25">
        <v>0</v>
      </c>
      <c r="BA37" s="25">
        <v>0</v>
      </c>
      <c r="BB37" s="25">
        <v>0</v>
      </c>
      <c r="BC37" s="25">
        <v>32705</v>
      </c>
      <c r="BD37" s="28">
        <v>32705</v>
      </c>
      <c r="BE37" s="29">
        <v>32705</v>
      </c>
      <c r="BF37" s="24">
        <v>0</v>
      </c>
      <c r="BG37" s="25">
        <v>0</v>
      </c>
      <c r="BH37" s="26">
        <v>0</v>
      </c>
      <c r="BI37" s="404">
        <v>0</v>
      </c>
      <c r="BJ37" s="25">
        <v>0</v>
      </c>
      <c r="BK37" s="25">
        <v>0</v>
      </c>
      <c r="BL37" s="25">
        <v>0</v>
      </c>
      <c r="BM37" s="25">
        <v>0</v>
      </c>
      <c r="BN37" s="25">
        <v>0</v>
      </c>
      <c r="BO37" s="28">
        <v>0</v>
      </c>
      <c r="BP37" s="29">
        <v>0</v>
      </c>
      <c r="BQ37" s="24">
        <v>0</v>
      </c>
      <c r="BR37" s="25">
        <v>0</v>
      </c>
      <c r="BS37" s="26">
        <v>0</v>
      </c>
      <c r="BT37" s="27">
        <v>0</v>
      </c>
      <c r="BU37" s="25">
        <v>1595</v>
      </c>
      <c r="BV37" s="25">
        <v>0</v>
      </c>
      <c r="BW37" s="25">
        <v>2284</v>
      </c>
      <c r="BX37" s="25">
        <v>1268</v>
      </c>
      <c r="BY37" s="25">
        <v>0</v>
      </c>
      <c r="BZ37" s="28">
        <v>5147</v>
      </c>
      <c r="CA37" s="29">
        <v>5147</v>
      </c>
      <c r="CB37" s="24">
        <v>0</v>
      </c>
      <c r="CC37" s="25">
        <v>0</v>
      </c>
      <c r="CD37" s="26">
        <v>0</v>
      </c>
      <c r="CE37" s="27">
        <v>0</v>
      </c>
      <c r="CF37" s="25">
        <v>0</v>
      </c>
      <c r="CG37" s="25">
        <v>0</v>
      </c>
      <c r="CH37" s="25">
        <v>0</v>
      </c>
      <c r="CI37" s="25">
        <v>0</v>
      </c>
      <c r="CJ37" s="25">
        <v>0</v>
      </c>
      <c r="CK37" s="28">
        <v>0</v>
      </c>
      <c r="CL37" s="29">
        <v>0</v>
      </c>
      <c r="CM37" s="24">
        <v>0</v>
      </c>
      <c r="CN37" s="25">
        <v>0</v>
      </c>
      <c r="CO37" s="26">
        <v>0</v>
      </c>
      <c r="CP37" s="27">
        <v>0</v>
      </c>
      <c r="CQ37" s="25">
        <v>0</v>
      </c>
      <c r="CR37" s="25">
        <v>0</v>
      </c>
      <c r="CS37" s="25">
        <v>0</v>
      </c>
      <c r="CT37" s="25">
        <v>0</v>
      </c>
      <c r="CU37" s="25">
        <v>0</v>
      </c>
      <c r="CV37" s="28">
        <v>0</v>
      </c>
      <c r="CW37" s="29">
        <v>0</v>
      </c>
      <c r="CX37" s="24">
        <v>0</v>
      </c>
      <c r="CY37" s="25">
        <v>0</v>
      </c>
      <c r="CZ37" s="26">
        <v>0</v>
      </c>
      <c r="DA37" s="404">
        <v>0</v>
      </c>
      <c r="DB37" s="25">
        <v>0</v>
      </c>
      <c r="DC37" s="25">
        <v>0</v>
      </c>
      <c r="DD37" s="25">
        <v>0</v>
      </c>
      <c r="DE37" s="25">
        <v>0</v>
      </c>
      <c r="DF37" s="25">
        <v>0</v>
      </c>
      <c r="DG37" s="28">
        <v>0</v>
      </c>
      <c r="DH37" s="29">
        <v>0</v>
      </c>
      <c r="DI37" s="24">
        <v>0</v>
      </c>
      <c r="DJ37" s="25">
        <v>0</v>
      </c>
      <c r="DK37" s="26">
        <v>0</v>
      </c>
      <c r="DL37" s="27">
        <v>0</v>
      </c>
      <c r="DM37" s="25">
        <v>15483</v>
      </c>
      <c r="DN37" s="25">
        <v>1085</v>
      </c>
      <c r="DO37" s="25">
        <v>66250</v>
      </c>
      <c r="DP37" s="25">
        <v>392633</v>
      </c>
      <c r="DQ37" s="25">
        <v>97557</v>
      </c>
      <c r="DR37" s="28">
        <v>573008</v>
      </c>
      <c r="DS37" s="30">
        <v>573008</v>
      </c>
      <c r="DT37" s="24">
        <v>0</v>
      </c>
      <c r="DU37" s="25">
        <v>0</v>
      </c>
      <c r="DV37" s="26">
        <v>0</v>
      </c>
      <c r="DW37" s="404">
        <v>0</v>
      </c>
      <c r="DX37" s="25">
        <v>0</v>
      </c>
      <c r="DY37" s="25">
        <v>0</v>
      </c>
      <c r="DZ37" s="25">
        <v>62475</v>
      </c>
      <c r="EA37" s="25">
        <v>390259</v>
      </c>
      <c r="EB37" s="25">
        <v>96906</v>
      </c>
      <c r="EC37" s="28">
        <v>549640</v>
      </c>
      <c r="ED37" s="29">
        <v>549640</v>
      </c>
      <c r="EE37" s="24">
        <v>0</v>
      </c>
      <c r="EF37" s="25">
        <v>0</v>
      </c>
      <c r="EG37" s="26">
        <v>0</v>
      </c>
      <c r="EH37" s="404">
        <v>0</v>
      </c>
      <c r="EI37" s="25">
        <v>13981</v>
      </c>
      <c r="EJ37" s="25">
        <v>1085</v>
      </c>
      <c r="EK37" s="25">
        <v>217</v>
      </c>
      <c r="EL37" s="25">
        <v>434</v>
      </c>
      <c r="EM37" s="25">
        <v>434</v>
      </c>
      <c r="EN37" s="28">
        <v>16151</v>
      </c>
      <c r="EO37" s="29">
        <v>16151</v>
      </c>
      <c r="EP37" s="24">
        <v>0</v>
      </c>
      <c r="EQ37" s="25">
        <v>0</v>
      </c>
      <c r="ER37" s="26">
        <v>0</v>
      </c>
      <c r="ES37" s="404">
        <v>0</v>
      </c>
      <c r="ET37" s="25">
        <v>0</v>
      </c>
      <c r="EU37" s="25">
        <v>0</v>
      </c>
      <c r="EV37" s="25">
        <v>0</v>
      </c>
      <c r="EW37" s="25">
        <v>0</v>
      </c>
      <c r="EX37" s="25">
        <v>0</v>
      </c>
      <c r="EY37" s="28">
        <v>0</v>
      </c>
      <c r="EZ37" s="29">
        <v>0</v>
      </c>
      <c r="FA37" s="24">
        <v>0</v>
      </c>
      <c r="FB37" s="25">
        <v>0</v>
      </c>
      <c r="FC37" s="26">
        <v>0</v>
      </c>
      <c r="FD37" s="404">
        <v>0</v>
      </c>
      <c r="FE37" s="25">
        <v>0</v>
      </c>
      <c r="FF37" s="25">
        <v>0</v>
      </c>
      <c r="FG37" s="25">
        <v>0</v>
      </c>
      <c r="FH37" s="25">
        <v>0</v>
      </c>
      <c r="FI37" s="25">
        <v>217</v>
      </c>
      <c r="FJ37" s="28">
        <v>217</v>
      </c>
      <c r="FK37" s="29">
        <v>217</v>
      </c>
      <c r="FL37" s="24">
        <v>0</v>
      </c>
      <c r="FM37" s="25">
        <v>0</v>
      </c>
      <c r="FN37" s="26">
        <v>0</v>
      </c>
      <c r="FO37" s="404">
        <v>0</v>
      </c>
      <c r="FP37" s="25">
        <v>0</v>
      </c>
      <c r="FQ37" s="25">
        <v>0</v>
      </c>
      <c r="FR37" s="25">
        <v>0</v>
      </c>
      <c r="FS37" s="25">
        <v>0</v>
      </c>
      <c r="FT37" s="25">
        <v>0</v>
      </c>
      <c r="FU37" s="28">
        <v>0</v>
      </c>
      <c r="FV37" s="29">
        <v>0</v>
      </c>
      <c r="FW37" s="24">
        <v>0</v>
      </c>
      <c r="FX37" s="25">
        <v>0</v>
      </c>
      <c r="FY37" s="26">
        <v>0</v>
      </c>
      <c r="FZ37" s="27">
        <v>0</v>
      </c>
      <c r="GA37" s="25">
        <v>1502</v>
      </c>
      <c r="GB37" s="25">
        <v>0</v>
      </c>
      <c r="GC37" s="25">
        <v>3558</v>
      </c>
      <c r="GD37" s="25">
        <v>1940</v>
      </c>
      <c r="GE37" s="25">
        <v>0</v>
      </c>
      <c r="GF37" s="28">
        <v>7000</v>
      </c>
      <c r="GG37" s="29">
        <v>7000</v>
      </c>
      <c r="GH37" s="24">
        <v>0</v>
      </c>
      <c r="GI37" s="25">
        <v>0</v>
      </c>
      <c r="GJ37" s="26">
        <v>0</v>
      </c>
      <c r="GK37" s="27">
        <v>0</v>
      </c>
      <c r="GL37" s="25">
        <v>0</v>
      </c>
      <c r="GM37" s="25">
        <v>0</v>
      </c>
      <c r="GN37" s="25">
        <v>0</v>
      </c>
      <c r="GO37" s="25">
        <v>0</v>
      </c>
      <c r="GP37" s="25">
        <v>0</v>
      </c>
      <c r="GQ37" s="28">
        <v>0</v>
      </c>
      <c r="GR37" s="29">
        <v>0</v>
      </c>
      <c r="GS37" s="24">
        <v>0</v>
      </c>
      <c r="GT37" s="25">
        <v>0</v>
      </c>
      <c r="GU37" s="26">
        <v>0</v>
      </c>
      <c r="GV37" s="27">
        <v>0</v>
      </c>
      <c r="GW37" s="25">
        <v>0</v>
      </c>
      <c r="GX37" s="25">
        <v>0</v>
      </c>
      <c r="GY37" s="25">
        <v>0</v>
      </c>
      <c r="GZ37" s="25">
        <v>0</v>
      </c>
      <c r="HA37" s="25">
        <v>0</v>
      </c>
      <c r="HB37" s="28">
        <v>0</v>
      </c>
      <c r="HC37" s="29">
        <v>0</v>
      </c>
      <c r="HD37" s="24">
        <v>0</v>
      </c>
      <c r="HE37" s="25">
        <v>0</v>
      </c>
      <c r="HF37" s="26">
        <v>0</v>
      </c>
      <c r="HG37" s="404">
        <v>0</v>
      </c>
      <c r="HH37" s="25">
        <v>0</v>
      </c>
      <c r="HI37" s="25">
        <v>0</v>
      </c>
      <c r="HJ37" s="25">
        <v>0</v>
      </c>
      <c r="HK37" s="25">
        <v>0</v>
      </c>
      <c r="HL37" s="25">
        <v>0</v>
      </c>
      <c r="HM37" s="28">
        <v>0</v>
      </c>
      <c r="HN37" s="29">
        <v>0</v>
      </c>
      <c r="HO37" s="24">
        <v>0</v>
      </c>
      <c r="HP37" s="25">
        <v>0</v>
      </c>
      <c r="HQ37" s="26">
        <v>0</v>
      </c>
      <c r="HR37" s="27">
        <v>0</v>
      </c>
      <c r="HS37" s="25">
        <v>112558</v>
      </c>
      <c r="HT37" s="25">
        <v>148105</v>
      </c>
      <c r="HU37" s="25">
        <v>168084</v>
      </c>
      <c r="HV37" s="25">
        <v>960516</v>
      </c>
      <c r="HW37" s="25">
        <v>359197</v>
      </c>
      <c r="HX37" s="28">
        <v>1748460</v>
      </c>
      <c r="HY37" s="29">
        <v>1748460</v>
      </c>
    </row>
    <row r="38" spans="2:233" ht="21" customHeight="1" x14ac:dyDescent="0.2">
      <c r="B38" s="106" t="s">
        <v>35</v>
      </c>
      <c r="C38" s="24">
        <v>1885</v>
      </c>
      <c r="D38" s="25">
        <v>0</v>
      </c>
      <c r="E38" s="26">
        <v>1885</v>
      </c>
      <c r="F38" s="27">
        <v>0</v>
      </c>
      <c r="G38" s="25">
        <v>90362</v>
      </c>
      <c r="H38" s="25">
        <v>391070</v>
      </c>
      <c r="I38" s="25">
        <v>671836</v>
      </c>
      <c r="J38" s="25">
        <v>827736</v>
      </c>
      <c r="K38" s="25">
        <v>277125</v>
      </c>
      <c r="L38" s="28">
        <v>2258129</v>
      </c>
      <c r="M38" s="29">
        <v>2260014</v>
      </c>
      <c r="N38" s="24">
        <v>0</v>
      </c>
      <c r="O38" s="25">
        <v>0</v>
      </c>
      <c r="P38" s="26">
        <v>0</v>
      </c>
      <c r="Q38" s="404">
        <v>0</v>
      </c>
      <c r="R38" s="25">
        <v>2635</v>
      </c>
      <c r="S38" s="25">
        <v>2635</v>
      </c>
      <c r="T38" s="25">
        <v>337110</v>
      </c>
      <c r="U38" s="25">
        <v>563210</v>
      </c>
      <c r="V38" s="25">
        <v>181070</v>
      </c>
      <c r="W38" s="28">
        <v>1086660</v>
      </c>
      <c r="X38" s="29">
        <v>1086660</v>
      </c>
      <c r="Y38" s="24">
        <v>0</v>
      </c>
      <c r="Z38" s="25">
        <v>0</v>
      </c>
      <c r="AA38" s="26">
        <v>0</v>
      </c>
      <c r="AB38" s="404">
        <v>0</v>
      </c>
      <c r="AC38" s="25">
        <v>69800</v>
      </c>
      <c r="AD38" s="25">
        <v>322445</v>
      </c>
      <c r="AE38" s="25">
        <v>231725</v>
      </c>
      <c r="AF38" s="25">
        <v>118030</v>
      </c>
      <c r="AG38" s="25">
        <v>2635</v>
      </c>
      <c r="AH38" s="28">
        <v>744635</v>
      </c>
      <c r="AI38" s="29">
        <v>744635</v>
      </c>
      <c r="AJ38" s="24">
        <v>0</v>
      </c>
      <c r="AK38" s="25">
        <v>0</v>
      </c>
      <c r="AL38" s="26">
        <v>0</v>
      </c>
      <c r="AM38" s="404">
        <v>0</v>
      </c>
      <c r="AN38" s="25">
        <v>0</v>
      </c>
      <c r="AO38" s="25">
        <v>0</v>
      </c>
      <c r="AP38" s="25">
        <v>0</v>
      </c>
      <c r="AQ38" s="25">
        <v>0</v>
      </c>
      <c r="AR38" s="25">
        <v>0</v>
      </c>
      <c r="AS38" s="28">
        <v>0</v>
      </c>
      <c r="AT38" s="29">
        <v>0</v>
      </c>
      <c r="AU38" s="24">
        <v>0</v>
      </c>
      <c r="AV38" s="25">
        <v>0</v>
      </c>
      <c r="AW38" s="26">
        <v>0</v>
      </c>
      <c r="AX38" s="404">
        <v>0</v>
      </c>
      <c r="AY38" s="25">
        <v>0</v>
      </c>
      <c r="AZ38" s="25">
        <v>65410</v>
      </c>
      <c r="BA38" s="25">
        <v>70990</v>
      </c>
      <c r="BB38" s="25">
        <v>70990</v>
      </c>
      <c r="BC38" s="25">
        <v>70990</v>
      </c>
      <c r="BD38" s="28">
        <v>278380</v>
      </c>
      <c r="BE38" s="29">
        <v>278380</v>
      </c>
      <c r="BF38" s="24">
        <v>0</v>
      </c>
      <c r="BG38" s="25">
        <v>0</v>
      </c>
      <c r="BH38" s="26">
        <v>0</v>
      </c>
      <c r="BI38" s="404">
        <v>0</v>
      </c>
      <c r="BJ38" s="25">
        <v>0</v>
      </c>
      <c r="BK38" s="25">
        <v>0</v>
      </c>
      <c r="BL38" s="25">
        <v>0</v>
      </c>
      <c r="BM38" s="25">
        <v>0</v>
      </c>
      <c r="BN38" s="25">
        <v>0</v>
      </c>
      <c r="BO38" s="28">
        <v>0</v>
      </c>
      <c r="BP38" s="29">
        <v>0</v>
      </c>
      <c r="BQ38" s="24">
        <v>1885</v>
      </c>
      <c r="BR38" s="25">
        <v>0</v>
      </c>
      <c r="BS38" s="26">
        <v>1885</v>
      </c>
      <c r="BT38" s="27">
        <v>0</v>
      </c>
      <c r="BU38" s="25">
        <v>13877</v>
      </c>
      <c r="BV38" s="25">
        <v>580</v>
      </c>
      <c r="BW38" s="25">
        <v>30761</v>
      </c>
      <c r="BX38" s="25">
        <v>75506</v>
      </c>
      <c r="BY38" s="25">
        <v>21270</v>
      </c>
      <c r="BZ38" s="28">
        <v>141994</v>
      </c>
      <c r="CA38" s="29">
        <v>143879</v>
      </c>
      <c r="CB38" s="24">
        <v>0</v>
      </c>
      <c r="CC38" s="25">
        <v>0</v>
      </c>
      <c r="CD38" s="26">
        <v>0</v>
      </c>
      <c r="CE38" s="27">
        <v>0</v>
      </c>
      <c r="CF38" s="25">
        <v>4050</v>
      </c>
      <c r="CG38" s="25">
        <v>0</v>
      </c>
      <c r="CH38" s="25">
        <v>1250</v>
      </c>
      <c r="CI38" s="25">
        <v>0</v>
      </c>
      <c r="CJ38" s="25">
        <v>1160</v>
      </c>
      <c r="CK38" s="28">
        <v>6460</v>
      </c>
      <c r="CL38" s="29">
        <v>6460</v>
      </c>
      <c r="CM38" s="24">
        <v>0</v>
      </c>
      <c r="CN38" s="25">
        <v>0</v>
      </c>
      <c r="CO38" s="26">
        <v>0</v>
      </c>
      <c r="CP38" s="27">
        <v>0</v>
      </c>
      <c r="CQ38" s="25">
        <v>0</v>
      </c>
      <c r="CR38" s="25">
        <v>0</v>
      </c>
      <c r="CS38" s="25">
        <v>0</v>
      </c>
      <c r="CT38" s="25">
        <v>0</v>
      </c>
      <c r="CU38" s="25">
        <v>0</v>
      </c>
      <c r="CV38" s="28">
        <v>0</v>
      </c>
      <c r="CW38" s="29">
        <v>0</v>
      </c>
      <c r="CX38" s="24">
        <v>0</v>
      </c>
      <c r="CY38" s="25">
        <v>0</v>
      </c>
      <c r="CZ38" s="26">
        <v>0</v>
      </c>
      <c r="DA38" s="404">
        <v>0</v>
      </c>
      <c r="DB38" s="25">
        <v>0</v>
      </c>
      <c r="DC38" s="25">
        <v>0</v>
      </c>
      <c r="DD38" s="25">
        <v>0</v>
      </c>
      <c r="DE38" s="25">
        <v>0</v>
      </c>
      <c r="DF38" s="25">
        <v>0</v>
      </c>
      <c r="DG38" s="28">
        <v>0</v>
      </c>
      <c r="DH38" s="29">
        <v>0</v>
      </c>
      <c r="DI38" s="24">
        <v>1455</v>
      </c>
      <c r="DJ38" s="25">
        <v>0</v>
      </c>
      <c r="DK38" s="26">
        <v>1455</v>
      </c>
      <c r="DL38" s="27">
        <v>0</v>
      </c>
      <c r="DM38" s="25">
        <v>54970</v>
      </c>
      <c r="DN38" s="25">
        <v>29194</v>
      </c>
      <c r="DO38" s="25">
        <v>412990</v>
      </c>
      <c r="DP38" s="25">
        <v>683484</v>
      </c>
      <c r="DQ38" s="25">
        <v>267970</v>
      </c>
      <c r="DR38" s="28">
        <v>1448608</v>
      </c>
      <c r="DS38" s="30">
        <v>1450063</v>
      </c>
      <c r="DT38" s="24">
        <v>0</v>
      </c>
      <c r="DU38" s="25">
        <v>0</v>
      </c>
      <c r="DV38" s="26">
        <v>0</v>
      </c>
      <c r="DW38" s="404">
        <v>0</v>
      </c>
      <c r="DX38" s="25">
        <v>15035</v>
      </c>
      <c r="DY38" s="25">
        <v>21576</v>
      </c>
      <c r="DZ38" s="25">
        <v>332906</v>
      </c>
      <c r="EA38" s="25">
        <v>558343</v>
      </c>
      <c r="EB38" s="25">
        <v>218209</v>
      </c>
      <c r="EC38" s="28">
        <v>1146069</v>
      </c>
      <c r="ED38" s="29">
        <v>1146069</v>
      </c>
      <c r="EE38" s="24">
        <v>0</v>
      </c>
      <c r="EF38" s="25">
        <v>0</v>
      </c>
      <c r="EG38" s="26">
        <v>0</v>
      </c>
      <c r="EH38" s="404">
        <v>0</v>
      </c>
      <c r="EI38" s="25">
        <v>22182</v>
      </c>
      <c r="EJ38" s="25">
        <v>3304</v>
      </c>
      <c r="EK38" s="25">
        <v>16151</v>
      </c>
      <c r="EL38" s="25">
        <v>1190</v>
      </c>
      <c r="EM38" s="25">
        <v>217</v>
      </c>
      <c r="EN38" s="28">
        <v>43044</v>
      </c>
      <c r="EO38" s="29">
        <v>43044</v>
      </c>
      <c r="EP38" s="24">
        <v>0</v>
      </c>
      <c r="EQ38" s="25">
        <v>0</v>
      </c>
      <c r="ER38" s="26">
        <v>0</v>
      </c>
      <c r="ES38" s="404">
        <v>0</v>
      </c>
      <c r="ET38" s="25">
        <v>0</v>
      </c>
      <c r="EU38" s="25">
        <v>0</v>
      </c>
      <c r="EV38" s="25">
        <v>0</v>
      </c>
      <c r="EW38" s="25">
        <v>0</v>
      </c>
      <c r="EX38" s="25">
        <v>0</v>
      </c>
      <c r="EY38" s="28">
        <v>0</v>
      </c>
      <c r="EZ38" s="29">
        <v>0</v>
      </c>
      <c r="FA38" s="24">
        <v>0</v>
      </c>
      <c r="FB38" s="25">
        <v>0</v>
      </c>
      <c r="FC38" s="26">
        <v>0</v>
      </c>
      <c r="FD38" s="404">
        <v>0</v>
      </c>
      <c r="FE38" s="25">
        <v>0</v>
      </c>
      <c r="FF38" s="25">
        <v>434</v>
      </c>
      <c r="FG38" s="25">
        <v>27094</v>
      </c>
      <c r="FH38" s="25">
        <v>27094</v>
      </c>
      <c r="FI38" s="25">
        <v>27094</v>
      </c>
      <c r="FJ38" s="28">
        <v>81716</v>
      </c>
      <c r="FK38" s="29">
        <v>81716</v>
      </c>
      <c r="FL38" s="24">
        <v>0</v>
      </c>
      <c r="FM38" s="25">
        <v>0</v>
      </c>
      <c r="FN38" s="26">
        <v>0</v>
      </c>
      <c r="FO38" s="404">
        <v>0</v>
      </c>
      <c r="FP38" s="25">
        <v>0</v>
      </c>
      <c r="FQ38" s="25">
        <v>0</v>
      </c>
      <c r="FR38" s="25">
        <v>0</v>
      </c>
      <c r="FS38" s="25">
        <v>0</v>
      </c>
      <c r="FT38" s="25">
        <v>0</v>
      </c>
      <c r="FU38" s="28">
        <v>0</v>
      </c>
      <c r="FV38" s="29">
        <v>0</v>
      </c>
      <c r="FW38" s="24">
        <v>1455</v>
      </c>
      <c r="FX38" s="25">
        <v>0</v>
      </c>
      <c r="FY38" s="26">
        <v>1455</v>
      </c>
      <c r="FZ38" s="27">
        <v>0</v>
      </c>
      <c r="GA38" s="25">
        <v>16005</v>
      </c>
      <c r="GB38" s="25">
        <v>3880</v>
      </c>
      <c r="GC38" s="25">
        <v>36811</v>
      </c>
      <c r="GD38" s="25">
        <v>96857</v>
      </c>
      <c r="GE38" s="25">
        <v>22345</v>
      </c>
      <c r="GF38" s="28">
        <v>175898</v>
      </c>
      <c r="GG38" s="29">
        <v>177353</v>
      </c>
      <c r="GH38" s="24">
        <v>0</v>
      </c>
      <c r="GI38" s="25">
        <v>0</v>
      </c>
      <c r="GJ38" s="26">
        <v>0</v>
      </c>
      <c r="GK38" s="27">
        <v>0</v>
      </c>
      <c r="GL38" s="25">
        <v>1748</v>
      </c>
      <c r="GM38" s="25">
        <v>0</v>
      </c>
      <c r="GN38" s="25">
        <v>28</v>
      </c>
      <c r="GO38" s="25">
        <v>0</v>
      </c>
      <c r="GP38" s="25">
        <v>105</v>
      </c>
      <c r="GQ38" s="28">
        <v>1881</v>
      </c>
      <c r="GR38" s="29">
        <v>1881</v>
      </c>
      <c r="GS38" s="24">
        <v>0</v>
      </c>
      <c r="GT38" s="25">
        <v>0</v>
      </c>
      <c r="GU38" s="26">
        <v>0</v>
      </c>
      <c r="GV38" s="27">
        <v>0</v>
      </c>
      <c r="GW38" s="25">
        <v>0</v>
      </c>
      <c r="GX38" s="25">
        <v>0</v>
      </c>
      <c r="GY38" s="25">
        <v>0</v>
      </c>
      <c r="GZ38" s="25">
        <v>0</v>
      </c>
      <c r="HA38" s="25">
        <v>0</v>
      </c>
      <c r="HB38" s="28">
        <v>0</v>
      </c>
      <c r="HC38" s="29">
        <v>0</v>
      </c>
      <c r="HD38" s="24">
        <v>0</v>
      </c>
      <c r="HE38" s="25">
        <v>0</v>
      </c>
      <c r="HF38" s="26">
        <v>0</v>
      </c>
      <c r="HG38" s="404">
        <v>0</v>
      </c>
      <c r="HH38" s="25">
        <v>0</v>
      </c>
      <c r="HI38" s="25">
        <v>0</v>
      </c>
      <c r="HJ38" s="25">
        <v>0</v>
      </c>
      <c r="HK38" s="25">
        <v>0</v>
      </c>
      <c r="HL38" s="25">
        <v>0</v>
      </c>
      <c r="HM38" s="28">
        <v>0</v>
      </c>
      <c r="HN38" s="29">
        <v>0</v>
      </c>
      <c r="HO38" s="24">
        <v>3340</v>
      </c>
      <c r="HP38" s="25">
        <v>0</v>
      </c>
      <c r="HQ38" s="26">
        <v>3340</v>
      </c>
      <c r="HR38" s="27">
        <v>0</v>
      </c>
      <c r="HS38" s="25">
        <v>145332</v>
      </c>
      <c r="HT38" s="25">
        <v>420264</v>
      </c>
      <c r="HU38" s="25">
        <v>1084826</v>
      </c>
      <c r="HV38" s="25">
        <v>1511220</v>
      </c>
      <c r="HW38" s="25">
        <v>545095</v>
      </c>
      <c r="HX38" s="28">
        <v>3706737</v>
      </c>
      <c r="HY38" s="29">
        <v>3710077</v>
      </c>
    </row>
    <row r="39" spans="2:233" ht="21" customHeight="1" x14ac:dyDescent="0.2">
      <c r="B39" s="106" t="s">
        <v>36</v>
      </c>
      <c r="C39" s="24">
        <v>0</v>
      </c>
      <c r="D39" s="25">
        <v>0</v>
      </c>
      <c r="E39" s="26">
        <v>0</v>
      </c>
      <c r="F39" s="27">
        <v>0</v>
      </c>
      <c r="G39" s="25">
        <v>61330</v>
      </c>
      <c r="H39" s="25">
        <v>148075</v>
      </c>
      <c r="I39" s="25">
        <v>597554</v>
      </c>
      <c r="J39" s="25">
        <v>1397432</v>
      </c>
      <c r="K39" s="25">
        <v>525024</v>
      </c>
      <c r="L39" s="28">
        <v>2729415</v>
      </c>
      <c r="M39" s="29">
        <v>2729415</v>
      </c>
      <c r="N39" s="24">
        <v>0</v>
      </c>
      <c r="O39" s="25">
        <v>0</v>
      </c>
      <c r="P39" s="26">
        <v>0</v>
      </c>
      <c r="Q39" s="404">
        <v>0</v>
      </c>
      <c r="R39" s="25">
        <v>0</v>
      </c>
      <c r="S39" s="25">
        <v>3780</v>
      </c>
      <c r="T39" s="25">
        <v>434920</v>
      </c>
      <c r="U39" s="25">
        <v>872240</v>
      </c>
      <c r="V39" s="25">
        <v>394749</v>
      </c>
      <c r="W39" s="28">
        <v>1705689</v>
      </c>
      <c r="X39" s="29">
        <v>1705689</v>
      </c>
      <c r="Y39" s="24">
        <v>0</v>
      </c>
      <c r="Z39" s="25">
        <v>0</v>
      </c>
      <c r="AA39" s="26">
        <v>0</v>
      </c>
      <c r="AB39" s="404">
        <v>0</v>
      </c>
      <c r="AC39" s="25">
        <v>43245</v>
      </c>
      <c r="AD39" s="25">
        <v>121770</v>
      </c>
      <c r="AE39" s="25">
        <v>147951</v>
      </c>
      <c r="AF39" s="25">
        <v>361925</v>
      </c>
      <c r="AG39" s="25">
        <v>81390</v>
      </c>
      <c r="AH39" s="28">
        <v>756281</v>
      </c>
      <c r="AI39" s="29">
        <v>756281</v>
      </c>
      <c r="AJ39" s="24">
        <v>0</v>
      </c>
      <c r="AK39" s="25">
        <v>0</v>
      </c>
      <c r="AL39" s="26">
        <v>0</v>
      </c>
      <c r="AM39" s="404">
        <v>0</v>
      </c>
      <c r="AN39" s="25">
        <v>0</v>
      </c>
      <c r="AO39" s="25">
        <v>0</v>
      </c>
      <c r="AP39" s="25">
        <v>0</v>
      </c>
      <c r="AQ39" s="25">
        <v>0</v>
      </c>
      <c r="AR39" s="25">
        <v>0</v>
      </c>
      <c r="AS39" s="28">
        <v>0</v>
      </c>
      <c r="AT39" s="29">
        <v>0</v>
      </c>
      <c r="AU39" s="24">
        <v>0</v>
      </c>
      <c r="AV39" s="25">
        <v>0</v>
      </c>
      <c r="AW39" s="26">
        <v>0</v>
      </c>
      <c r="AX39" s="404">
        <v>0</v>
      </c>
      <c r="AY39" s="25">
        <v>0</v>
      </c>
      <c r="AZ39" s="25">
        <v>0</v>
      </c>
      <c r="BA39" s="25">
        <v>0</v>
      </c>
      <c r="BB39" s="25">
        <v>95480</v>
      </c>
      <c r="BC39" s="25">
        <v>10540</v>
      </c>
      <c r="BD39" s="28">
        <v>106020</v>
      </c>
      <c r="BE39" s="29">
        <v>106020</v>
      </c>
      <c r="BF39" s="24">
        <v>0</v>
      </c>
      <c r="BG39" s="25">
        <v>0</v>
      </c>
      <c r="BH39" s="26">
        <v>0</v>
      </c>
      <c r="BI39" s="404">
        <v>0</v>
      </c>
      <c r="BJ39" s="25">
        <v>0</v>
      </c>
      <c r="BK39" s="25">
        <v>0</v>
      </c>
      <c r="BL39" s="25">
        <v>0</v>
      </c>
      <c r="BM39" s="25">
        <v>0</v>
      </c>
      <c r="BN39" s="25">
        <v>0</v>
      </c>
      <c r="BO39" s="28">
        <v>0</v>
      </c>
      <c r="BP39" s="29">
        <v>0</v>
      </c>
      <c r="BQ39" s="24">
        <v>0</v>
      </c>
      <c r="BR39" s="25">
        <v>0</v>
      </c>
      <c r="BS39" s="26">
        <v>0</v>
      </c>
      <c r="BT39" s="27">
        <v>0</v>
      </c>
      <c r="BU39" s="25">
        <v>13995</v>
      </c>
      <c r="BV39" s="25">
        <v>22525</v>
      </c>
      <c r="BW39" s="25">
        <v>14683</v>
      </c>
      <c r="BX39" s="25">
        <v>66772</v>
      </c>
      <c r="BY39" s="25">
        <v>38345</v>
      </c>
      <c r="BZ39" s="28">
        <v>156320</v>
      </c>
      <c r="CA39" s="29">
        <v>156320</v>
      </c>
      <c r="CB39" s="24">
        <v>0</v>
      </c>
      <c r="CC39" s="25">
        <v>0</v>
      </c>
      <c r="CD39" s="26">
        <v>0</v>
      </c>
      <c r="CE39" s="27">
        <v>0</v>
      </c>
      <c r="CF39" s="25">
        <v>4090</v>
      </c>
      <c r="CG39" s="25">
        <v>0</v>
      </c>
      <c r="CH39" s="25">
        <v>0</v>
      </c>
      <c r="CI39" s="25">
        <v>1015</v>
      </c>
      <c r="CJ39" s="25">
        <v>0</v>
      </c>
      <c r="CK39" s="28">
        <v>5105</v>
      </c>
      <c r="CL39" s="29">
        <v>5105</v>
      </c>
      <c r="CM39" s="24">
        <v>0</v>
      </c>
      <c r="CN39" s="25">
        <v>0</v>
      </c>
      <c r="CO39" s="26">
        <v>0</v>
      </c>
      <c r="CP39" s="27">
        <v>0</v>
      </c>
      <c r="CQ39" s="25">
        <v>0</v>
      </c>
      <c r="CR39" s="25">
        <v>0</v>
      </c>
      <c r="CS39" s="25">
        <v>0</v>
      </c>
      <c r="CT39" s="25">
        <v>0</v>
      </c>
      <c r="CU39" s="25">
        <v>0</v>
      </c>
      <c r="CV39" s="28">
        <v>0</v>
      </c>
      <c r="CW39" s="29">
        <v>0</v>
      </c>
      <c r="CX39" s="24">
        <v>0</v>
      </c>
      <c r="CY39" s="25">
        <v>0</v>
      </c>
      <c r="CZ39" s="26">
        <v>0</v>
      </c>
      <c r="DA39" s="404">
        <v>0</v>
      </c>
      <c r="DB39" s="25">
        <v>0</v>
      </c>
      <c r="DC39" s="25">
        <v>0</v>
      </c>
      <c r="DD39" s="25">
        <v>0</v>
      </c>
      <c r="DE39" s="25">
        <v>0</v>
      </c>
      <c r="DF39" s="25">
        <v>0</v>
      </c>
      <c r="DG39" s="28">
        <v>0</v>
      </c>
      <c r="DH39" s="29">
        <v>0</v>
      </c>
      <c r="DI39" s="24">
        <v>0</v>
      </c>
      <c r="DJ39" s="25">
        <v>0</v>
      </c>
      <c r="DK39" s="26">
        <v>0</v>
      </c>
      <c r="DL39" s="27">
        <v>0</v>
      </c>
      <c r="DM39" s="25">
        <v>16742</v>
      </c>
      <c r="DN39" s="25">
        <v>40180</v>
      </c>
      <c r="DO39" s="25">
        <v>661856</v>
      </c>
      <c r="DP39" s="25">
        <v>985902</v>
      </c>
      <c r="DQ39" s="25">
        <v>636465</v>
      </c>
      <c r="DR39" s="28">
        <v>2341145</v>
      </c>
      <c r="DS39" s="30">
        <v>2341145</v>
      </c>
      <c r="DT39" s="24">
        <v>0</v>
      </c>
      <c r="DU39" s="25">
        <v>0</v>
      </c>
      <c r="DV39" s="26">
        <v>0</v>
      </c>
      <c r="DW39" s="404">
        <v>0</v>
      </c>
      <c r="DX39" s="25">
        <v>0</v>
      </c>
      <c r="DY39" s="25">
        <v>22491</v>
      </c>
      <c r="DZ39" s="25">
        <v>636426</v>
      </c>
      <c r="EA39" s="25">
        <v>832598</v>
      </c>
      <c r="EB39" s="25">
        <v>550985</v>
      </c>
      <c r="EC39" s="28">
        <v>2042500</v>
      </c>
      <c r="ED39" s="29">
        <v>2042500</v>
      </c>
      <c r="EE39" s="24">
        <v>0</v>
      </c>
      <c r="EF39" s="25">
        <v>0</v>
      </c>
      <c r="EG39" s="26">
        <v>0</v>
      </c>
      <c r="EH39" s="404">
        <v>0</v>
      </c>
      <c r="EI39" s="25">
        <v>1085</v>
      </c>
      <c r="EJ39" s="25">
        <v>2142</v>
      </c>
      <c r="EK39" s="25">
        <v>2240</v>
      </c>
      <c r="EL39" s="25">
        <v>51739</v>
      </c>
      <c r="EM39" s="25">
        <v>45846</v>
      </c>
      <c r="EN39" s="28">
        <v>103052</v>
      </c>
      <c r="EO39" s="29">
        <v>103052</v>
      </c>
      <c r="EP39" s="24">
        <v>0</v>
      </c>
      <c r="EQ39" s="25">
        <v>0</v>
      </c>
      <c r="ER39" s="26">
        <v>0</v>
      </c>
      <c r="ES39" s="404">
        <v>0</v>
      </c>
      <c r="ET39" s="25">
        <v>0</v>
      </c>
      <c r="EU39" s="25">
        <v>0</v>
      </c>
      <c r="EV39" s="25">
        <v>0</v>
      </c>
      <c r="EW39" s="25">
        <v>0</v>
      </c>
      <c r="EX39" s="25">
        <v>0</v>
      </c>
      <c r="EY39" s="28">
        <v>0</v>
      </c>
      <c r="EZ39" s="29">
        <v>0</v>
      </c>
      <c r="FA39" s="24">
        <v>0</v>
      </c>
      <c r="FB39" s="25">
        <v>0</v>
      </c>
      <c r="FC39" s="26">
        <v>0</v>
      </c>
      <c r="FD39" s="404">
        <v>0</v>
      </c>
      <c r="FE39" s="25">
        <v>0</v>
      </c>
      <c r="FF39" s="25">
        <v>0</v>
      </c>
      <c r="FG39" s="25">
        <v>0</v>
      </c>
      <c r="FH39" s="25">
        <v>14198</v>
      </c>
      <c r="FI39" s="25">
        <v>868</v>
      </c>
      <c r="FJ39" s="28">
        <v>15066</v>
      </c>
      <c r="FK39" s="29">
        <v>15066</v>
      </c>
      <c r="FL39" s="24">
        <v>0</v>
      </c>
      <c r="FM39" s="25">
        <v>0</v>
      </c>
      <c r="FN39" s="26">
        <v>0</v>
      </c>
      <c r="FO39" s="404">
        <v>0</v>
      </c>
      <c r="FP39" s="25">
        <v>0</v>
      </c>
      <c r="FQ39" s="25">
        <v>0</v>
      </c>
      <c r="FR39" s="25">
        <v>0</v>
      </c>
      <c r="FS39" s="25">
        <v>0</v>
      </c>
      <c r="FT39" s="25">
        <v>0</v>
      </c>
      <c r="FU39" s="28">
        <v>0</v>
      </c>
      <c r="FV39" s="29">
        <v>0</v>
      </c>
      <c r="FW39" s="24">
        <v>0</v>
      </c>
      <c r="FX39" s="25">
        <v>0</v>
      </c>
      <c r="FY39" s="26">
        <v>0</v>
      </c>
      <c r="FZ39" s="27">
        <v>0</v>
      </c>
      <c r="GA39" s="25">
        <v>15622</v>
      </c>
      <c r="GB39" s="25">
        <v>15547</v>
      </c>
      <c r="GC39" s="25">
        <v>23190</v>
      </c>
      <c r="GD39" s="25">
        <v>87318</v>
      </c>
      <c r="GE39" s="25">
        <v>38766</v>
      </c>
      <c r="GF39" s="28">
        <v>180443</v>
      </c>
      <c r="GG39" s="29">
        <v>180443</v>
      </c>
      <c r="GH39" s="24">
        <v>0</v>
      </c>
      <c r="GI39" s="25">
        <v>0</v>
      </c>
      <c r="GJ39" s="26">
        <v>0</v>
      </c>
      <c r="GK39" s="27">
        <v>0</v>
      </c>
      <c r="GL39" s="25">
        <v>35</v>
      </c>
      <c r="GM39" s="25">
        <v>0</v>
      </c>
      <c r="GN39" s="25">
        <v>0</v>
      </c>
      <c r="GO39" s="25">
        <v>49</v>
      </c>
      <c r="GP39" s="25">
        <v>0</v>
      </c>
      <c r="GQ39" s="28">
        <v>84</v>
      </c>
      <c r="GR39" s="29">
        <v>84</v>
      </c>
      <c r="GS39" s="24">
        <v>0</v>
      </c>
      <c r="GT39" s="25">
        <v>0</v>
      </c>
      <c r="GU39" s="26">
        <v>0</v>
      </c>
      <c r="GV39" s="27">
        <v>0</v>
      </c>
      <c r="GW39" s="25">
        <v>0</v>
      </c>
      <c r="GX39" s="25">
        <v>0</v>
      </c>
      <c r="GY39" s="25">
        <v>0</v>
      </c>
      <c r="GZ39" s="25">
        <v>0</v>
      </c>
      <c r="HA39" s="25">
        <v>0</v>
      </c>
      <c r="HB39" s="28">
        <v>0</v>
      </c>
      <c r="HC39" s="29">
        <v>0</v>
      </c>
      <c r="HD39" s="24">
        <v>0</v>
      </c>
      <c r="HE39" s="25">
        <v>0</v>
      </c>
      <c r="HF39" s="26">
        <v>0</v>
      </c>
      <c r="HG39" s="404">
        <v>0</v>
      </c>
      <c r="HH39" s="25">
        <v>0</v>
      </c>
      <c r="HI39" s="25">
        <v>0</v>
      </c>
      <c r="HJ39" s="25">
        <v>0</v>
      </c>
      <c r="HK39" s="25">
        <v>0</v>
      </c>
      <c r="HL39" s="25">
        <v>0</v>
      </c>
      <c r="HM39" s="28">
        <v>0</v>
      </c>
      <c r="HN39" s="29">
        <v>0</v>
      </c>
      <c r="HO39" s="24">
        <v>0</v>
      </c>
      <c r="HP39" s="25">
        <v>0</v>
      </c>
      <c r="HQ39" s="26">
        <v>0</v>
      </c>
      <c r="HR39" s="27">
        <v>0</v>
      </c>
      <c r="HS39" s="25">
        <v>78072</v>
      </c>
      <c r="HT39" s="25">
        <v>188255</v>
      </c>
      <c r="HU39" s="25">
        <v>1259410</v>
      </c>
      <c r="HV39" s="25">
        <v>2383334</v>
      </c>
      <c r="HW39" s="25">
        <v>1161489</v>
      </c>
      <c r="HX39" s="28">
        <v>5070560</v>
      </c>
      <c r="HY39" s="29">
        <v>5070560</v>
      </c>
    </row>
    <row r="40" spans="2:233" ht="21" customHeight="1" thickBot="1" x14ac:dyDescent="0.25">
      <c r="B40" s="108" t="s">
        <v>37</v>
      </c>
      <c r="C40" s="31">
        <v>0</v>
      </c>
      <c r="D40" s="32">
        <v>0</v>
      </c>
      <c r="E40" s="33">
        <v>0</v>
      </c>
      <c r="F40" s="34">
        <v>0</v>
      </c>
      <c r="G40" s="32">
        <v>0</v>
      </c>
      <c r="H40" s="32">
        <v>2635</v>
      </c>
      <c r="I40" s="32">
        <v>128410</v>
      </c>
      <c r="J40" s="32">
        <v>68180</v>
      </c>
      <c r="K40" s="32">
        <v>101806</v>
      </c>
      <c r="L40" s="35">
        <v>301031</v>
      </c>
      <c r="M40" s="36">
        <v>301031</v>
      </c>
      <c r="N40" s="31">
        <v>0</v>
      </c>
      <c r="O40" s="32">
        <v>0</v>
      </c>
      <c r="P40" s="33">
        <v>0</v>
      </c>
      <c r="Q40" s="405">
        <v>0</v>
      </c>
      <c r="R40" s="32">
        <v>0</v>
      </c>
      <c r="S40" s="32">
        <v>0</v>
      </c>
      <c r="T40" s="32">
        <v>35340</v>
      </c>
      <c r="U40" s="32">
        <v>65255</v>
      </c>
      <c r="V40" s="32">
        <v>70680</v>
      </c>
      <c r="W40" s="35">
        <v>171275</v>
      </c>
      <c r="X40" s="36">
        <v>171275</v>
      </c>
      <c r="Y40" s="31">
        <v>0</v>
      </c>
      <c r="Z40" s="32">
        <v>0</v>
      </c>
      <c r="AA40" s="33">
        <v>0</v>
      </c>
      <c r="AB40" s="405">
        <v>0</v>
      </c>
      <c r="AC40" s="32">
        <v>0</v>
      </c>
      <c r="AD40" s="32">
        <v>2635</v>
      </c>
      <c r="AE40" s="32">
        <v>92690</v>
      </c>
      <c r="AF40" s="32">
        <v>2635</v>
      </c>
      <c r="AG40" s="32">
        <v>31126</v>
      </c>
      <c r="AH40" s="35">
        <v>129086</v>
      </c>
      <c r="AI40" s="36">
        <v>129086</v>
      </c>
      <c r="AJ40" s="31">
        <v>0</v>
      </c>
      <c r="AK40" s="32">
        <v>0</v>
      </c>
      <c r="AL40" s="33">
        <v>0</v>
      </c>
      <c r="AM40" s="405">
        <v>0</v>
      </c>
      <c r="AN40" s="32">
        <v>0</v>
      </c>
      <c r="AO40" s="32">
        <v>0</v>
      </c>
      <c r="AP40" s="32">
        <v>0</v>
      </c>
      <c r="AQ40" s="32">
        <v>0</v>
      </c>
      <c r="AR40" s="32">
        <v>0</v>
      </c>
      <c r="AS40" s="35">
        <v>0</v>
      </c>
      <c r="AT40" s="36">
        <v>0</v>
      </c>
      <c r="AU40" s="31">
        <v>0</v>
      </c>
      <c r="AV40" s="32">
        <v>0</v>
      </c>
      <c r="AW40" s="33">
        <v>0</v>
      </c>
      <c r="AX40" s="405">
        <v>0</v>
      </c>
      <c r="AY40" s="32">
        <v>0</v>
      </c>
      <c r="AZ40" s="32">
        <v>0</v>
      </c>
      <c r="BA40" s="32">
        <v>0</v>
      </c>
      <c r="BB40" s="32">
        <v>0</v>
      </c>
      <c r="BC40" s="32">
        <v>0</v>
      </c>
      <c r="BD40" s="35">
        <v>0</v>
      </c>
      <c r="BE40" s="36">
        <v>0</v>
      </c>
      <c r="BF40" s="31">
        <v>0</v>
      </c>
      <c r="BG40" s="32">
        <v>0</v>
      </c>
      <c r="BH40" s="33">
        <v>0</v>
      </c>
      <c r="BI40" s="405">
        <v>0</v>
      </c>
      <c r="BJ40" s="32">
        <v>0</v>
      </c>
      <c r="BK40" s="32">
        <v>0</v>
      </c>
      <c r="BL40" s="32">
        <v>0</v>
      </c>
      <c r="BM40" s="32">
        <v>0</v>
      </c>
      <c r="BN40" s="32">
        <v>0</v>
      </c>
      <c r="BO40" s="35">
        <v>0</v>
      </c>
      <c r="BP40" s="36">
        <v>0</v>
      </c>
      <c r="BQ40" s="31">
        <v>0</v>
      </c>
      <c r="BR40" s="32">
        <v>0</v>
      </c>
      <c r="BS40" s="33">
        <v>0</v>
      </c>
      <c r="BT40" s="34">
        <v>0</v>
      </c>
      <c r="BU40" s="32">
        <v>0</v>
      </c>
      <c r="BV40" s="32">
        <v>0</v>
      </c>
      <c r="BW40" s="32">
        <v>380</v>
      </c>
      <c r="BX40" s="32">
        <v>290</v>
      </c>
      <c r="BY40" s="32">
        <v>0</v>
      </c>
      <c r="BZ40" s="35">
        <v>670</v>
      </c>
      <c r="CA40" s="36">
        <v>670</v>
      </c>
      <c r="CB40" s="31">
        <v>0</v>
      </c>
      <c r="CC40" s="32">
        <v>0</v>
      </c>
      <c r="CD40" s="33">
        <v>0</v>
      </c>
      <c r="CE40" s="34">
        <v>0</v>
      </c>
      <c r="CF40" s="32">
        <v>0</v>
      </c>
      <c r="CG40" s="32">
        <v>0</v>
      </c>
      <c r="CH40" s="32">
        <v>0</v>
      </c>
      <c r="CI40" s="32">
        <v>0</v>
      </c>
      <c r="CJ40" s="32">
        <v>0</v>
      </c>
      <c r="CK40" s="35">
        <v>0</v>
      </c>
      <c r="CL40" s="36">
        <v>0</v>
      </c>
      <c r="CM40" s="31">
        <v>0</v>
      </c>
      <c r="CN40" s="32">
        <v>0</v>
      </c>
      <c r="CO40" s="33">
        <v>0</v>
      </c>
      <c r="CP40" s="34">
        <v>0</v>
      </c>
      <c r="CQ40" s="32">
        <v>0</v>
      </c>
      <c r="CR40" s="32">
        <v>0</v>
      </c>
      <c r="CS40" s="32">
        <v>0</v>
      </c>
      <c r="CT40" s="32">
        <v>0</v>
      </c>
      <c r="CU40" s="32">
        <v>0</v>
      </c>
      <c r="CV40" s="35">
        <v>0</v>
      </c>
      <c r="CW40" s="36">
        <v>0</v>
      </c>
      <c r="CX40" s="31">
        <v>0</v>
      </c>
      <c r="CY40" s="32">
        <v>0</v>
      </c>
      <c r="CZ40" s="33">
        <v>0</v>
      </c>
      <c r="DA40" s="405">
        <v>0</v>
      </c>
      <c r="DB40" s="32">
        <v>0</v>
      </c>
      <c r="DC40" s="32">
        <v>0</v>
      </c>
      <c r="DD40" s="32">
        <v>0</v>
      </c>
      <c r="DE40" s="32">
        <v>0</v>
      </c>
      <c r="DF40" s="32">
        <v>0</v>
      </c>
      <c r="DG40" s="35">
        <v>0</v>
      </c>
      <c r="DH40" s="36">
        <v>0</v>
      </c>
      <c r="DI40" s="31">
        <v>0</v>
      </c>
      <c r="DJ40" s="32">
        <v>0</v>
      </c>
      <c r="DK40" s="33">
        <v>0</v>
      </c>
      <c r="DL40" s="34">
        <v>0</v>
      </c>
      <c r="DM40" s="32">
        <v>0</v>
      </c>
      <c r="DN40" s="32">
        <v>217</v>
      </c>
      <c r="DO40" s="32">
        <v>49330</v>
      </c>
      <c r="DP40" s="32">
        <v>112145</v>
      </c>
      <c r="DQ40" s="32">
        <v>82137</v>
      </c>
      <c r="DR40" s="35">
        <v>243829</v>
      </c>
      <c r="DS40" s="37">
        <v>243829</v>
      </c>
      <c r="DT40" s="31">
        <v>0</v>
      </c>
      <c r="DU40" s="32">
        <v>0</v>
      </c>
      <c r="DV40" s="33">
        <v>0</v>
      </c>
      <c r="DW40" s="405">
        <v>0</v>
      </c>
      <c r="DX40" s="32">
        <v>0</v>
      </c>
      <c r="DY40" s="32">
        <v>0</v>
      </c>
      <c r="DZ40" s="32">
        <v>36611</v>
      </c>
      <c r="EA40" s="32">
        <v>109988</v>
      </c>
      <c r="EB40" s="32">
        <v>81871</v>
      </c>
      <c r="EC40" s="35">
        <v>228470</v>
      </c>
      <c r="ED40" s="36">
        <v>228470</v>
      </c>
      <c r="EE40" s="31">
        <v>0</v>
      </c>
      <c r="EF40" s="32">
        <v>0</v>
      </c>
      <c r="EG40" s="33">
        <v>0</v>
      </c>
      <c r="EH40" s="405">
        <v>0</v>
      </c>
      <c r="EI40" s="32">
        <v>0</v>
      </c>
      <c r="EJ40" s="32">
        <v>217</v>
      </c>
      <c r="EK40" s="32">
        <v>11749</v>
      </c>
      <c r="EL40" s="32">
        <v>217</v>
      </c>
      <c r="EM40" s="32">
        <v>266</v>
      </c>
      <c r="EN40" s="35">
        <v>12449</v>
      </c>
      <c r="EO40" s="36">
        <v>12449</v>
      </c>
      <c r="EP40" s="31">
        <v>0</v>
      </c>
      <c r="EQ40" s="32">
        <v>0</v>
      </c>
      <c r="ER40" s="33">
        <v>0</v>
      </c>
      <c r="ES40" s="405">
        <v>0</v>
      </c>
      <c r="ET40" s="32">
        <v>0</v>
      </c>
      <c r="EU40" s="32">
        <v>0</v>
      </c>
      <c r="EV40" s="32">
        <v>0</v>
      </c>
      <c r="EW40" s="32">
        <v>0</v>
      </c>
      <c r="EX40" s="32">
        <v>0</v>
      </c>
      <c r="EY40" s="35">
        <v>0</v>
      </c>
      <c r="EZ40" s="36">
        <v>0</v>
      </c>
      <c r="FA40" s="31">
        <v>0</v>
      </c>
      <c r="FB40" s="32">
        <v>0</v>
      </c>
      <c r="FC40" s="33">
        <v>0</v>
      </c>
      <c r="FD40" s="405">
        <v>0</v>
      </c>
      <c r="FE40" s="32">
        <v>0</v>
      </c>
      <c r="FF40" s="32">
        <v>0</v>
      </c>
      <c r="FG40" s="32">
        <v>0</v>
      </c>
      <c r="FH40" s="32">
        <v>0</v>
      </c>
      <c r="FI40" s="32">
        <v>0</v>
      </c>
      <c r="FJ40" s="35">
        <v>0</v>
      </c>
      <c r="FK40" s="36">
        <v>0</v>
      </c>
      <c r="FL40" s="31">
        <v>0</v>
      </c>
      <c r="FM40" s="32">
        <v>0</v>
      </c>
      <c r="FN40" s="33">
        <v>0</v>
      </c>
      <c r="FO40" s="405">
        <v>0</v>
      </c>
      <c r="FP40" s="32">
        <v>0</v>
      </c>
      <c r="FQ40" s="32">
        <v>0</v>
      </c>
      <c r="FR40" s="32">
        <v>0</v>
      </c>
      <c r="FS40" s="32">
        <v>0</v>
      </c>
      <c r="FT40" s="32">
        <v>0</v>
      </c>
      <c r="FU40" s="35">
        <v>0</v>
      </c>
      <c r="FV40" s="36">
        <v>0</v>
      </c>
      <c r="FW40" s="31">
        <v>0</v>
      </c>
      <c r="FX40" s="32">
        <v>0</v>
      </c>
      <c r="FY40" s="33">
        <v>0</v>
      </c>
      <c r="FZ40" s="34">
        <v>0</v>
      </c>
      <c r="GA40" s="32">
        <v>0</v>
      </c>
      <c r="GB40" s="32">
        <v>0</v>
      </c>
      <c r="GC40" s="32">
        <v>970</v>
      </c>
      <c r="GD40" s="32">
        <v>1940</v>
      </c>
      <c r="GE40" s="32">
        <v>0</v>
      </c>
      <c r="GF40" s="35">
        <v>2910</v>
      </c>
      <c r="GG40" s="36">
        <v>2910</v>
      </c>
      <c r="GH40" s="31">
        <v>0</v>
      </c>
      <c r="GI40" s="32">
        <v>0</v>
      </c>
      <c r="GJ40" s="33">
        <v>0</v>
      </c>
      <c r="GK40" s="34">
        <v>0</v>
      </c>
      <c r="GL40" s="32">
        <v>0</v>
      </c>
      <c r="GM40" s="32">
        <v>0</v>
      </c>
      <c r="GN40" s="32">
        <v>0</v>
      </c>
      <c r="GO40" s="32">
        <v>0</v>
      </c>
      <c r="GP40" s="32">
        <v>0</v>
      </c>
      <c r="GQ40" s="35">
        <v>0</v>
      </c>
      <c r="GR40" s="36">
        <v>0</v>
      </c>
      <c r="GS40" s="31">
        <v>0</v>
      </c>
      <c r="GT40" s="32">
        <v>0</v>
      </c>
      <c r="GU40" s="33">
        <v>0</v>
      </c>
      <c r="GV40" s="34">
        <v>0</v>
      </c>
      <c r="GW40" s="32">
        <v>0</v>
      </c>
      <c r="GX40" s="32">
        <v>0</v>
      </c>
      <c r="GY40" s="32">
        <v>0</v>
      </c>
      <c r="GZ40" s="32">
        <v>0</v>
      </c>
      <c r="HA40" s="32">
        <v>0</v>
      </c>
      <c r="HB40" s="35">
        <v>0</v>
      </c>
      <c r="HC40" s="36">
        <v>0</v>
      </c>
      <c r="HD40" s="31">
        <v>0</v>
      </c>
      <c r="HE40" s="32">
        <v>0</v>
      </c>
      <c r="HF40" s="33">
        <v>0</v>
      </c>
      <c r="HG40" s="405">
        <v>0</v>
      </c>
      <c r="HH40" s="32">
        <v>0</v>
      </c>
      <c r="HI40" s="32">
        <v>0</v>
      </c>
      <c r="HJ40" s="32">
        <v>0</v>
      </c>
      <c r="HK40" s="32">
        <v>0</v>
      </c>
      <c r="HL40" s="32">
        <v>0</v>
      </c>
      <c r="HM40" s="35">
        <v>0</v>
      </c>
      <c r="HN40" s="36">
        <v>0</v>
      </c>
      <c r="HO40" s="31">
        <v>0</v>
      </c>
      <c r="HP40" s="32">
        <v>0</v>
      </c>
      <c r="HQ40" s="33">
        <v>0</v>
      </c>
      <c r="HR40" s="34">
        <v>0</v>
      </c>
      <c r="HS40" s="32">
        <v>0</v>
      </c>
      <c r="HT40" s="32">
        <v>2852</v>
      </c>
      <c r="HU40" s="32">
        <v>177740</v>
      </c>
      <c r="HV40" s="32">
        <v>180325</v>
      </c>
      <c r="HW40" s="32">
        <v>183943</v>
      </c>
      <c r="HX40" s="35">
        <v>544860</v>
      </c>
      <c r="HY40" s="36">
        <v>544860</v>
      </c>
    </row>
    <row r="41" spans="2:233" x14ac:dyDescent="0.2">
      <c r="B41" s="71" t="s">
        <v>84</v>
      </c>
    </row>
  </sheetData>
  <mergeCells count="88">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C5:E5"/>
    <mergeCell ref="F5:L5"/>
    <mergeCell ref="M5:M6"/>
    <mergeCell ref="N5:P5"/>
    <mergeCell ref="Q5:W5"/>
    <mergeCell ref="HO3:HY4"/>
    <mergeCell ref="EE4:EO4"/>
    <mergeCell ref="FW4:GG4"/>
    <mergeCell ref="GH4:GR4"/>
    <mergeCell ref="GS4:HC4"/>
    <mergeCell ref="FA4:FK4"/>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0">
        <f>第１表!F2</f>
        <v>6</v>
      </c>
      <c r="G1" s="440"/>
      <c r="H1" s="18">
        <f>第１表!G2</f>
        <v>12</v>
      </c>
      <c r="I1" s="422">
        <f>H1</f>
        <v>12</v>
      </c>
      <c r="J1" s="422"/>
    </row>
    <row r="2" spans="2:299" ht="24" customHeight="1" thickBot="1" x14ac:dyDescent="0.25">
      <c r="B2" s="10" t="s">
        <v>129</v>
      </c>
    </row>
    <row r="3" spans="2:299" ht="21" customHeight="1" thickBot="1" x14ac:dyDescent="0.25">
      <c r="B3" s="423" t="s">
        <v>38</v>
      </c>
      <c r="C3" s="435" t="s">
        <v>96</v>
      </c>
      <c r="D3" s="435"/>
      <c r="E3" s="435"/>
      <c r="F3" s="435"/>
      <c r="G3" s="435"/>
      <c r="H3" s="435"/>
      <c r="I3" s="435"/>
      <c r="J3" s="435"/>
      <c r="K3" s="435"/>
      <c r="L3" s="435"/>
      <c r="M3" s="435"/>
      <c r="N3" s="435"/>
      <c r="O3" s="435"/>
      <c r="P3" s="435"/>
      <c r="Q3" s="435"/>
      <c r="R3" s="435"/>
      <c r="S3" s="435"/>
      <c r="T3" s="435"/>
      <c r="U3" s="435"/>
      <c r="V3" s="435"/>
      <c r="W3" s="435"/>
      <c r="X3" s="435"/>
      <c r="Y3" s="435"/>
      <c r="Z3" s="435"/>
      <c r="AA3" s="435"/>
      <c r="AB3" s="435"/>
      <c r="AC3" s="435"/>
      <c r="AD3" s="435"/>
      <c r="AE3" s="435"/>
      <c r="AF3" s="435"/>
      <c r="AG3" s="435"/>
      <c r="AH3" s="435"/>
      <c r="AI3" s="435"/>
      <c r="AJ3" s="435"/>
      <c r="AK3" s="435"/>
      <c r="AL3" s="435"/>
      <c r="AM3" s="435"/>
      <c r="AN3" s="435"/>
      <c r="AO3" s="435"/>
      <c r="AP3" s="435"/>
      <c r="AQ3" s="435"/>
      <c r="AR3" s="435"/>
      <c r="AS3" s="435"/>
      <c r="AT3" s="435"/>
      <c r="AU3" s="435"/>
      <c r="AV3" s="435"/>
      <c r="AW3" s="435"/>
      <c r="AX3" s="435"/>
      <c r="AY3" s="435"/>
      <c r="AZ3" s="435"/>
      <c r="BA3" s="435"/>
      <c r="BB3" s="435"/>
      <c r="BC3" s="435"/>
      <c r="BD3" s="435"/>
      <c r="BE3" s="435"/>
      <c r="BF3" s="435"/>
      <c r="BG3" s="435"/>
      <c r="BH3" s="435"/>
      <c r="BI3" s="435"/>
      <c r="BJ3" s="435"/>
      <c r="BK3" s="435"/>
      <c r="BL3" s="435"/>
      <c r="BM3" s="435"/>
      <c r="BN3" s="435"/>
      <c r="BO3" s="435"/>
      <c r="BP3" s="435"/>
      <c r="BQ3" s="435"/>
      <c r="BR3" s="435"/>
      <c r="BS3" s="435"/>
      <c r="BT3" s="435"/>
      <c r="BU3" s="435"/>
      <c r="BV3" s="435"/>
      <c r="BW3" s="435"/>
      <c r="BX3" s="435"/>
      <c r="BY3" s="435"/>
      <c r="BZ3" s="435"/>
      <c r="CA3" s="435"/>
      <c r="CB3" s="435"/>
      <c r="CC3" s="435"/>
      <c r="CD3" s="435"/>
      <c r="CE3" s="435"/>
      <c r="CF3" s="435"/>
      <c r="CG3" s="435"/>
      <c r="CH3" s="435"/>
      <c r="CI3" s="435"/>
      <c r="CJ3" s="435"/>
      <c r="CK3" s="435"/>
      <c r="CL3" s="435"/>
      <c r="CM3" s="435"/>
      <c r="CN3" s="435"/>
      <c r="CO3" s="435"/>
      <c r="CP3" s="435"/>
      <c r="CQ3" s="435"/>
      <c r="CR3" s="435"/>
      <c r="CS3" s="435"/>
      <c r="CT3" s="435"/>
      <c r="CU3" s="435"/>
      <c r="CV3" s="435"/>
      <c r="CW3" s="436"/>
      <c r="CX3" s="435" t="s">
        <v>102</v>
      </c>
      <c r="CY3" s="435"/>
      <c r="CZ3" s="435"/>
      <c r="DA3" s="435"/>
      <c r="DB3" s="435"/>
      <c r="DC3" s="435"/>
      <c r="DD3" s="435"/>
      <c r="DE3" s="435"/>
      <c r="DF3" s="435"/>
      <c r="DG3" s="435"/>
      <c r="DH3" s="435"/>
      <c r="DI3" s="435"/>
      <c r="DJ3" s="435"/>
      <c r="DK3" s="435"/>
      <c r="DL3" s="435"/>
      <c r="DM3" s="435"/>
      <c r="DN3" s="435"/>
      <c r="DO3" s="435"/>
      <c r="DP3" s="435"/>
      <c r="DQ3" s="435"/>
      <c r="DR3" s="435"/>
      <c r="DS3" s="435"/>
      <c r="DT3" s="435"/>
      <c r="DU3" s="435"/>
      <c r="DV3" s="435"/>
      <c r="DW3" s="435"/>
      <c r="DX3" s="435"/>
      <c r="DY3" s="435"/>
      <c r="DZ3" s="435"/>
      <c r="EA3" s="435"/>
      <c r="EB3" s="435"/>
      <c r="EC3" s="435"/>
      <c r="ED3" s="435"/>
      <c r="EE3" s="435"/>
      <c r="EF3" s="435"/>
      <c r="EG3" s="435"/>
      <c r="EH3" s="435"/>
      <c r="EI3" s="435"/>
      <c r="EJ3" s="435"/>
      <c r="EK3" s="435"/>
      <c r="EL3" s="435"/>
      <c r="EM3" s="435"/>
      <c r="EN3" s="435"/>
      <c r="EO3" s="435"/>
      <c r="EP3" s="435"/>
      <c r="EQ3" s="435"/>
      <c r="ER3" s="435"/>
      <c r="ES3" s="435"/>
      <c r="ET3" s="435"/>
      <c r="EU3" s="435"/>
      <c r="EV3" s="435"/>
      <c r="EW3" s="435"/>
      <c r="EX3" s="435"/>
      <c r="EY3" s="435"/>
      <c r="EZ3" s="435"/>
      <c r="FA3" s="435"/>
      <c r="FB3" s="435"/>
      <c r="FC3" s="435"/>
      <c r="FD3" s="435"/>
      <c r="FE3" s="435"/>
      <c r="FF3" s="435"/>
      <c r="FG3" s="435"/>
      <c r="FH3" s="435"/>
      <c r="FI3" s="435"/>
      <c r="FJ3" s="435"/>
      <c r="FK3" s="435"/>
      <c r="FL3" s="435"/>
      <c r="FM3" s="435"/>
      <c r="FN3" s="435"/>
      <c r="FO3" s="435"/>
      <c r="FP3" s="435"/>
      <c r="FQ3" s="435"/>
      <c r="FR3" s="435"/>
      <c r="FS3" s="435"/>
      <c r="FT3" s="435"/>
      <c r="FU3" s="435"/>
      <c r="FV3" s="435"/>
      <c r="FW3" s="435"/>
      <c r="FX3" s="435"/>
      <c r="FY3" s="435"/>
      <c r="FZ3" s="435"/>
      <c r="GA3" s="435"/>
      <c r="GB3" s="435"/>
      <c r="GC3" s="435"/>
      <c r="GD3" s="435"/>
      <c r="GE3" s="435"/>
      <c r="GF3" s="435"/>
      <c r="GG3" s="435"/>
      <c r="GH3" s="435"/>
      <c r="GI3" s="435"/>
      <c r="GJ3" s="435"/>
      <c r="GK3" s="435"/>
      <c r="GL3" s="435"/>
      <c r="GM3" s="435"/>
      <c r="GN3" s="435"/>
      <c r="GO3" s="435"/>
      <c r="GP3" s="435"/>
      <c r="GQ3" s="435"/>
      <c r="GR3" s="436"/>
      <c r="GS3" s="435" t="s">
        <v>103</v>
      </c>
      <c r="GT3" s="435"/>
      <c r="GU3" s="435"/>
      <c r="GV3" s="435"/>
      <c r="GW3" s="435"/>
      <c r="GX3" s="435"/>
      <c r="GY3" s="435"/>
      <c r="GZ3" s="435"/>
      <c r="HA3" s="435"/>
      <c r="HB3" s="435"/>
      <c r="HC3" s="435"/>
      <c r="HD3" s="435"/>
      <c r="HE3" s="435"/>
      <c r="HF3" s="435"/>
      <c r="HG3" s="435"/>
      <c r="HH3" s="435"/>
      <c r="HI3" s="435"/>
      <c r="HJ3" s="435"/>
      <c r="HK3" s="435"/>
      <c r="HL3" s="435"/>
      <c r="HM3" s="435"/>
      <c r="HN3" s="435"/>
      <c r="HO3" s="435"/>
      <c r="HP3" s="435"/>
      <c r="HQ3" s="435"/>
      <c r="HR3" s="435"/>
      <c r="HS3" s="435"/>
      <c r="HT3" s="435"/>
      <c r="HU3" s="435"/>
      <c r="HV3" s="435"/>
      <c r="HW3" s="435"/>
      <c r="HX3" s="435"/>
      <c r="HY3" s="435"/>
      <c r="HZ3" s="435"/>
      <c r="IA3" s="435"/>
      <c r="IB3" s="435"/>
      <c r="IC3" s="435"/>
      <c r="ID3" s="435"/>
      <c r="IE3" s="435"/>
      <c r="IF3" s="435"/>
      <c r="IG3" s="435"/>
      <c r="IH3" s="435"/>
      <c r="II3" s="435"/>
      <c r="IJ3" s="435"/>
      <c r="IK3" s="435"/>
      <c r="IL3" s="435"/>
      <c r="IM3" s="435"/>
      <c r="IN3" s="435"/>
      <c r="IO3" s="435"/>
      <c r="IP3" s="435"/>
      <c r="IQ3" s="435"/>
      <c r="IR3" s="435"/>
      <c r="IS3" s="435"/>
      <c r="IT3" s="435"/>
      <c r="IU3" s="435"/>
      <c r="IV3" s="435"/>
      <c r="IW3" s="435"/>
      <c r="IX3" s="435"/>
      <c r="IY3" s="435"/>
      <c r="IZ3" s="435"/>
      <c r="JA3" s="435"/>
      <c r="JB3" s="435"/>
      <c r="JC3" s="435"/>
      <c r="JD3" s="435"/>
      <c r="JE3" s="435"/>
      <c r="JF3" s="435"/>
      <c r="JG3" s="435"/>
      <c r="JH3" s="435"/>
      <c r="JI3" s="435"/>
      <c r="JJ3" s="435"/>
      <c r="JK3" s="435"/>
      <c r="JL3" s="435"/>
      <c r="JM3" s="435"/>
      <c r="JN3" s="435"/>
      <c r="JO3" s="435"/>
      <c r="JP3" s="435"/>
      <c r="JQ3" s="435"/>
      <c r="JR3" s="435"/>
      <c r="JS3" s="435"/>
      <c r="JT3" s="435"/>
      <c r="JU3" s="435"/>
      <c r="JV3" s="435"/>
      <c r="JW3" s="435"/>
      <c r="JX3" s="435"/>
      <c r="JY3" s="435"/>
      <c r="JZ3" s="435"/>
      <c r="KA3" s="435"/>
      <c r="KB3" s="435"/>
      <c r="KC3" s="435"/>
      <c r="KD3" s="435"/>
      <c r="KE3" s="435"/>
      <c r="KF3" s="435"/>
      <c r="KG3" s="435"/>
      <c r="KH3" s="435"/>
      <c r="KI3" s="435"/>
      <c r="KJ3" s="435"/>
      <c r="KK3" s="435"/>
      <c r="KL3" s="435"/>
      <c r="KM3" s="436"/>
    </row>
    <row r="4" spans="2:299" ht="21" customHeight="1" thickBot="1" x14ac:dyDescent="0.25">
      <c r="B4" s="441"/>
      <c r="C4" s="437" t="s">
        <v>39</v>
      </c>
      <c r="D4" s="438"/>
      <c r="E4" s="438"/>
      <c r="F4" s="438"/>
      <c r="G4" s="438"/>
      <c r="H4" s="438"/>
      <c r="I4" s="438"/>
      <c r="J4" s="438"/>
      <c r="K4" s="438"/>
      <c r="L4" s="438"/>
      <c r="M4" s="438"/>
      <c r="N4" s="438"/>
      <c r="O4" s="438"/>
      <c r="P4" s="438"/>
      <c r="Q4" s="438"/>
      <c r="R4" s="438"/>
      <c r="S4" s="438"/>
      <c r="T4" s="438"/>
      <c r="U4" s="438"/>
      <c r="V4" s="438"/>
      <c r="W4" s="438"/>
      <c r="X4" s="438"/>
      <c r="Y4" s="438"/>
      <c r="Z4" s="438"/>
      <c r="AA4" s="438"/>
      <c r="AB4" s="438"/>
      <c r="AC4" s="438"/>
      <c r="AD4" s="438"/>
      <c r="AE4" s="438"/>
      <c r="AF4" s="438"/>
      <c r="AG4" s="438"/>
      <c r="AH4" s="438"/>
      <c r="AI4" s="438"/>
      <c r="AJ4" s="438"/>
      <c r="AK4" s="438"/>
      <c r="AL4" s="438"/>
      <c r="AM4" s="438"/>
      <c r="AN4" s="438"/>
      <c r="AO4" s="438"/>
      <c r="AP4" s="438"/>
      <c r="AQ4" s="438"/>
      <c r="AR4" s="438"/>
      <c r="AS4" s="438"/>
      <c r="AT4" s="438"/>
      <c r="AU4" s="438"/>
      <c r="AV4" s="438"/>
      <c r="AW4" s="438"/>
      <c r="AX4" s="438"/>
      <c r="AY4" s="438"/>
      <c r="AZ4" s="438"/>
      <c r="BA4" s="438"/>
      <c r="BB4" s="438"/>
      <c r="BC4" s="438"/>
      <c r="BD4" s="438"/>
      <c r="BE4" s="438"/>
      <c r="BF4" s="438"/>
      <c r="BG4" s="438"/>
      <c r="BH4" s="438"/>
      <c r="BI4" s="438"/>
      <c r="BJ4" s="438"/>
      <c r="BK4" s="438"/>
      <c r="BL4" s="438"/>
      <c r="BM4" s="438"/>
      <c r="BN4" s="438"/>
      <c r="BO4" s="438"/>
      <c r="BP4" s="438"/>
      <c r="BQ4" s="438"/>
      <c r="BR4" s="438"/>
      <c r="BS4" s="438"/>
      <c r="BT4" s="438"/>
      <c r="BU4" s="438"/>
      <c r="BV4" s="438"/>
      <c r="BW4" s="438"/>
      <c r="BX4" s="438"/>
      <c r="BY4" s="438"/>
      <c r="BZ4" s="438"/>
      <c r="CA4" s="439"/>
      <c r="CB4" s="423" t="s">
        <v>40</v>
      </c>
      <c r="CC4" s="424"/>
      <c r="CD4" s="424"/>
      <c r="CE4" s="424"/>
      <c r="CF4" s="424"/>
      <c r="CG4" s="424"/>
      <c r="CH4" s="424"/>
      <c r="CI4" s="424"/>
      <c r="CJ4" s="424"/>
      <c r="CK4" s="424"/>
      <c r="CL4" s="425"/>
      <c r="CM4" s="423" t="s">
        <v>41</v>
      </c>
      <c r="CN4" s="424"/>
      <c r="CO4" s="424"/>
      <c r="CP4" s="424"/>
      <c r="CQ4" s="424"/>
      <c r="CR4" s="424"/>
      <c r="CS4" s="424"/>
      <c r="CT4" s="424"/>
      <c r="CU4" s="424"/>
      <c r="CV4" s="424"/>
      <c r="CW4" s="425"/>
      <c r="CX4" s="437" t="s">
        <v>39</v>
      </c>
      <c r="CY4" s="438"/>
      <c r="CZ4" s="438"/>
      <c r="DA4" s="438"/>
      <c r="DB4" s="438"/>
      <c r="DC4" s="438"/>
      <c r="DD4" s="438"/>
      <c r="DE4" s="438"/>
      <c r="DF4" s="438"/>
      <c r="DG4" s="438"/>
      <c r="DH4" s="438"/>
      <c r="DI4" s="438"/>
      <c r="DJ4" s="438"/>
      <c r="DK4" s="438"/>
      <c r="DL4" s="438"/>
      <c r="DM4" s="438"/>
      <c r="DN4" s="438"/>
      <c r="DO4" s="438"/>
      <c r="DP4" s="438"/>
      <c r="DQ4" s="438"/>
      <c r="DR4" s="438"/>
      <c r="DS4" s="438"/>
      <c r="DT4" s="438"/>
      <c r="DU4" s="438"/>
      <c r="DV4" s="438"/>
      <c r="DW4" s="438"/>
      <c r="DX4" s="438"/>
      <c r="DY4" s="438"/>
      <c r="DZ4" s="438"/>
      <c r="EA4" s="438"/>
      <c r="EB4" s="438"/>
      <c r="EC4" s="438"/>
      <c r="ED4" s="438"/>
      <c r="EE4" s="438"/>
      <c r="EF4" s="438"/>
      <c r="EG4" s="438"/>
      <c r="EH4" s="438"/>
      <c r="EI4" s="438"/>
      <c r="EJ4" s="438"/>
      <c r="EK4" s="438"/>
      <c r="EL4" s="438"/>
      <c r="EM4" s="438"/>
      <c r="EN4" s="438"/>
      <c r="EO4" s="438"/>
      <c r="EP4" s="438"/>
      <c r="EQ4" s="438"/>
      <c r="ER4" s="438"/>
      <c r="ES4" s="438"/>
      <c r="ET4" s="438"/>
      <c r="EU4" s="438"/>
      <c r="EV4" s="438"/>
      <c r="EW4" s="438"/>
      <c r="EX4" s="438"/>
      <c r="EY4" s="438"/>
      <c r="EZ4" s="438"/>
      <c r="FA4" s="438"/>
      <c r="FB4" s="438"/>
      <c r="FC4" s="438"/>
      <c r="FD4" s="438"/>
      <c r="FE4" s="438"/>
      <c r="FF4" s="438"/>
      <c r="FG4" s="438"/>
      <c r="FH4" s="438"/>
      <c r="FI4" s="438"/>
      <c r="FJ4" s="438"/>
      <c r="FK4" s="438"/>
      <c r="FL4" s="438"/>
      <c r="FM4" s="438"/>
      <c r="FN4" s="438"/>
      <c r="FO4" s="438"/>
      <c r="FP4" s="438"/>
      <c r="FQ4" s="438"/>
      <c r="FR4" s="438"/>
      <c r="FS4" s="438"/>
      <c r="FT4" s="438"/>
      <c r="FU4" s="438"/>
      <c r="FV4" s="439"/>
      <c r="FW4" s="423" t="s">
        <v>40</v>
      </c>
      <c r="FX4" s="424"/>
      <c r="FY4" s="424"/>
      <c r="FZ4" s="424"/>
      <c r="GA4" s="424"/>
      <c r="GB4" s="424"/>
      <c r="GC4" s="424"/>
      <c r="GD4" s="424"/>
      <c r="GE4" s="424"/>
      <c r="GF4" s="424"/>
      <c r="GG4" s="425"/>
      <c r="GH4" s="423" t="s">
        <v>41</v>
      </c>
      <c r="GI4" s="424"/>
      <c r="GJ4" s="424"/>
      <c r="GK4" s="424"/>
      <c r="GL4" s="424"/>
      <c r="GM4" s="424"/>
      <c r="GN4" s="424"/>
      <c r="GO4" s="424"/>
      <c r="GP4" s="424"/>
      <c r="GQ4" s="424"/>
      <c r="GR4" s="425"/>
      <c r="GS4" s="437" t="s">
        <v>39</v>
      </c>
      <c r="GT4" s="438"/>
      <c r="GU4" s="438"/>
      <c r="GV4" s="438"/>
      <c r="GW4" s="438"/>
      <c r="GX4" s="438"/>
      <c r="GY4" s="438"/>
      <c r="GZ4" s="438"/>
      <c r="HA4" s="438"/>
      <c r="HB4" s="438"/>
      <c r="HC4" s="438"/>
      <c r="HD4" s="438"/>
      <c r="HE4" s="438"/>
      <c r="HF4" s="438"/>
      <c r="HG4" s="438"/>
      <c r="HH4" s="438"/>
      <c r="HI4" s="438"/>
      <c r="HJ4" s="438"/>
      <c r="HK4" s="438"/>
      <c r="HL4" s="438"/>
      <c r="HM4" s="438"/>
      <c r="HN4" s="438"/>
      <c r="HO4" s="438"/>
      <c r="HP4" s="438"/>
      <c r="HQ4" s="438"/>
      <c r="HR4" s="438"/>
      <c r="HS4" s="438"/>
      <c r="HT4" s="438"/>
      <c r="HU4" s="438"/>
      <c r="HV4" s="438"/>
      <c r="HW4" s="438"/>
      <c r="HX4" s="438"/>
      <c r="HY4" s="438"/>
      <c r="HZ4" s="438"/>
      <c r="IA4" s="438"/>
      <c r="IB4" s="438"/>
      <c r="IC4" s="438"/>
      <c r="ID4" s="438"/>
      <c r="IE4" s="438"/>
      <c r="IF4" s="438"/>
      <c r="IG4" s="438"/>
      <c r="IH4" s="438"/>
      <c r="II4" s="438"/>
      <c r="IJ4" s="438"/>
      <c r="IK4" s="438"/>
      <c r="IL4" s="438"/>
      <c r="IM4" s="438"/>
      <c r="IN4" s="438"/>
      <c r="IO4" s="438"/>
      <c r="IP4" s="438"/>
      <c r="IQ4" s="438"/>
      <c r="IR4" s="438"/>
      <c r="IS4" s="438"/>
      <c r="IT4" s="438"/>
      <c r="IU4" s="438"/>
      <c r="IV4" s="438"/>
      <c r="IW4" s="438"/>
      <c r="IX4" s="438"/>
      <c r="IY4" s="438"/>
      <c r="IZ4" s="438"/>
      <c r="JA4" s="438"/>
      <c r="JB4" s="438"/>
      <c r="JC4" s="438"/>
      <c r="JD4" s="438"/>
      <c r="JE4" s="438"/>
      <c r="JF4" s="438"/>
      <c r="JG4" s="438"/>
      <c r="JH4" s="438"/>
      <c r="JI4" s="438"/>
      <c r="JJ4" s="438"/>
      <c r="JK4" s="438"/>
      <c r="JL4" s="438"/>
      <c r="JM4" s="438"/>
      <c r="JN4" s="438"/>
      <c r="JO4" s="438"/>
      <c r="JP4" s="438"/>
      <c r="JQ4" s="439"/>
      <c r="JR4" s="423" t="s">
        <v>40</v>
      </c>
      <c r="JS4" s="424"/>
      <c r="JT4" s="424"/>
      <c r="JU4" s="424"/>
      <c r="JV4" s="424"/>
      <c r="JW4" s="424"/>
      <c r="JX4" s="424"/>
      <c r="JY4" s="424"/>
      <c r="JZ4" s="424"/>
      <c r="KA4" s="424"/>
      <c r="KB4" s="425"/>
      <c r="KC4" s="423" t="s">
        <v>41</v>
      </c>
      <c r="KD4" s="424"/>
      <c r="KE4" s="424"/>
      <c r="KF4" s="424"/>
      <c r="KG4" s="424"/>
      <c r="KH4" s="424"/>
      <c r="KI4" s="424"/>
      <c r="KJ4" s="424"/>
      <c r="KK4" s="424"/>
      <c r="KL4" s="424"/>
      <c r="KM4" s="425"/>
    </row>
    <row r="5" spans="2:299" ht="21" customHeight="1" thickBot="1" x14ac:dyDescent="0.25">
      <c r="B5" s="429"/>
      <c r="C5" s="429"/>
      <c r="D5" s="430"/>
      <c r="E5" s="430"/>
      <c r="F5" s="430"/>
      <c r="G5" s="430"/>
      <c r="H5" s="430"/>
      <c r="I5" s="430"/>
      <c r="J5" s="430"/>
      <c r="K5" s="430"/>
      <c r="L5" s="430"/>
      <c r="M5" s="431"/>
      <c r="N5" s="432" t="s">
        <v>97</v>
      </c>
      <c r="O5" s="433"/>
      <c r="P5" s="433"/>
      <c r="Q5" s="433"/>
      <c r="R5" s="433"/>
      <c r="S5" s="433"/>
      <c r="T5" s="433"/>
      <c r="U5" s="433"/>
      <c r="V5" s="433"/>
      <c r="W5" s="433"/>
      <c r="X5" s="434"/>
      <c r="Y5" s="432" t="s">
        <v>98</v>
      </c>
      <c r="Z5" s="433"/>
      <c r="AA5" s="433"/>
      <c r="AB5" s="433"/>
      <c r="AC5" s="433"/>
      <c r="AD5" s="433"/>
      <c r="AE5" s="433"/>
      <c r="AF5" s="433"/>
      <c r="AG5" s="433"/>
      <c r="AH5" s="433"/>
      <c r="AI5" s="434"/>
      <c r="AJ5" s="432" t="s">
        <v>99</v>
      </c>
      <c r="AK5" s="433"/>
      <c r="AL5" s="433"/>
      <c r="AM5" s="433"/>
      <c r="AN5" s="433"/>
      <c r="AO5" s="433"/>
      <c r="AP5" s="433"/>
      <c r="AQ5" s="433"/>
      <c r="AR5" s="433"/>
      <c r="AS5" s="433"/>
      <c r="AT5" s="434"/>
      <c r="AU5" s="432" t="s">
        <v>100</v>
      </c>
      <c r="AV5" s="433"/>
      <c r="AW5" s="433"/>
      <c r="AX5" s="433"/>
      <c r="AY5" s="433"/>
      <c r="AZ5" s="433"/>
      <c r="BA5" s="433"/>
      <c r="BB5" s="433"/>
      <c r="BC5" s="433"/>
      <c r="BD5" s="433"/>
      <c r="BE5" s="434"/>
      <c r="BF5" s="432" t="s">
        <v>162</v>
      </c>
      <c r="BG5" s="433"/>
      <c r="BH5" s="433"/>
      <c r="BI5" s="433"/>
      <c r="BJ5" s="433"/>
      <c r="BK5" s="433"/>
      <c r="BL5" s="433"/>
      <c r="BM5" s="433"/>
      <c r="BN5" s="433"/>
      <c r="BO5" s="433"/>
      <c r="BP5" s="434"/>
      <c r="BQ5" s="432" t="s">
        <v>101</v>
      </c>
      <c r="BR5" s="433"/>
      <c r="BS5" s="433"/>
      <c r="BT5" s="433"/>
      <c r="BU5" s="433"/>
      <c r="BV5" s="433"/>
      <c r="BW5" s="433"/>
      <c r="BX5" s="433"/>
      <c r="BY5" s="433"/>
      <c r="BZ5" s="433"/>
      <c r="CA5" s="434"/>
      <c r="CB5" s="426"/>
      <c r="CC5" s="427"/>
      <c r="CD5" s="427"/>
      <c r="CE5" s="427"/>
      <c r="CF5" s="427"/>
      <c r="CG5" s="427"/>
      <c r="CH5" s="427"/>
      <c r="CI5" s="427"/>
      <c r="CJ5" s="427"/>
      <c r="CK5" s="427"/>
      <c r="CL5" s="428"/>
      <c r="CM5" s="426"/>
      <c r="CN5" s="427"/>
      <c r="CO5" s="427"/>
      <c r="CP5" s="427"/>
      <c r="CQ5" s="427"/>
      <c r="CR5" s="427"/>
      <c r="CS5" s="427"/>
      <c r="CT5" s="427"/>
      <c r="CU5" s="427"/>
      <c r="CV5" s="427"/>
      <c r="CW5" s="428"/>
      <c r="CX5" s="429"/>
      <c r="CY5" s="430"/>
      <c r="CZ5" s="430"/>
      <c r="DA5" s="430"/>
      <c r="DB5" s="430"/>
      <c r="DC5" s="430"/>
      <c r="DD5" s="430"/>
      <c r="DE5" s="430"/>
      <c r="DF5" s="430"/>
      <c r="DG5" s="430"/>
      <c r="DH5" s="431"/>
      <c r="DI5" s="432" t="s">
        <v>97</v>
      </c>
      <c r="DJ5" s="433"/>
      <c r="DK5" s="433"/>
      <c r="DL5" s="433"/>
      <c r="DM5" s="433"/>
      <c r="DN5" s="433"/>
      <c r="DO5" s="433"/>
      <c r="DP5" s="433"/>
      <c r="DQ5" s="433"/>
      <c r="DR5" s="433"/>
      <c r="DS5" s="434"/>
      <c r="DT5" s="432" t="s">
        <v>98</v>
      </c>
      <c r="DU5" s="433"/>
      <c r="DV5" s="433"/>
      <c r="DW5" s="433"/>
      <c r="DX5" s="433"/>
      <c r="DY5" s="433"/>
      <c r="DZ5" s="433"/>
      <c r="EA5" s="433"/>
      <c r="EB5" s="433"/>
      <c r="EC5" s="433"/>
      <c r="ED5" s="434"/>
      <c r="EE5" s="432" t="s">
        <v>99</v>
      </c>
      <c r="EF5" s="433"/>
      <c r="EG5" s="433"/>
      <c r="EH5" s="433"/>
      <c r="EI5" s="433"/>
      <c r="EJ5" s="433"/>
      <c r="EK5" s="433"/>
      <c r="EL5" s="433"/>
      <c r="EM5" s="433"/>
      <c r="EN5" s="433"/>
      <c r="EO5" s="434"/>
      <c r="EP5" s="432" t="s">
        <v>100</v>
      </c>
      <c r="EQ5" s="433"/>
      <c r="ER5" s="433"/>
      <c r="ES5" s="433"/>
      <c r="ET5" s="433"/>
      <c r="EU5" s="433"/>
      <c r="EV5" s="433"/>
      <c r="EW5" s="433"/>
      <c r="EX5" s="433"/>
      <c r="EY5" s="433"/>
      <c r="EZ5" s="434"/>
      <c r="FA5" s="432" t="s">
        <v>162</v>
      </c>
      <c r="FB5" s="433"/>
      <c r="FC5" s="433"/>
      <c r="FD5" s="433"/>
      <c r="FE5" s="433"/>
      <c r="FF5" s="433"/>
      <c r="FG5" s="433"/>
      <c r="FH5" s="433"/>
      <c r="FI5" s="433"/>
      <c r="FJ5" s="433"/>
      <c r="FK5" s="434"/>
      <c r="FL5" s="432" t="s">
        <v>101</v>
      </c>
      <c r="FM5" s="433"/>
      <c r="FN5" s="433"/>
      <c r="FO5" s="433"/>
      <c r="FP5" s="433"/>
      <c r="FQ5" s="433"/>
      <c r="FR5" s="433"/>
      <c r="FS5" s="433"/>
      <c r="FT5" s="433"/>
      <c r="FU5" s="433"/>
      <c r="FV5" s="434"/>
      <c r="FW5" s="426"/>
      <c r="FX5" s="427"/>
      <c r="FY5" s="427"/>
      <c r="FZ5" s="427"/>
      <c r="GA5" s="427"/>
      <c r="GB5" s="427"/>
      <c r="GC5" s="427"/>
      <c r="GD5" s="427"/>
      <c r="GE5" s="427"/>
      <c r="GF5" s="427"/>
      <c r="GG5" s="428"/>
      <c r="GH5" s="426"/>
      <c r="GI5" s="427"/>
      <c r="GJ5" s="427"/>
      <c r="GK5" s="427"/>
      <c r="GL5" s="427"/>
      <c r="GM5" s="427"/>
      <c r="GN5" s="427"/>
      <c r="GO5" s="427"/>
      <c r="GP5" s="427"/>
      <c r="GQ5" s="427"/>
      <c r="GR5" s="428"/>
      <c r="GS5" s="429"/>
      <c r="GT5" s="430"/>
      <c r="GU5" s="430"/>
      <c r="GV5" s="430"/>
      <c r="GW5" s="430"/>
      <c r="GX5" s="430"/>
      <c r="GY5" s="430"/>
      <c r="GZ5" s="430"/>
      <c r="HA5" s="430"/>
      <c r="HB5" s="430"/>
      <c r="HC5" s="431"/>
      <c r="HD5" s="432" t="s">
        <v>97</v>
      </c>
      <c r="HE5" s="433"/>
      <c r="HF5" s="433"/>
      <c r="HG5" s="433"/>
      <c r="HH5" s="433"/>
      <c r="HI5" s="433"/>
      <c r="HJ5" s="433"/>
      <c r="HK5" s="433"/>
      <c r="HL5" s="433"/>
      <c r="HM5" s="433"/>
      <c r="HN5" s="434"/>
      <c r="HO5" s="432" t="s">
        <v>98</v>
      </c>
      <c r="HP5" s="433"/>
      <c r="HQ5" s="433"/>
      <c r="HR5" s="433"/>
      <c r="HS5" s="433"/>
      <c r="HT5" s="433"/>
      <c r="HU5" s="433"/>
      <c r="HV5" s="433"/>
      <c r="HW5" s="433"/>
      <c r="HX5" s="433"/>
      <c r="HY5" s="434"/>
      <c r="HZ5" s="432" t="s">
        <v>99</v>
      </c>
      <c r="IA5" s="433"/>
      <c r="IB5" s="433"/>
      <c r="IC5" s="433"/>
      <c r="ID5" s="433"/>
      <c r="IE5" s="433"/>
      <c r="IF5" s="433"/>
      <c r="IG5" s="433"/>
      <c r="IH5" s="433"/>
      <c r="II5" s="433"/>
      <c r="IJ5" s="434"/>
      <c r="IK5" s="432" t="s">
        <v>100</v>
      </c>
      <c r="IL5" s="433"/>
      <c r="IM5" s="433"/>
      <c r="IN5" s="433"/>
      <c r="IO5" s="433"/>
      <c r="IP5" s="433"/>
      <c r="IQ5" s="433"/>
      <c r="IR5" s="433"/>
      <c r="IS5" s="433"/>
      <c r="IT5" s="433"/>
      <c r="IU5" s="434"/>
      <c r="IV5" s="432" t="s">
        <v>162</v>
      </c>
      <c r="IW5" s="433"/>
      <c r="IX5" s="433"/>
      <c r="IY5" s="433"/>
      <c r="IZ5" s="433"/>
      <c r="JA5" s="433"/>
      <c r="JB5" s="433"/>
      <c r="JC5" s="433"/>
      <c r="JD5" s="433"/>
      <c r="JE5" s="433"/>
      <c r="JF5" s="434"/>
      <c r="JG5" s="432" t="s">
        <v>101</v>
      </c>
      <c r="JH5" s="433"/>
      <c r="JI5" s="433"/>
      <c r="JJ5" s="433"/>
      <c r="JK5" s="433"/>
      <c r="JL5" s="433"/>
      <c r="JM5" s="433"/>
      <c r="JN5" s="433"/>
      <c r="JO5" s="433"/>
      <c r="JP5" s="433"/>
      <c r="JQ5" s="434"/>
      <c r="JR5" s="426"/>
      <c r="JS5" s="427"/>
      <c r="JT5" s="427"/>
      <c r="JU5" s="427"/>
      <c r="JV5" s="427"/>
      <c r="JW5" s="427"/>
      <c r="JX5" s="427"/>
      <c r="JY5" s="427"/>
      <c r="JZ5" s="427"/>
      <c r="KA5" s="427"/>
      <c r="KB5" s="428"/>
      <c r="KC5" s="426"/>
      <c r="KD5" s="427"/>
      <c r="KE5" s="427"/>
      <c r="KF5" s="427"/>
      <c r="KG5" s="427"/>
      <c r="KH5" s="427"/>
      <c r="KI5" s="427"/>
      <c r="KJ5" s="427"/>
      <c r="KK5" s="427"/>
      <c r="KL5" s="427"/>
      <c r="KM5" s="428"/>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4438</v>
      </c>
      <c r="D7" s="86">
        <v>4229</v>
      </c>
      <c r="E7" s="87">
        <v>8667</v>
      </c>
      <c r="F7" s="412">
        <v>0</v>
      </c>
      <c r="G7" s="86">
        <v>6018</v>
      </c>
      <c r="H7" s="86">
        <v>5504</v>
      </c>
      <c r="I7" s="86">
        <v>3442</v>
      </c>
      <c r="J7" s="86">
        <v>2811</v>
      </c>
      <c r="K7" s="86">
        <v>1542</v>
      </c>
      <c r="L7" s="88">
        <v>19317</v>
      </c>
      <c r="M7" s="89">
        <v>27984</v>
      </c>
      <c r="N7" s="90">
        <v>67</v>
      </c>
      <c r="O7" s="91">
        <v>65</v>
      </c>
      <c r="P7" s="92">
        <v>132</v>
      </c>
      <c r="Q7" s="412">
        <v>0</v>
      </c>
      <c r="R7" s="91">
        <v>75</v>
      </c>
      <c r="S7" s="91">
        <v>95</v>
      </c>
      <c r="T7" s="91">
        <v>61</v>
      </c>
      <c r="U7" s="91">
        <v>53</v>
      </c>
      <c r="V7" s="91">
        <v>37</v>
      </c>
      <c r="W7" s="92">
        <v>321</v>
      </c>
      <c r="X7" s="93">
        <v>453</v>
      </c>
      <c r="Y7" s="90">
        <v>144</v>
      </c>
      <c r="Z7" s="91">
        <v>157</v>
      </c>
      <c r="AA7" s="92">
        <v>301</v>
      </c>
      <c r="AB7" s="412">
        <v>0</v>
      </c>
      <c r="AC7" s="91">
        <v>184</v>
      </c>
      <c r="AD7" s="91">
        <v>233</v>
      </c>
      <c r="AE7" s="91">
        <v>121</v>
      </c>
      <c r="AF7" s="91">
        <v>113</v>
      </c>
      <c r="AG7" s="91">
        <v>95</v>
      </c>
      <c r="AH7" s="92">
        <v>746</v>
      </c>
      <c r="AI7" s="93">
        <v>1047</v>
      </c>
      <c r="AJ7" s="90">
        <v>364</v>
      </c>
      <c r="AK7" s="91">
        <v>368</v>
      </c>
      <c r="AL7" s="92">
        <v>732</v>
      </c>
      <c r="AM7" s="412">
        <v>0</v>
      </c>
      <c r="AN7" s="91">
        <v>456</v>
      </c>
      <c r="AO7" s="91">
        <v>442</v>
      </c>
      <c r="AP7" s="91">
        <v>253</v>
      </c>
      <c r="AQ7" s="91">
        <v>229</v>
      </c>
      <c r="AR7" s="91">
        <v>155</v>
      </c>
      <c r="AS7" s="92">
        <v>1535</v>
      </c>
      <c r="AT7" s="93">
        <v>2267</v>
      </c>
      <c r="AU7" s="90">
        <v>893</v>
      </c>
      <c r="AV7" s="91">
        <v>831</v>
      </c>
      <c r="AW7" s="92">
        <v>1724</v>
      </c>
      <c r="AX7" s="412">
        <v>0</v>
      </c>
      <c r="AY7" s="91">
        <v>1171</v>
      </c>
      <c r="AZ7" s="91">
        <v>982</v>
      </c>
      <c r="BA7" s="91">
        <v>584</v>
      </c>
      <c r="BB7" s="91">
        <v>434</v>
      </c>
      <c r="BC7" s="91">
        <v>299</v>
      </c>
      <c r="BD7" s="92">
        <v>3470</v>
      </c>
      <c r="BE7" s="93">
        <v>5194</v>
      </c>
      <c r="BF7" s="90">
        <v>1541</v>
      </c>
      <c r="BG7" s="91">
        <v>1382</v>
      </c>
      <c r="BH7" s="92">
        <v>2923</v>
      </c>
      <c r="BI7" s="412">
        <v>0</v>
      </c>
      <c r="BJ7" s="91">
        <v>1999</v>
      </c>
      <c r="BK7" s="91">
        <v>1600</v>
      </c>
      <c r="BL7" s="91">
        <v>980</v>
      </c>
      <c r="BM7" s="91">
        <v>746</v>
      </c>
      <c r="BN7" s="91">
        <v>399</v>
      </c>
      <c r="BO7" s="92">
        <v>5724</v>
      </c>
      <c r="BP7" s="93">
        <v>8647</v>
      </c>
      <c r="BQ7" s="90">
        <v>1429</v>
      </c>
      <c r="BR7" s="91">
        <v>1426</v>
      </c>
      <c r="BS7" s="92">
        <v>2855</v>
      </c>
      <c r="BT7" s="412">
        <v>0</v>
      </c>
      <c r="BU7" s="91">
        <v>2133</v>
      </c>
      <c r="BV7" s="91">
        <v>2152</v>
      </c>
      <c r="BW7" s="91">
        <v>1443</v>
      </c>
      <c r="BX7" s="91">
        <v>1236</v>
      </c>
      <c r="BY7" s="91">
        <v>557</v>
      </c>
      <c r="BZ7" s="92">
        <v>7521</v>
      </c>
      <c r="CA7" s="93">
        <v>10376</v>
      </c>
      <c r="CB7" s="90">
        <v>0</v>
      </c>
      <c r="CC7" s="91">
        <v>0</v>
      </c>
      <c r="CD7" s="92">
        <v>0</v>
      </c>
      <c r="CE7" s="412">
        <v>0</v>
      </c>
      <c r="CF7" s="91">
        <v>0</v>
      </c>
      <c r="CG7" s="91">
        <v>0</v>
      </c>
      <c r="CH7" s="91">
        <v>0</v>
      </c>
      <c r="CI7" s="91">
        <v>0</v>
      </c>
      <c r="CJ7" s="91">
        <v>0</v>
      </c>
      <c r="CK7" s="92">
        <v>0</v>
      </c>
      <c r="CL7" s="93">
        <v>0</v>
      </c>
      <c r="CM7" s="90">
        <v>4438</v>
      </c>
      <c r="CN7" s="91">
        <v>4229</v>
      </c>
      <c r="CO7" s="92">
        <v>8667</v>
      </c>
      <c r="CP7" s="412">
        <v>0</v>
      </c>
      <c r="CQ7" s="91">
        <v>6018</v>
      </c>
      <c r="CR7" s="91">
        <v>5504</v>
      </c>
      <c r="CS7" s="91">
        <v>3442</v>
      </c>
      <c r="CT7" s="91">
        <v>2811</v>
      </c>
      <c r="CU7" s="91">
        <v>1542</v>
      </c>
      <c r="CV7" s="92">
        <v>19317</v>
      </c>
      <c r="CW7" s="93">
        <v>27984</v>
      </c>
      <c r="CX7" s="94">
        <v>683</v>
      </c>
      <c r="CY7" s="86">
        <v>763</v>
      </c>
      <c r="CZ7" s="87">
        <v>1446</v>
      </c>
      <c r="DA7" s="412">
        <v>0</v>
      </c>
      <c r="DB7" s="86">
        <v>883</v>
      </c>
      <c r="DC7" s="86">
        <v>806</v>
      </c>
      <c r="DD7" s="86">
        <v>562</v>
      </c>
      <c r="DE7" s="86">
        <v>551</v>
      </c>
      <c r="DF7" s="86">
        <v>360</v>
      </c>
      <c r="DG7" s="88">
        <v>3162</v>
      </c>
      <c r="DH7" s="89">
        <v>4608</v>
      </c>
      <c r="DI7" s="90">
        <v>26</v>
      </c>
      <c r="DJ7" s="91">
        <v>24</v>
      </c>
      <c r="DK7" s="92">
        <v>50</v>
      </c>
      <c r="DL7" s="412">
        <v>0</v>
      </c>
      <c r="DM7" s="91">
        <v>17</v>
      </c>
      <c r="DN7" s="91">
        <v>16</v>
      </c>
      <c r="DO7" s="91">
        <v>13</v>
      </c>
      <c r="DP7" s="91">
        <v>8</v>
      </c>
      <c r="DQ7" s="91">
        <v>6</v>
      </c>
      <c r="DR7" s="92">
        <v>60</v>
      </c>
      <c r="DS7" s="93">
        <v>110</v>
      </c>
      <c r="DT7" s="90">
        <v>54</v>
      </c>
      <c r="DU7" s="91">
        <v>48</v>
      </c>
      <c r="DV7" s="92">
        <v>102</v>
      </c>
      <c r="DW7" s="412">
        <v>0</v>
      </c>
      <c r="DX7" s="91">
        <v>30</v>
      </c>
      <c r="DY7" s="91">
        <v>22</v>
      </c>
      <c r="DZ7" s="91">
        <v>17</v>
      </c>
      <c r="EA7" s="91">
        <v>12</v>
      </c>
      <c r="EB7" s="91">
        <v>11</v>
      </c>
      <c r="EC7" s="92">
        <v>92</v>
      </c>
      <c r="ED7" s="93">
        <v>194</v>
      </c>
      <c r="EE7" s="90">
        <v>100</v>
      </c>
      <c r="EF7" s="91">
        <v>95</v>
      </c>
      <c r="EG7" s="92">
        <v>195</v>
      </c>
      <c r="EH7" s="412">
        <v>0</v>
      </c>
      <c r="EI7" s="91">
        <v>72</v>
      </c>
      <c r="EJ7" s="91">
        <v>58</v>
      </c>
      <c r="EK7" s="91">
        <v>37</v>
      </c>
      <c r="EL7" s="91">
        <v>26</v>
      </c>
      <c r="EM7" s="91">
        <v>33</v>
      </c>
      <c r="EN7" s="92">
        <v>226</v>
      </c>
      <c r="EO7" s="93">
        <v>421</v>
      </c>
      <c r="EP7" s="90">
        <v>170</v>
      </c>
      <c r="EQ7" s="91">
        <v>193</v>
      </c>
      <c r="ER7" s="92">
        <v>363</v>
      </c>
      <c r="ES7" s="412">
        <v>0</v>
      </c>
      <c r="ET7" s="91">
        <v>200</v>
      </c>
      <c r="EU7" s="91">
        <v>139</v>
      </c>
      <c r="EV7" s="91">
        <v>74</v>
      </c>
      <c r="EW7" s="91">
        <v>68</v>
      </c>
      <c r="EX7" s="91">
        <v>38</v>
      </c>
      <c r="EY7" s="92">
        <v>519</v>
      </c>
      <c r="EZ7" s="93">
        <v>882</v>
      </c>
      <c r="FA7" s="90">
        <v>201</v>
      </c>
      <c r="FB7" s="91">
        <v>227</v>
      </c>
      <c r="FC7" s="92">
        <v>428</v>
      </c>
      <c r="FD7" s="412">
        <v>0</v>
      </c>
      <c r="FE7" s="91">
        <v>244</v>
      </c>
      <c r="FF7" s="91">
        <v>232</v>
      </c>
      <c r="FG7" s="91">
        <v>138</v>
      </c>
      <c r="FH7" s="91">
        <v>118</v>
      </c>
      <c r="FI7" s="91">
        <v>85</v>
      </c>
      <c r="FJ7" s="92">
        <v>817</v>
      </c>
      <c r="FK7" s="93">
        <v>1245</v>
      </c>
      <c r="FL7" s="90">
        <v>132</v>
      </c>
      <c r="FM7" s="91">
        <v>176</v>
      </c>
      <c r="FN7" s="92">
        <v>308</v>
      </c>
      <c r="FO7" s="412">
        <v>0</v>
      </c>
      <c r="FP7" s="91">
        <v>320</v>
      </c>
      <c r="FQ7" s="91">
        <v>339</v>
      </c>
      <c r="FR7" s="91">
        <v>283</v>
      </c>
      <c r="FS7" s="91">
        <v>319</v>
      </c>
      <c r="FT7" s="91">
        <v>187</v>
      </c>
      <c r="FU7" s="92">
        <v>1448</v>
      </c>
      <c r="FV7" s="93">
        <v>1756</v>
      </c>
      <c r="FW7" s="90">
        <v>0</v>
      </c>
      <c r="FX7" s="91">
        <v>0</v>
      </c>
      <c r="FY7" s="92">
        <v>0</v>
      </c>
      <c r="FZ7" s="412">
        <v>0</v>
      </c>
      <c r="GA7" s="91">
        <v>0</v>
      </c>
      <c r="GB7" s="91">
        <v>0</v>
      </c>
      <c r="GC7" s="91">
        <v>0</v>
      </c>
      <c r="GD7" s="91">
        <v>0</v>
      </c>
      <c r="GE7" s="91">
        <v>0</v>
      </c>
      <c r="GF7" s="92">
        <v>0</v>
      </c>
      <c r="GG7" s="93">
        <v>0</v>
      </c>
      <c r="GH7" s="90">
        <v>683</v>
      </c>
      <c r="GI7" s="91">
        <v>763</v>
      </c>
      <c r="GJ7" s="92">
        <v>1446</v>
      </c>
      <c r="GK7" s="412">
        <v>0</v>
      </c>
      <c r="GL7" s="91">
        <v>883</v>
      </c>
      <c r="GM7" s="91">
        <v>806</v>
      </c>
      <c r="GN7" s="91">
        <v>562</v>
      </c>
      <c r="GO7" s="91">
        <v>551</v>
      </c>
      <c r="GP7" s="91">
        <v>360</v>
      </c>
      <c r="GQ7" s="92">
        <v>3162</v>
      </c>
      <c r="GR7" s="93">
        <v>4608</v>
      </c>
      <c r="GS7" s="94">
        <v>5121</v>
      </c>
      <c r="GT7" s="86">
        <v>4992</v>
      </c>
      <c r="GU7" s="87">
        <v>10113</v>
      </c>
      <c r="GV7" s="412">
        <v>0</v>
      </c>
      <c r="GW7" s="86">
        <v>6901</v>
      </c>
      <c r="GX7" s="86">
        <v>6310</v>
      </c>
      <c r="GY7" s="86">
        <v>4004</v>
      </c>
      <c r="GZ7" s="86">
        <v>3362</v>
      </c>
      <c r="HA7" s="86">
        <v>1902</v>
      </c>
      <c r="HB7" s="88">
        <v>22479</v>
      </c>
      <c r="HC7" s="89">
        <v>32592</v>
      </c>
      <c r="HD7" s="90">
        <v>93</v>
      </c>
      <c r="HE7" s="91">
        <v>89</v>
      </c>
      <c r="HF7" s="92">
        <v>182</v>
      </c>
      <c r="HG7" s="412">
        <v>0</v>
      </c>
      <c r="HH7" s="91">
        <v>92</v>
      </c>
      <c r="HI7" s="91">
        <v>111</v>
      </c>
      <c r="HJ7" s="91">
        <v>74</v>
      </c>
      <c r="HK7" s="91">
        <v>61</v>
      </c>
      <c r="HL7" s="91">
        <v>43</v>
      </c>
      <c r="HM7" s="92">
        <v>381</v>
      </c>
      <c r="HN7" s="93">
        <v>563</v>
      </c>
      <c r="HO7" s="90">
        <v>198</v>
      </c>
      <c r="HP7" s="91">
        <v>205</v>
      </c>
      <c r="HQ7" s="92">
        <v>403</v>
      </c>
      <c r="HR7" s="412">
        <v>0</v>
      </c>
      <c r="HS7" s="91">
        <v>214</v>
      </c>
      <c r="HT7" s="91">
        <v>255</v>
      </c>
      <c r="HU7" s="91">
        <v>138</v>
      </c>
      <c r="HV7" s="91">
        <v>125</v>
      </c>
      <c r="HW7" s="91">
        <v>106</v>
      </c>
      <c r="HX7" s="92">
        <v>838</v>
      </c>
      <c r="HY7" s="93">
        <v>1241</v>
      </c>
      <c r="HZ7" s="90">
        <v>464</v>
      </c>
      <c r="IA7" s="91">
        <v>463</v>
      </c>
      <c r="IB7" s="92">
        <v>927</v>
      </c>
      <c r="IC7" s="412">
        <v>0</v>
      </c>
      <c r="ID7" s="91">
        <v>528</v>
      </c>
      <c r="IE7" s="91">
        <v>500</v>
      </c>
      <c r="IF7" s="91">
        <v>290</v>
      </c>
      <c r="IG7" s="91">
        <v>255</v>
      </c>
      <c r="IH7" s="91">
        <v>188</v>
      </c>
      <c r="II7" s="92">
        <v>1761</v>
      </c>
      <c r="IJ7" s="93">
        <v>2688</v>
      </c>
      <c r="IK7" s="90">
        <v>1063</v>
      </c>
      <c r="IL7" s="91">
        <v>1024</v>
      </c>
      <c r="IM7" s="92">
        <v>2087</v>
      </c>
      <c r="IN7" s="412">
        <v>0</v>
      </c>
      <c r="IO7" s="91">
        <v>1371</v>
      </c>
      <c r="IP7" s="91">
        <v>1121</v>
      </c>
      <c r="IQ7" s="91">
        <v>658</v>
      </c>
      <c r="IR7" s="91">
        <v>502</v>
      </c>
      <c r="IS7" s="91">
        <v>337</v>
      </c>
      <c r="IT7" s="92">
        <v>3989</v>
      </c>
      <c r="IU7" s="93">
        <v>6076</v>
      </c>
      <c r="IV7" s="90">
        <v>1742</v>
      </c>
      <c r="IW7" s="91">
        <v>1609</v>
      </c>
      <c r="IX7" s="92">
        <v>3351</v>
      </c>
      <c r="IY7" s="412">
        <v>0</v>
      </c>
      <c r="IZ7" s="91">
        <v>2243</v>
      </c>
      <c r="JA7" s="91">
        <v>1832</v>
      </c>
      <c r="JB7" s="91">
        <v>1118</v>
      </c>
      <c r="JC7" s="91">
        <v>864</v>
      </c>
      <c r="JD7" s="91">
        <v>484</v>
      </c>
      <c r="JE7" s="92">
        <v>6541</v>
      </c>
      <c r="JF7" s="93">
        <v>9892</v>
      </c>
      <c r="JG7" s="90">
        <v>1561</v>
      </c>
      <c r="JH7" s="91">
        <v>1602</v>
      </c>
      <c r="JI7" s="92">
        <v>3163</v>
      </c>
      <c r="JJ7" s="412">
        <v>0</v>
      </c>
      <c r="JK7" s="91">
        <v>2453</v>
      </c>
      <c r="JL7" s="91">
        <v>2491</v>
      </c>
      <c r="JM7" s="91">
        <v>1726</v>
      </c>
      <c r="JN7" s="91">
        <v>1555</v>
      </c>
      <c r="JO7" s="91">
        <v>744</v>
      </c>
      <c r="JP7" s="92">
        <v>8969</v>
      </c>
      <c r="JQ7" s="93">
        <v>12132</v>
      </c>
      <c r="JR7" s="90">
        <v>0</v>
      </c>
      <c r="JS7" s="91">
        <v>0</v>
      </c>
      <c r="JT7" s="92">
        <v>0</v>
      </c>
      <c r="JU7" s="412">
        <v>0</v>
      </c>
      <c r="JV7" s="91">
        <v>0</v>
      </c>
      <c r="JW7" s="91">
        <v>0</v>
      </c>
      <c r="JX7" s="91">
        <v>0</v>
      </c>
      <c r="JY7" s="91">
        <v>0</v>
      </c>
      <c r="JZ7" s="91">
        <v>0</v>
      </c>
      <c r="KA7" s="92">
        <v>0</v>
      </c>
      <c r="KB7" s="93">
        <v>0</v>
      </c>
      <c r="KC7" s="90">
        <v>5121</v>
      </c>
      <c r="KD7" s="91">
        <v>4992</v>
      </c>
      <c r="KE7" s="92">
        <v>10113</v>
      </c>
      <c r="KF7" s="412">
        <v>0</v>
      </c>
      <c r="KG7" s="91">
        <v>6901</v>
      </c>
      <c r="KH7" s="91">
        <v>6310</v>
      </c>
      <c r="KI7" s="91">
        <v>4004</v>
      </c>
      <c r="KJ7" s="91">
        <v>3362</v>
      </c>
      <c r="KK7" s="91">
        <v>1902</v>
      </c>
      <c r="KL7" s="92">
        <v>22479</v>
      </c>
      <c r="KM7" s="93">
        <v>32592</v>
      </c>
    </row>
    <row r="8" spans="2:299" s="70" customFormat="1" ht="21" customHeight="1" x14ac:dyDescent="0.2">
      <c r="B8" s="95" t="s">
        <v>5</v>
      </c>
      <c r="C8" s="96">
        <v>1827</v>
      </c>
      <c r="D8" s="97">
        <v>2131</v>
      </c>
      <c r="E8" s="98">
        <v>3958</v>
      </c>
      <c r="F8" s="413">
        <v>0</v>
      </c>
      <c r="G8" s="97">
        <v>2177</v>
      </c>
      <c r="H8" s="97">
        <v>2584</v>
      </c>
      <c r="I8" s="97">
        <v>1562</v>
      </c>
      <c r="J8" s="97">
        <v>1281</v>
      </c>
      <c r="K8" s="97">
        <v>685</v>
      </c>
      <c r="L8" s="99">
        <v>8289</v>
      </c>
      <c r="M8" s="100">
        <v>12247</v>
      </c>
      <c r="N8" s="101">
        <v>20</v>
      </c>
      <c r="O8" s="102">
        <v>37</v>
      </c>
      <c r="P8" s="103">
        <v>57</v>
      </c>
      <c r="Q8" s="413">
        <v>0</v>
      </c>
      <c r="R8" s="102">
        <v>31</v>
      </c>
      <c r="S8" s="102">
        <v>47</v>
      </c>
      <c r="T8" s="102">
        <v>22</v>
      </c>
      <c r="U8" s="102">
        <v>24</v>
      </c>
      <c r="V8" s="102">
        <v>16</v>
      </c>
      <c r="W8" s="103">
        <v>140</v>
      </c>
      <c r="X8" s="104">
        <v>197</v>
      </c>
      <c r="Y8" s="101">
        <v>46</v>
      </c>
      <c r="Z8" s="102">
        <v>72</v>
      </c>
      <c r="AA8" s="103">
        <v>118</v>
      </c>
      <c r="AB8" s="413">
        <v>0</v>
      </c>
      <c r="AC8" s="102">
        <v>57</v>
      </c>
      <c r="AD8" s="102">
        <v>109</v>
      </c>
      <c r="AE8" s="102">
        <v>59</v>
      </c>
      <c r="AF8" s="102">
        <v>47</v>
      </c>
      <c r="AG8" s="102">
        <v>40</v>
      </c>
      <c r="AH8" s="103">
        <v>312</v>
      </c>
      <c r="AI8" s="104">
        <v>430</v>
      </c>
      <c r="AJ8" s="101">
        <v>144</v>
      </c>
      <c r="AK8" s="102">
        <v>178</v>
      </c>
      <c r="AL8" s="103">
        <v>322</v>
      </c>
      <c r="AM8" s="413">
        <v>0</v>
      </c>
      <c r="AN8" s="102">
        <v>151</v>
      </c>
      <c r="AO8" s="102">
        <v>196</v>
      </c>
      <c r="AP8" s="102">
        <v>113</v>
      </c>
      <c r="AQ8" s="102">
        <v>94</v>
      </c>
      <c r="AR8" s="102">
        <v>66</v>
      </c>
      <c r="AS8" s="103">
        <v>620</v>
      </c>
      <c r="AT8" s="104">
        <v>942</v>
      </c>
      <c r="AU8" s="101">
        <v>351</v>
      </c>
      <c r="AV8" s="102">
        <v>403</v>
      </c>
      <c r="AW8" s="103">
        <v>754</v>
      </c>
      <c r="AX8" s="413">
        <v>0</v>
      </c>
      <c r="AY8" s="102">
        <v>392</v>
      </c>
      <c r="AZ8" s="102">
        <v>423</v>
      </c>
      <c r="BA8" s="102">
        <v>260</v>
      </c>
      <c r="BB8" s="102">
        <v>181</v>
      </c>
      <c r="BC8" s="102">
        <v>137</v>
      </c>
      <c r="BD8" s="103">
        <v>1393</v>
      </c>
      <c r="BE8" s="104">
        <v>2147</v>
      </c>
      <c r="BF8" s="101">
        <v>613</v>
      </c>
      <c r="BG8" s="102">
        <v>674</v>
      </c>
      <c r="BH8" s="103">
        <v>1287</v>
      </c>
      <c r="BI8" s="413">
        <v>0</v>
      </c>
      <c r="BJ8" s="102">
        <v>731</v>
      </c>
      <c r="BK8" s="102">
        <v>771</v>
      </c>
      <c r="BL8" s="102">
        <v>429</v>
      </c>
      <c r="BM8" s="102">
        <v>332</v>
      </c>
      <c r="BN8" s="102">
        <v>182</v>
      </c>
      <c r="BO8" s="103">
        <v>2445</v>
      </c>
      <c r="BP8" s="104">
        <v>3732</v>
      </c>
      <c r="BQ8" s="101">
        <v>653</v>
      </c>
      <c r="BR8" s="102">
        <v>767</v>
      </c>
      <c r="BS8" s="103">
        <v>1420</v>
      </c>
      <c r="BT8" s="413">
        <v>0</v>
      </c>
      <c r="BU8" s="102">
        <v>815</v>
      </c>
      <c r="BV8" s="102">
        <v>1038</v>
      </c>
      <c r="BW8" s="102">
        <v>679</v>
      </c>
      <c r="BX8" s="102">
        <v>603</v>
      </c>
      <c r="BY8" s="102">
        <v>244</v>
      </c>
      <c r="BZ8" s="103">
        <v>3379</v>
      </c>
      <c r="CA8" s="104">
        <v>4799</v>
      </c>
      <c r="CB8" s="101">
        <v>0</v>
      </c>
      <c r="CC8" s="102">
        <v>0</v>
      </c>
      <c r="CD8" s="103">
        <v>0</v>
      </c>
      <c r="CE8" s="413">
        <v>0</v>
      </c>
      <c r="CF8" s="102">
        <v>0</v>
      </c>
      <c r="CG8" s="102">
        <v>0</v>
      </c>
      <c r="CH8" s="102">
        <v>0</v>
      </c>
      <c r="CI8" s="102">
        <v>0</v>
      </c>
      <c r="CJ8" s="102">
        <v>0</v>
      </c>
      <c r="CK8" s="103">
        <v>0</v>
      </c>
      <c r="CL8" s="104">
        <v>0</v>
      </c>
      <c r="CM8" s="101">
        <v>1827</v>
      </c>
      <c r="CN8" s="102">
        <v>2131</v>
      </c>
      <c r="CO8" s="103">
        <v>3958</v>
      </c>
      <c r="CP8" s="413">
        <v>0</v>
      </c>
      <c r="CQ8" s="102">
        <v>2177</v>
      </c>
      <c r="CR8" s="102">
        <v>2584</v>
      </c>
      <c r="CS8" s="102">
        <v>1562</v>
      </c>
      <c r="CT8" s="102">
        <v>1281</v>
      </c>
      <c r="CU8" s="102">
        <v>685</v>
      </c>
      <c r="CV8" s="103">
        <v>8289</v>
      </c>
      <c r="CW8" s="104">
        <v>12247</v>
      </c>
      <c r="CX8" s="105">
        <v>286</v>
      </c>
      <c r="CY8" s="97">
        <v>365</v>
      </c>
      <c r="CZ8" s="98">
        <v>651</v>
      </c>
      <c r="DA8" s="413">
        <v>0</v>
      </c>
      <c r="DB8" s="97">
        <v>327</v>
      </c>
      <c r="DC8" s="97">
        <v>380</v>
      </c>
      <c r="DD8" s="97">
        <v>267</v>
      </c>
      <c r="DE8" s="97">
        <v>255</v>
      </c>
      <c r="DF8" s="97">
        <v>164</v>
      </c>
      <c r="DG8" s="99">
        <v>1393</v>
      </c>
      <c r="DH8" s="100">
        <v>2044</v>
      </c>
      <c r="DI8" s="101">
        <v>12</v>
      </c>
      <c r="DJ8" s="102">
        <v>11</v>
      </c>
      <c r="DK8" s="103">
        <v>23</v>
      </c>
      <c r="DL8" s="413">
        <v>0</v>
      </c>
      <c r="DM8" s="102">
        <v>6</v>
      </c>
      <c r="DN8" s="102">
        <v>7</v>
      </c>
      <c r="DO8" s="102">
        <v>6</v>
      </c>
      <c r="DP8" s="102">
        <v>2</v>
      </c>
      <c r="DQ8" s="102">
        <v>2</v>
      </c>
      <c r="DR8" s="103">
        <v>23</v>
      </c>
      <c r="DS8" s="104">
        <v>46</v>
      </c>
      <c r="DT8" s="101">
        <v>21</v>
      </c>
      <c r="DU8" s="102">
        <v>21</v>
      </c>
      <c r="DV8" s="103">
        <v>42</v>
      </c>
      <c r="DW8" s="413">
        <v>0</v>
      </c>
      <c r="DX8" s="102">
        <v>7</v>
      </c>
      <c r="DY8" s="102">
        <v>11</v>
      </c>
      <c r="DZ8" s="102">
        <v>11</v>
      </c>
      <c r="EA8" s="102">
        <v>5</v>
      </c>
      <c r="EB8" s="102">
        <v>4</v>
      </c>
      <c r="EC8" s="103">
        <v>38</v>
      </c>
      <c r="ED8" s="104">
        <v>80</v>
      </c>
      <c r="EE8" s="101">
        <v>39</v>
      </c>
      <c r="EF8" s="102">
        <v>50</v>
      </c>
      <c r="EG8" s="103">
        <v>89</v>
      </c>
      <c r="EH8" s="413">
        <v>0</v>
      </c>
      <c r="EI8" s="102">
        <v>33</v>
      </c>
      <c r="EJ8" s="102">
        <v>29</v>
      </c>
      <c r="EK8" s="102">
        <v>15</v>
      </c>
      <c r="EL8" s="102">
        <v>14</v>
      </c>
      <c r="EM8" s="102">
        <v>16</v>
      </c>
      <c r="EN8" s="103">
        <v>107</v>
      </c>
      <c r="EO8" s="104">
        <v>196</v>
      </c>
      <c r="EP8" s="101">
        <v>73</v>
      </c>
      <c r="EQ8" s="102">
        <v>96</v>
      </c>
      <c r="ER8" s="103">
        <v>169</v>
      </c>
      <c r="ES8" s="413">
        <v>0</v>
      </c>
      <c r="ET8" s="102">
        <v>85</v>
      </c>
      <c r="EU8" s="102">
        <v>64</v>
      </c>
      <c r="EV8" s="102">
        <v>35</v>
      </c>
      <c r="EW8" s="102">
        <v>39</v>
      </c>
      <c r="EX8" s="102">
        <v>24</v>
      </c>
      <c r="EY8" s="103">
        <v>247</v>
      </c>
      <c r="EZ8" s="104">
        <v>416</v>
      </c>
      <c r="FA8" s="101">
        <v>84</v>
      </c>
      <c r="FB8" s="102">
        <v>98</v>
      </c>
      <c r="FC8" s="103">
        <v>182</v>
      </c>
      <c r="FD8" s="413">
        <v>0</v>
      </c>
      <c r="FE8" s="102">
        <v>86</v>
      </c>
      <c r="FF8" s="102">
        <v>112</v>
      </c>
      <c r="FG8" s="102">
        <v>66</v>
      </c>
      <c r="FH8" s="102">
        <v>54</v>
      </c>
      <c r="FI8" s="102">
        <v>32</v>
      </c>
      <c r="FJ8" s="103">
        <v>350</v>
      </c>
      <c r="FK8" s="104">
        <v>532</v>
      </c>
      <c r="FL8" s="101">
        <v>57</v>
      </c>
      <c r="FM8" s="102">
        <v>89</v>
      </c>
      <c r="FN8" s="103">
        <v>146</v>
      </c>
      <c r="FO8" s="413">
        <v>0</v>
      </c>
      <c r="FP8" s="102">
        <v>110</v>
      </c>
      <c r="FQ8" s="102">
        <v>157</v>
      </c>
      <c r="FR8" s="102">
        <v>134</v>
      </c>
      <c r="FS8" s="102">
        <v>141</v>
      </c>
      <c r="FT8" s="102">
        <v>86</v>
      </c>
      <c r="FU8" s="103">
        <v>628</v>
      </c>
      <c r="FV8" s="104">
        <v>774</v>
      </c>
      <c r="FW8" s="101">
        <v>0</v>
      </c>
      <c r="FX8" s="102">
        <v>0</v>
      </c>
      <c r="FY8" s="103">
        <v>0</v>
      </c>
      <c r="FZ8" s="413">
        <v>0</v>
      </c>
      <c r="GA8" s="102">
        <v>0</v>
      </c>
      <c r="GB8" s="102">
        <v>0</v>
      </c>
      <c r="GC8" s="102">
        <v>0</v>
      </c>
      <c r="GD8" s="102">
        <v>0</v>
      </c>
      <c r="GE8" s="102">
        <v>0</v>
      </c>
      <c r="GF8" s="103">
        <v>0</v>
      </c>
      <c r="GG8" s="104">
        <v>0</v>
      </c>
      <c r="GH8" s="101">
        <v>286</v>
      </c>
      <c r="GI8" s="102">
        <v>365</v>
      </c>
      <c r="GJ8" s="103">
        <v>651</v>
      </c>
      <c r="GK8" s="413">
        <v>0</v>
      </c>
      <c r="GL8" s="102">
        <v>327</v>
      </c>
      <c r="GM8" s="102">
        <v>380</v>
      </c>
      <c r="GN8" s="102">
        <v>267</v>
      </c>
      <c r="GO8" s="102">
        <v>255</v>
      </c>
      <c r="GP8" s="102">
        <v>164</v>
      </c>
      <c r="GQ8" s="103">
        <v>1393</v>
      </c>
      <c r="GR8" s="104">
        <v>2044</v>
      </c>
      <c r="GS8" s="105">
        <v>2113</v>
      </c>
      <c r="GT8" s="97">
        <v>2496</v>
      </c>
      <c r="GU8" s="98">
        <v>4609</v>
      </c>
      <c r="GV8" s="413">
        <v>0</v>
      </c>
      <c r="GW8" s="97">
        <v>2504</v>
      </c>
      <c r="GX8" s="97">
        <v>2964</v>
      </c>
      <c r="GY8" s="97">
        <v>1829</v>
      </c>
      <c r="GZ8" s="97">
        <v>1536</v>
      </c>
      <c r="HA8" s="97">
        <v>849</v>
      </c>
      <c r="HB8" s="99">
        <v>9682</v>
      </c>
      <c r="HC8" s="100">
        <v>14291</v>
      </c>
      <c r="HD8" s="101">
        <v>32</v>
      </c>
      <c r="HE8" s="102">
        <v>48</v>
      </c>
      <c r="HF8" s="103">
        <v>80</v>
      </c>
      <c r="HG8" s="413">
        <v>0</v>
      </c>
      <c r="HH8" s="102">
        <v>37</v>
      </c>
      <c r="HI8" s="102">
        <v>54</v>
      </c>
      <c r="HJ8" s="102">
        <v>28</v>
      </c>
      <c r="HK8" s="102">
        <v>26</v>
      </c>
      <c r="HL8" s="102">
        <v>18</v>
      </c>
      <c r="HM8" s="103">
        <v>163</v>
      </c>
      <c r="HN8" s="104">
        <v>243</v>
      </c>
      <c r="HO8" s="101">
        <v>67</v>
      </c>
      <c r="HP8" s="102">
        <v>93</v>
      </c>
      <c r="HQ8" s="103">
        <v>160</v>
      </c>
      <c r="HR8" s="413">
        <v>0</v>
      </c>
      <c r="HS8" s="102">
        <v>64</v>
      </c>
      <c r="HT8" s="102">
        <v>120</v>
      </c>
      <c r="HU8" s="102">
        <v>70</v>
      </c>
      <c r="HV8" s="102">
        <v>52</v>
      </c>
      <c r="HW8" s="102">
        <v>44</v>
      </c>
      <c r="HX8" s="103">
        <v>350</v>
      </c>
      <c r="HY8" s="104">
        <v>510</v>
      </c>
      <c r="HZ8" s="101">
        <v>183</v>
      </c>
      <c r="IA8" s="102">
        <v>228</v>
      </c>
      <c r="IB8" s="103">
        <v>411</v>
      </c>
      <c r="IC8" s="413">
        <v>0</v>
      </c>
      <c r="ID8" s="102">
        <v>184</v>
      </c>
      <c r="IE8" s="102">
        <v>225</v>
      </c>
      <c r="IF8" s="102">
        <v>128</v>
      </c>
      <c r="IG8" s="102">
        <v>108</v>
      </c>
      <c r="IH8" s="102">
        <v>82</v>
      </c>
      <c r="II8" s="103">
        <v>727</v>
      </c>
      <c r="IJ8" s="104">
        <v>1138</v>
      </c>
      <c r="IK8" s="101">
        <v>424</v>
      </c>
      <c r="IL8" s="102">
        <v>499</v>
      </c>
      <c r="IM8" s="103">
        <v>923</v>
      </c>
      <c r="IN8" s="413">
        <v>0</v>
      </c>
      <c r="IO8" s="102">
        <v>477</v>
      </c>
      <c r="IP8" s="102">
        <v>487</v>
      </c>
      <c r="IQ8" s="102">
        <v>295</v>
      </c>
      <c r="IR8" s="102">
        <v>220</v>
      </c>
      <c r="IS8" s="102">
        <v>161</v>
      </c>
      <c r="IT8" s="103">
        <v>1640</v>
      </c>
      <c r="IU8" s="104">
        <v>2563</v>
      </c>
      <c r="IV8" s="101">
        <v>697</v>
      </c>
      <c r="IW8" s="102">
        <v>772</v>
      </c>
      <c r="IX8" s="103">
        <v>1469</v>
      </c>
      <c r="IY8" s="413">
        <v>0</v>
      </c>
      <c r="IZ8" s="102">
        <v>817</v>
      </c>
      <c r="JA8" s="102">
        <v>883</v>
      </c>
      <c r="JB8" s="102">
        <v>495</v>
      </c>
      <c r="JC8" s="102">
        <v>386</v>
      </c>
      <c r="JD8" s="102">
        <v>214</v>
      </c>
      <c r="JE8" s="103">
        <v>2795</v>
      </c>
      <c r="JF8" s="104">
        <v>4264</v>
      </c>
      <c r="JG8" s="101">
        <v>710</v>
      </c>
      <c r="JH8" s="102">
        <v>856</v>
      </c>
      <c r="JI8" s="103">
        <v>1566</v>
      </c>
      <c r="JJ8" s="413">
        <v>0</v>
      </c>
      <c r="JK8" s="102">
        <v>925</v>
      </c>
      <c r="JL8" s="102">
        <v>1195</v>
      </c>
      <c r="JM8" s="102">
        <v>813</v>
      </c>
      <c r="JN8" s="102">
        <v>744</v>
      </c>
      <c r="JO8" s="102">
        <v>330</v>
      </c>
      <c r="JP8" s="103">
        <v>4007</v>
      </c>
      <c r="JQ8" s="104">
        <v>5573</v>
      </c>
      <c r="JR8" s="101">
        <v>0</v>
      </c>
      <c r="JS8" s="102">
        <v>0</v>
      </c>
      <c r="JT8" s="103">
        <v>0</v>
      </c>
      <c r="JU8" s="413">
        <v>0</v>
      </c>
      <c r="JV8" s="102">
        <v>0</v>
      </c>
      <c r="JW8" s="102">
        <v>0</v>
      </c>
      <c r="JX8" s="102">
        <v>0</v>
      </c>
      <c r="JY8" s="102">
        <v>0</v>
      </c>
      <c r="JZ8" s="102">
        <v>0</v>
      </c>
      <c r="KA8" s="103">
        <v>0</v>
      </c>
      <c r="KB8" s="104">
        <v>0</v>
      </c>
      <c r="KC8" s="101">
        <v>2113</v>
      </c>
      <c r="KD8" s="102">
        <v>2496</v>
      </c>
      <c r="KE8" s="103">
        <v>4609</v>
      </c>
      <c r="KF8" s="413">
        <v>0</v>
      </c>
      <c r="KG8" s="102">
        <v>2504</v>
      </c>
      <c r="KH8" s="102">
        <v>2964</v>
      </c>
      <c r="KI8" s="102">
        <v>1829</v>
      </c>
      <c r="KJ8" s="102">
        <v>1536</v>
      </c>
      <c r="KK8" s="102">
        <v>849</v>
      </c>
      <c r="KL8" s="103">
        <v>9682</v>
      </c>
      <c r="KM8" s="104">
        <v>14291</v>
      </c>
    </row>
    <row r="9" spans="2:299" s="70" customFormat="1" ht="21" customHeight="1" x14ac:dyDescent="0.2">
      <c r="B9" s="106" t="s">
        <v>6</v>
      </c>
      <c r="C9" s="96">
        <v>510</v>
      </c>
      <c r="D9" s="97">
        <v>397</v>
      </c>
      <c r="E9" s="98">
        <v>907</v>
      </c>
      <c r="F9" s="413">
        <v>0</v>
      </c>
      <c r="G9" s="97">
        <v>786</v>
      </c>
      <c r="H9" s="97">
        <v>635</v>
      </c>
      <c r="I9" s="97">
        <v>391</v>
      </c>
      <c r="J9" s="97">
        <v>313</v>
      </c>
      <c r="K9" s="97">
        <v>191</v>
      </c>
      <c r="L9" s="99">
        <v>2316</v>
      </c>
      <c r="M9" s="100">
        <v>3223</v>
      </c>
      <c r="N9" s="101">
        <v>10</v>
      </c>
      <c r="O9" s="102">
        <v>7</v>
      </c>
      <c r="P9" s="103">
        <v>17</v>
      </c>
      <c r="Q9" s="413">
        <v>0</v>
      </c>
      <c r="R9" s="102">
        <v>9</v>
      </c>
      <c r="S9" s="102">
        <v>12</v>
      </c>
      <c r="T9" s="102">
        <v>15</v>
      </c>
      <c r="U9" s="102">
        <v>3</v>
      </c>
      <c r="V9" s="102">
        <v>5</v>
      </c>
      <c r="W9" s="103">
        <v>44</v>
      </c>
      <c r="X9" s="104">
        <v>61</v>
      </c>
      <c r="Y9" s="101">
        <v>26</v>
      </c>
      <c r="Z9" s="102">
        <v>15</v>
      </c>
      <c r="AA9" s="103">
        <v>41</v>
      </c>
      <c r="AB9" s="413">
        <v>0</v>
      </c>
      <c r="AC9" s="102">
        <v>28</v>
      </c>
      <c r="AD9" s="102">
        <v>21</v>
      </c>
      <c r="AE9" s="102">
        <v>11</v>
      </c>
      <c r="AF9" s="102">
        <v>16</v>
      </c>
      <c r="AG9" s="102">
        <v>13</v>
      </c>
      <c r="AH9" s="103">
        <v>89</v>
      </c>
      <c r="AI9" s="104">
        <v>130</v>
      </c>
      <c r="AJ9" s="101">
        <v>52</v>
      </c>
      <c r="AK9" s="102">
        <v>40</v>
      </c>
      <c r="AL9" s="103">
        <v>92</v>
      </c>
      <c r="AM9" s="413">
        <v>0</v>
      </c>
      <c r="AN9" s="102">
        <v>62</v>
      </c>
      <c r="AO9" s="102">
        <v>51</v>
      </c>
      <c r="AP9" s="102">
        <v>24</v>
      </c>
      <c r="AQ9" s="102">
        <v>34</v>
      </c>
      <c r="AR9" s="102">
        <v>17</v>
      </c>
      <c r="AS9" s="103">
        <v>188</v>
      </c>
      <c r="AT9" s="104">
        <v>280</v>
      </c>
      <c r="AU9" s="101">
        <v>93</v>
      </c>
      <c r="AV9" s="102">
        <v>75</v>
      </c>
      <c r="AW9" s="103">
        <v>168</v>
      </c>
      <c r="AX9" s="413">
        <v>0</v>
      </c>
      <c r="AY9" s="102">
        <v>144</v>
      </c>
      <c r="AZ9" s="102">
        <v>123</v>
      </c>
      <c r="BA9" s="102">
        <v>70</v>
      </c>
      <c r="BB9" s="102">
        <v>40</v>
      </c>
      <c r="BC9" s="102">
        <v>34</v>
      </c>
      <c r="BD9" s="103">
        <v>411</v>
      </c>
      <c r="BE9" s="104">
        <v>579</v>
      </c>
      <c r="BF9" s="101">
        <v>185</v>
      </c>
      <c r="BG9" s="102">
        <v>137</v>
      </c>
      <c r="BH9" s="103">
        <v>322</v>
      </c>
      <c r="BI9" s="413">
        <v>0</v>
      </c>
      <c r="BJ9" s="102">
        <v>237</v>
      </c>
      <c r="BK9" s="102">
        <v>176</v>
      </c>
      <c r="BL9" s="102">
        <v>107</v>
      </c>
      <c r="BM9" s="102">
        <v>83</v>
      </c>
      <c r="BN9" s="102">
        <v>59</v>
      </c>
      <c r="BO9" s="103">
        <v>662</v>
      </c>
      <c r="BP9" s="104">
        <v>984</v>
      </c>
      <c r="BQ9" s="101">
        <v>144</v>
      </c>
      <c r="BR9" s="102">
        <v>123</v>
      </c>
      <c r="BS9" s="103">
        <v>267</v>
      </c>
      <c r="BT9" s="413">
        <v>0</v>
      </c>
      <c r="BU9" s="102">
        <v>306</v>
      </c>
      <c r="BV9" s="102">
        <v>252</v>
      </c>
      <c r="BW9" s="102">
        <v>164</v>
      </c>
      <c r="BX9" s="102">
        <v>137</v>
      </c>
      <c r="BY9" s="102">
        <v>63</v>
      </c>
      <c r="BZ9" s="103">
        <v>922</v>
      </c>
      <c r="CA9" s="104">
        <v>1189</v>
      </c>
      <c r="CB9" s="101">
        <v>0</v>
      </c>
      <c r="CC9" s="102">
        <v>0</v>
      </c>
      <c r="CD9" s="103">
        <v>0</v>
      </c>
      <c r="CE9" s="413">
        <v>0</v>
      </c>
      <c r="CF9" s="102">
        <v>0</v>
      </c>
      <c r="CG9" s="102">
        <v>0</v>
      </c>
      <c r="CH9" s="102">
        <v>0</v>
      </c>
      <c r="CI9" s="102">
        <v>0</v>
      </c>
      <c r="CJ9" s="102">
        <v>0</v>
      </c>
      <c r="CK9" s="103">
        <v>0</v>
      </c>
      <c r="CL9" s="104">
        <v>0</v>
      </c>
      <c r="CM9" s="101">
        <v>510</v>
      </c>
      <c r="CN9" s="102">
        <v>397</v>
      </c>
      <c r="CO9" s="103">
        <v>907</v>
      </c>
      <c r="CP9" s="413">
        <v>0</v>
      </c>
      <c r="CQ9" s="102">
        <v>786</v>
      </c>
      <c r="CR9" s="102">
        <v>635</v>
      </c>
      <c r="CS9" s="102">
        <v>391</v>
      </c>
      <c r="CT9" s="102">
        <v>313</v>
      </c>
      <c r="CU9" s="102">
        <v>191</v>
      </c>
      <c r="CV9" s="103">
        <v>2316</v>
      </c>
      <c r="CW9" s="104">
        <v>3223</v>
      </c>
      <c r="CX9" s="105">
        <v>109</v>
      </c>
      <c r="CY9" s="97">
        <v>109</v>
      </c>
      <c r="CZ9" s="98">
        <v>218</v>
      </c>
      <c r="DA9" s="413">
        <v>0</v>
      </c>
      <c r="DB9" s="97">
        <v>131</v>
      </c>
      <c r="DC9" s="97">
        <v>102</v>
      </c>
      <c r="DD9" s="97">
        <v>77</v>
      </c>
      <c r="DE9" s="97">
        <v>82</v>
      </c>
      <c r="DF9" s="97">
        <v>55</v>
      </c>
      <c r="DG9" s="99">
        <v>447</v>
      </c>
      <c r="DH9" s="100">
        <v>665</v>
      </c>
      <c r="DI9" s="101">
        <v>2</v>
      </c>
      <c r="DJ9" s="102">
        <v>3</v>
      </c>
      <c r="DK9" s="103">
        <v>5</v>
      </c>
      <c r="DL9" s="413">
        <v>0</v>
      </c>
      <c r="DM9" s="102">
        <v>1</v>
      </c>
      <c r="DN9" s="102">
        <v>2</v>
      </c>
      <c r="DO9" s="102">
        <v>1</v>
      </c>
      <c r="DP9" s="102">
        <v>3</v>
      </c>
      <c r="DQ9" s="102">
        <v>0</v>
      </c>
      <c r="DR9" s="103">
        <v>7</v>
      </c>
      <c r="DS9" s="104">
        <v>12</v>
      </c>
      <c r="DT9" s="101">
        <v>6</v>
      </c>
      <c r="DU9" s="102">
        <v>7</v>
      </c>
      <c r="DV9" s="103">
        <v>13</v>
      </c>
      <c r="DW9" s="413">
        <v>0</v>
      </c>
      <c r="DX9" s="102">
        <v>4</v>
      </c>
      <c r="DY9" s="102">
        <v>2</v>
      </c>
      <c r="DZ9" s="102">
        <v>1</v>
      </c>
      <c r="EA9" s="102">
        <v>3</v>
      </c>
      <c r="EB9" s="102">
        <v>0</v>
      </c>
      <c r="EC9" s="103">
        <v>10</v>
      </c>
      <c r="ED9" s="104">
        <v>23</v>
      </c>
      <c r="EE9" s="101">
        <v>16</v>
      </c>
      <c r="EF9" s="102">
        <v>12</v>
      </c>
      <c r="EG9" s="103">
        <v>28</v>
      </c>
      <c r="EH9" s="413">
        <v>0</v>
      </c>
      <c r="EI9" s="102">
        <v>12</v>
      </c>
      <c r="EJ9" s="102">
        <v>6</v>
      </c>
      <c r="EK9" s="102">
        <v>5</v>
      </c>
      <c r="EL9" s="102">
        <v>3</v>
      </c>
      <c r="EM9" s="102">
        <v>3</v>
      </c>
      <c r="EN9" s="103">
        <v>29</v>
      </c>
      <c r="EO9" s="104">
        <v>57</v>
      </c>
      <c r="EP9" s="101">
        <v>29</v>
      </c>
      <c r="EQ9" s="102">
        <v>30</v>
      </c>
      <c r="ER9" s="103">
        <v>59</v>
      </c>
      <c r="ES9" s="413">
        <v>0</v>
      </c>
      <c r="ET9" s="102">
        <v>26</v>
      </c>
      <c r="EU9" s="102">
        <v>16</v>
      </c>
      <c r="EV9" s="102">
        <v>9</v>
      </c>
      <c r="EW9" s="102">
        <v>8</v>
      </c>
      <c r="EX9" s="102">
        <v>4</v>
      </c>
      <c r="EY9" s="103">
        <v>63</v>
      </c>
      <c r="EZ9" s="104">
        <v>122</v>
      </c>
      <c r="FA9" s="101">
        <v>35</v>
      </c>
      <c r="FB9" s="102">
        <v>33</v>
      </c>
      <c r="FC9" s="103">
        <v>68</v>
      </c>
      <c r="FD9" s="413">
        <v>0</v>
      </c>
      <c r="FE9" s="102">
        <v>39</v>
      </c>
      <c r="FF9" s="102">
        <v>28</v>
      </c>
      <c r="FG9" s="102">
        <v>25</v>
      </c>
      <c r="FH9" s="102">
        <v>19</v>
      </c>
      <c r="FI9" s="102">
        <v>16</v>
      </c>
      <c r="FJ9" s="103">
        <v>127</v>
      </c>
      <c r="FK9" s="104">
        <v>195</v>
      </c>
      <c r="FL9" s="101">
        <v>21</v>
      </c>
      <c r="FM9" s="102">
        <v>24</v>
      </c>
      <c r="FN9" s="103">
        <v>45</v>
      </c>
      <c r="FO9" s="413">
        <v>0</v>
      </c>
      <c r="FP9" s="102">
        <v>49</v>
      </c>
      <c r="FQ9" s="102">
        <v>48</v>
      </c>
      <c r="FR9" s="102">
        <v>36</v>
      </c>
      <c r="FS9" s="102">
        <v>46</v>
      </c>
      <c r="FT9" s="102">
        <v>32</v>
      </c>
      <c r="FU9" s="103">
        <v>211</v>
      </c>
      <c r="FV9" s="104">
        <v>256</v>
      </c>
      <c r="FW9" s="101">
        <v>0</v>
      </c>
      <c r="FX9" s="102">
        <v>0</v>
      </c>
      <c r="FY9" s="103">
        <v>0</v>
      </c>
      <c r="FZ9" s="413">
        <v>0</v>
      </c>
      <c r="GA9" s="102">
        <v>0</v>
      </c>
      <c r="GB9" s="102">
        <v>0</v>
      </c>
      <c r="GC9" s="102">
        <v>0</v>
      </c>
      <c r="GD9" s="102">
        <v>0</v>
      </c>
      <c r="GE9" s="102">
        <v>0</v>
      </c>
      <c r="GF9" s="103">
        <v>0</v>
      </c>
      <c r="GG9" s="104">
        <v>0</v>
      </c>
      <c r="GH9" s="101">
        <v>109</v>
      </c>
      <c r="GI9" s="102">
        <v>109</v>
      </c>
      <c r="GJ9" s="103">
        <v>218</v>
      </c>
      <c r="GK9" s="413">
        <v>0</v>
      </c>
      <c r="GL9" s="102">
        <v>131</v>
      </c>
      <c r="GM9" s="102">
        <v>102</v>
      </c>
      <c r="GN9" s="102">
        <v>77</v>
      </c>
      <c r="GO9" s="102">
        <v>82</v>
      </c>
      <c r="GP9" s="102">
        <v>55</v>
      </c>
      <c r="GQ9" s="103">
        <v>447</v>
      </c>
      <c r="GR9" s="104">
        <v>665</v>
      </c>
      <c r="GS9" s="105">
        <v>619</v>
      </c>
      <c r="GT9" s="97">
        <v>506</v>
      </c>
      <c r="GU9" s="98">
        <v>1125</v>
      </c>
      <c r="GV9" s="413">
        <v>0</v>
      </c>
      <c r="GW9" s="97">
        <v>917</v>
      </c>
      <c r="GX9" s="97">
        <v>737</v>
      </c>
      <c r="GY9" s="97">
        <v>468</v>
      </c>
      <c r="GZ9" s="97">
        <v>395</v>
      </c>
      <c r="HA9" s="97">
        <v>246</v>
      </c>
      <c r="HB9" s="99">
        <v>2763</v>
      </c>
      <c r="HC9" s="100">
        <v>3888</v>
      </c>
      <c r="HD9" s="101">
        <v>12</v>
      </c>
      <c r="HE9" s="102">
        <v>10</v>
      </c>
      <c r="HF9" s="103">
        <v>22</v>
      </c>
      <c r="HG9" s="413">
        <v>0</v>
      </c>
      <c r="HH9" s="102">
        <v>10</v>
      </c>
      <c r="HI9" s="102">
        <v>14</v>
      </c>
      <c r="HJ9" s="102">
        <v>16</v>
      </c>
      <c r="HK9" s="102">
        <v>6</v>
      </c>
      <c r="HL9" s="102">
        <v>5</v>
      </c>
      <c r="HM9" s="103">
        <v>51</v>
      </c>
      <c r="HN9" s="104">
        <v>73</v>
      </c>
      <c r="HO9" s="101">
        <v>32</v>
      </c>
      <c r="HP9" s="102">
        <v>22</v>
      </c>
      <c r="HQ9" s="103">
        <v>54</v>
      </c>
      <c r="HR9" s="413">
        <v>0</v>
      </c>
      <c r="HS9" s="102">
        <v>32</v>
      </c>
      <c r="HT9" s="102">
        <v>23</v>
      </c>
      <c r="HU9" s="102">
        <v>12</v>
      </c>
      <c r="HV9" s="102">
        <v>19</v>
      </c>
      <c r="HW9" s="102">
        <v>13</v>
      </c>
      <c r="HX9" s="103">
        <v>99</v>
      </c>
      <c r="HY9" s="104">
        <v>153</v>
      </c>
      <c r="HZ9" s="101">
        <v>68</v>
      </c>
      <c r="IA9" s="102">
        <v>52</v>
      </c>
      <c r="IB9" s="103">
        <v>120</v>
      </c>
      <c r="IC9" s="413">
        <v>0</v>
      </c>
      <c r="ID9" s="102">
        <v>74</v>
      </c>
      <c r="IE9" s="102">
        <v>57</v>
      </c>
      <c r="IF9" s="102">
        <v>29</v>
      </c>
      <c r="IG9" s="102">
        <v>37</v>
      </c>
      <c r="IH9" s="102">
        <v>20</v>
      </c>
      <c r="II9" s="103">
        <v>217</v>
      </c>
      <c r="IJ9" s="104">
        <v>337</v>
      </c>
      <c r="IK9" s="101">
        <v>122</v>
      </c>
      <c r="IL9" s="102">
        <v>105</v>
      </c>
      <c r="IM9" s="103">
        <v>227</v>
      </c>
      <c r="IN9" s="413">
        <v>0</v>
      </c>
      <c r="IO9" s="102">
        <v>170</v>
      </c>
      <c r="IP9" s="102">
        <v>139</v>
      </c>
      <c r="IQ9" s="102">
        <v>79</v>
      </c>
      <c r="IR9" s="102">
        <v>48</v>
      </c>
      <c r="IS9" s="102">
        <v>38</v>
      </c>
      <c r="IT9" s="103">
        <v>474</v>
      </c>
      <c r="IU9" s="104">
        <v>701</v>
      </c>
      <c r="IV9" s="101">
        <v>220</v>
      </c>
      <c r="IW9" s="102">
        <v>170</v>
      </c>
      <c r="IX9" s="103">
        <v>390</v>
      </c>
      <c r="IY9" s="413">
        <v>0</v>
      </c>
      <c r="IZ9" s="102">
        <v>276</v>
      </c>
      <c r="JA9" s="102">
        <v>204</v>
      </c>
      <c r="JB9" s="102">
        <v>132</v>
      </c>
      <c r="JC9" s="102">
        <v>102</v>
      </c>
      <c r="JD9" s="102">
        <v>75</v>
      </c>
      <c r="JE9" s="103">
        <v>789</v>
      </c>
      <c r="JF9" s="104">
        <v>1179</v>
      </c>
      <c r="JG9" s="101">
        <v>165</v>
      </c>
      <c r="JH9" s="102">
        <v>147</v>
      </c>
      <c r="JI9" s="103">
        <v>312</v>
      </c>
      <c r="JJ9" s="413">
        <v>0</v>
      </c>
      <c r="JK9" s="102">
        <v>355</v>
      </c>
      <c r="JL9" s="102">
        <v>300</v>
      </c>
      <c r="JM9" s="102">
        <v>200</v>
      </c>
      <c r="JN9" s="102">
        <v>183</v>
      </c>
      <c r="JO9" s="102">
        <v>95</v>
      </c>
      <c r="JP9" s="103">
        <v>1133</v>
      </c>
      <c r="JQ9" s="104">
        <v>1445</v>
      </c>
      <c r="JR9" s="101">
        <v>0</v>
      </c>
      <c r="JS9" s="102">
        <v>0</v>
      </c>
      <c r="JT9" s="103">
        <v>0</v>
      </c>
      <c r="JU9" s="413">
        <v>0</v>
      </c>
      <c r="JV9" s="102">
        <v>0</v>
      </c>
      <c r="JW9" s="102">
        <v>0</v>
      </c>
      <c r="JX9" s="102">
        <v>0</v>
      </c>
      <c r="JY9" s="102">
        <v>0</v>
      </c>
      <c r="JZ9" s="102">
        <v>0</v>
      </c>
      <c r="KA9" s="103">
        <v>0</v>
      </c>
      <c r="KB9" s="104">
        <v>0</v>
      </c>
      <c r="KC9" s="101">
        <v>619</v>
      </c>
      <c r="KD9" s="102">
        <v>506</v>
      </c>
      <c r="KE9" s="103">
        <v>1125</v>
      </c>
      <c r="KF9" s="413">
        <v>0</v>
      </c>
      <c r="KG9" s="102">
        <v>917</v>
      </c>
      <c r="KH9" s="102">
        <v>737</v>
      </c>
      <c r="KI9" s="102">
        <v>468</v>
      </c>
      <c r="KJ9" s="102">
        <v>395</v>
      </c>
      <c r="KK9" s="102">
        <v>246</v>
      </c>
      <c r="KL9" s="103">
        <v>2763</v>
      </c>
      <c r="KM9" s="104">
        <v>3888</v>
      </c>
    </row>
    <row r="10" spans="2:299" s="70" customFormat="1" ht="21" customHeight="1" x14ac:dyDescent="0.2">
      <c r="B10" s="106" t="s">
        <v>14</v>
      </c>
      <c r="C10" s="96">
        <v>305</v>
      </c>
      <c r="D10" s="97">
        <v>348</v>
      </c>
      <c r="E10" s="98">
        <v>653</v>
      </c>
      <c r="F10" s="413">
        <v>0</v>
      </c>
      <c r="G10" s="97">
        <v>410</v>
      </c>
      <c r="H10" s="97">
        <v>423</v>
      </c>
      <c r="I10" s="97">
        <v>295</v>
      </c>
      <c r="J10" s="97">
        <v>213</v>
      </c>
      <c r="K10" s="97">
        <v>135</v>
      </c>
      <c r="L10" s="99">
        <v>1476</v>
      </c>
      <c r="M10" s="100">
        <v>2129</v>
      </c>
      <c r="N10" s="101">
        <v>5</v>
      </c>
      <c r="O10" s="102">
        <v>6</v>
      </c>
      <c r="P10" s="103">
        <v>11</v>
      </c>
      <c r="Q10" s="413">
        <v>0</v>
      </c>
      <c r="R10" s="102">
        <v>6</v>
      </c>
      <c r="S10" s="102">
        <v>9</v>
      </c>
      <c r="T10" s="102">
        <v>7</v>
      </c>
      <c r="U10" s="102">
        <v>6</v>
      </c>
      <c r="V10" s="102">
        <v>3</v>
      </c>
      <c r="W10" s="103">
        <v>31</v>
      </c>
      <c r="X10" s="104">
        <v>42</v>
      </c>
      <c r="Y10" s="101">
        <v>12</v>
      </c>
      <c r="Z10" s="102">
        <v>22</v>
      </c>
      <c r="AA10" s="103">
        <v>34</v>
      </c>
      <c r="AB10" s="413">
        <v>0</v>
      </c>
      <c r="AC10" s="102">
        <v>21</v>
      </c>
      <c r="AD10" s="102">
        <v>24</v>
      </c>
      <c r="AE10" s="102">
        <v>8</v>
      </c>
      <c r="AF10" s="102">
        <v>7</v>
      </c>
      <c r="AG10" s="102">
        <v>7</v>
      </c>
      <c r="AH10" s="103">
        <v>67</v>
      </c>
      <c r="AI10" s="104">
        <v>101</v>
      </c>
      <c r="AJ10" s="101">
        <v>24</v>
      </c>
      <c r="AK10" s="102">
        <v>30</v>
      </c>
      <c r="AL10" s="103">
        <v>54</v>
      </c>
      <c r="AM10" s="413">
        <v>0</v>
      </c>
      <c r="AN10" s="102">
        <v>37</v>
      </c>
      <c r="AO10" s="102">
        <v>34</v>
      </c>
      <c r="AP10" s="102">
        <v>20</v>
      </c>
      <c r="AQ10" s="102">
        <v>20</v>
      </c>
      <c r="AR10" s="102">
        <v>20</v>
      </c>
      <c r="AS10" s="103">
        <v>131</v>
      </c>
      <c r="AT10" s="104">
        <v>185</v>
      </c>
      <c r="AU10" s="101">
        <v>73</v>
      </c>
      <c r="AV10" s="102">
        <v>81</v>
      </c>
      <c r="AW10" s="103">
        <v>154</v>
      </c>
      <c r="AX10" s="413">
        <v>0</v>
      </c>
      <c r="AY10" s="102">
        <v>95</v>
      </c>
      <c r="AZ10" s="102">
        <v>89</v>
      </c>
      <c r="BA10" s="102">
        <v>58</v>
      </c>
      <c r="BB10" s="102">
        <v>42</v>
      </c>
      <c r="BC10" s="102">
        <v>22</v>
      </c>
      <c r="BD10" s="103">
        <v>306</v>
      </c>
      <c r="BE10" s="104">
        <v>460</v>
      </c>
      <c r="BF10" s="101">
        <v>96</v>
      </c>
      <c r="BG10" s="102">
        <v>113</v>
      </c>
      <c r="BH10" s="103">
        <v>209</v>
      </c>
      <c r="BI10" s="413">
        <v>0</v>
      </c>
      <c r="BJ10" s="102">
        <v>128</v>
      </c>
      <c r="BK10" s="102">
        <v>132</v>
      </c>
      <c r="BL10" s="102">
        <v>84</v>
      </c>
      <c r="BM10" s="102">
        <v>67</v>
      </c>
      <c r="BN10" s="102">
        <v>35</v>
      </c>
      <c r="BO10" s="103">
        <v>446</v>
      </c>
      <c r="BP10" s="104">
        <v>655</v>
      </c>
      <c r="BQ10" s="101">
        <v>95</v>
      </c>
      <c r="BR10" s="102">
        <v>96</v>
      </c>
      <c r="BS10" s="103">
        <v>191</v>
      </c>
      <c r="BT10" s="413">
        <v>0</v>
      </c>
      <c r="BU10" s="102">
        <v>123</v>
      </c>
      <c r="BV10" s="102">
        <v>135</v>
      </c>
      <c r="BW10" s="102">
        <v>118</v>
      </c>
      <c r="BX10" s="102">
        <v>71</v>
      </c>
      <c r="BY10" s="102">
        <v>48</v>
      </c>
      <c r="BZ10" s="103">
        <v>495</v>
      </c>
      <c r="CA10" s="104">
        <v>686</v>
      </c>
      <c r="CB10" s="101">
        <v>0</v>
      </c>
      <c r="CC10" s="102">
        <v>0</v>
      </c>
      <c r="CD10" s="103">
        <v>0</v>
      </c>
      <c r="CE10" s="413">
        <v>0</v>
      </c>
      <c r="CF10" s="102">
        <v>0</v>
      </c>
      <c r="CG10" s="102">
        <v>0</v>
      </c>
      <c r="CH10" s="102">
        <v>0</v>
      </c>
      <c r="CI10" s="102">
        <v>0</v>
      </c>
      <c r="CJ10" s="102">
        <v>0</v>
      </c>
      <c r="CK10" s="103">
        <v>0</v>
      </c>
      <c r="CL10" s="104">
        <v>0</v>
      </c>
      <c r="CM10" s="101">
        <v>305</v>
      </c>
      <c r="CN10" s="102">
        <v>348</v>
      </c>
      <c r="CO10" s="103">
        <v>653</v>
      </c>
      <c r="CP10" s="413">
        <v>0</v>
      </c>
      <c r="CQ10" s="102">
        <v>410</v>
      </c>
      <c r="CR10" s="102">
        <v>423</v>
      </c>
      <c r="CS10" s="102">
        <v>295</v>
      </c>
      <c r="CT10" s="102">
        <v>213</v>
      </c>
      <c r="CU10" s="102">
        <v>135</v>
      </c>
      <c r="CV10" s="103">
        <v>1476</v>
      </c>
      <c r="CW10" s="104">
        <v>2129</v>
      </c>
      <c r="CX10" s="105">
        <v>42</v>
      </c>
      <c r="CY10" s="97">
        <v>50</v>
      </c>
      <c r="CZ10" s="98">
        <v>92</v>
      </c>
      <c r="DA10" s="413">
        <v>0</v>
      </c>
      <c r="DB10" s="97">
        <v>47</v>
      </c>
      <c r="DC10" s="97">
        <v>56</v>
      </c>
      <c r="DD10" s="97">
        <v>36</v>
      </c>
      <c r="DE10" s="97">
        <v>33</v>
      </c>
      <c r="DF10" s="97">
        <v>19</v>
      </c>
      <c r="DG10" s="99">
        <v>191</v>
      </c>
      <c r="DH10" s="100">
        <v>283</v>
      </c>
      <c r="DI10" s="101">
        <v>0</v>
      </c>
      <c r="DJ10" s="102">
        <v>2</v>
      </c>
      <c r="DK10" s="103">
        <v>2</v>
      </c>
      <c r="DL10" s="413">
        <v>0</v>
      </c>
      <c r="DM10" s="102">
        <v>1</v>
      </c>
      <c r="DN10" s="102">
        <v>3</v>
      </c>
      <c r="DO10" s="102">
        <v>1</v>
      </c>
      <c r="DP10" s="102">
        <v>1</v>
      </c>
      <c r="DQ10" s="102">
        <v>2</v>
      </c>
      <c r="DR10" s="103">
        <v>8</v>
      </c>
      <c r="DS10" s="104">
        <v>10</v>
      </c>
      <c r="DT10" s="101">
        <v>6</v>
      </c>
      <c r="DU10" s="102">
        <v>2</v>
      </c>
      <c r="DV10" s="103">
        <v>8</v>
      </c>
      <c r="DW10" s="413">
        <v>0</v>
      </c>
      <c r="DX10" s="102">
        <v>1</v>
      </c>
      <c r="DY10" s="102">
        <v>2</v>
      </c>
      <c r="DZ10" s="102">
        <v>1</v>
      </c>
      <c r="EA10" s="102">
        <v>1</v>
      </c>
      <c r="EB10" s="102">
        <v>3</v>
      </c>
      <c r="EC10" s="103">
        <v>8</v>
      </c>
      <c r="ED10" s="104">
        <v>16</v>
      </c>
      <c r="EE10" s="101">
        <v>7</v>
      </c>
      <c r="EF10" s="102">
        <v>7</v>
      </c>
      <c r="EG10" s="103">
        <v>14</v>
      </c>
      <c r="EH10" s="413">
        <v>0</v>
      </c>
      <c r="EI10" s="102">
        <v>4</v>
      </c>
      <c r="EJ10" s="102">
        <v>5</v>
      </c>
      <c r="EK10" s="102">
        <v>3</v>
      </c>
      <c r="EL10" s="102">
        <v>2</v>
      </c>
      <c r="EM10" s="102">
        <v>2</v>
      </c>
      <c r="EN10" s="103">
        <v>16</v>
      </c>
      <c r="EO10" s="104">
        <v>30</v>
      </c>
      <c r="EP10" s="101">
        <v>12</v>
      </c>
      <c r="EQ10" s="102">
        <v>13</v>
      </c>
      <c r="ER10" s="103">
        <v>25</v>
      </c>
      <c r="ES10" s="413">
        <v>0</v>
      </c>
      <c r="ET10" s="102">
        <v>11</v>
      </c>
      <c r="EU10" s="102">
        <v>14</v>
      </c>
      <c r="EV10" s="102">
        <v>5</v>
      </c>
      <c r="EW10" s="102">
        <v>4</v>
      </c>
      <c r="EX10" s="102">
        <v>1</v>
      </c>
      <c r="EY10" s="103">
        <v>35</v>
      </c>
      <c r="EZ10" s="104">
        <v>60</v>
      </c>
      <c r="FA10" s="101">
        <v>10</v>
      </c>
      <c r="FB10" s="102">
        <v>16</v>
      </c>
      <c r="FC10" s="103">
        <v>26</v>
      </c>
      <c r="FD10" s="413">
        <v>0</v>
      </c>
      <c r="FE10" s="102">
        <v>15</v>
      </c>
      <c r="FF10" s="102">
        <v>13</v>
      </c>
      <c r="FG10" s="102">
        <v>10</v>
      </c>
      <c r="FH10" s="102">
        <v>5</v>
      </c>
      <c r="FI10" s="102">
        <v>6</v>
      </c>
      <c r="FJ10" s="103">
        <v>49</v>
      </c>
      <c r="FK10" s="104">
        <v>75</v>
      </c>
      <c r="FL10" s="101">
        <v>7</v>
      </c>
      <c r="FM10" s="102">
        <v>10</v>
      </c>
      <c r="FN10" s="103">
        <v>17</v>
      </c>
      <c r="FO10" s="413">
        <v>0</v>
      </c>
      <c r="FP10" s="102">
        <v>15</v>
      </c>
      <c r="FQ10" s="102">
        <v>19</v>
      </c>
      <c r="FR10" s="102">
        <v>16</v>
      </c>
      <c r="FS10" s="102">
        <v>20</v>
      </c>
      <c r="FT10" s="102">
        <v>5</v>
      </c>
      <c r="FU10" s="103">
        <v>75</v>
      </c>
      <c r="FV10" s="104">
        <v>92</v>
      </c>
      <c r="FW10" s="101">
        <v>0</v>
      </c>
      <c r="FX10" s="102">
        <v>0</v>
      </c>
      <c r="FY10" s="103">
        <v>0</v>
      </c>
      <c r="FZ10" s="413">
        <v>0</v>
      </c>
      <c r="GA10" s="102">
        <v>0</v>
      </c>
      <c r="GB10" s="102">
        <v>0</v>
      </c>
      <c r="GC10" s="102">
        <v>0</v>
      </c>
      <c r="GD10" s="102">
        <v>0</v>
      </c>
      <c r="GE10" s="102">
        <v>0</v>
      </c>
      <c r="GF10" s="103">
        <v>0</v>
      </c>
      <c r="GG10" s="104">
        <v>0</v>
      </c>
      <c r="GH10" s="101">
        <v>42</v>
      </c>
      <c r="GI10" s="102">
        <v>50</v>
      </c>
      <c r="GJ10" s="103">
        <v>92</v>
      </c>
      <c r="GK10" s="413">
        <v>0</v>
      </c>
      <c r="GL10" s="102">
        <v>47</v>
      </c>
      <c r="GM10" s="102">
        <v>56</v>
      </c>
      <c r="GN10" s="102">
        <v>36</v>
      </c>
      <c r="GO10" s="102">
        <v>33</v>
      </c>
      <c r="GP10" s="102">
        <v>19</v>
      </c>
      <c r="GQ10" s="103">
        <v>191</v>
      </c>
      <c r="GR10" s="104">
        <v>283</v>
      </c>
      <c r="GS10" s="105">
        <v>347</v>
      </c>
      <c r="GT10" s="97">
        <v>398</v>
      </c>
      <c r="GU10" s="98">
        <v>745</v>
      </c>
      <c r="GV10" s="413">
        <v>0</v>
      </c>
      <c r="GW10" s="97">
        <v>457</v>
      </c>
      <c r="GX10" s="97">
        <v>479</v>
      </c>
      <c r="GY10" s="97">
        <v>331</v>
      </c>
      <c r="GZ10" s="97">
        <v>246</v>
      </c>
      <c r="HA10" s="97">
        <v>154</v>
      </c>
      <c r="HB10" s="99">
        <v>1667</v>
      </c>
      <c r="HC10" s="100">
        <v>2412</v>
      </c>
      <c r="HD10" s="101">
        <v>5</v>
      </c>
      <c r="HE10" s="102">
        <v>8</v>
      </c>
      <c r="HF10" s="103">
        <v>13</v>
      </c>
      <c r="HG10" s="413">
        <v>0</v>
      </c>
      <c r="HH10" s="102">
        <v>7</v>
      </c>
      <c r="HI10" s="102">
        <v>12</v>
      </c>
      <c r="HJ10" s="102">
        <v>8</v>
      </c>
      <c r="HK10" s="102">
        <v>7</v>
      </c>
      <c r="HL10" s="102">
        <v>5</v>
      </c>
      <c r="HM10" s="103">
        <v>39</v>
      </c>
      <c r="HN10" s="104">
        <v>52</v>
      </c>
      <c r="HO10" s="101">
        <v>18</v>
      </c>
      <c r="HP10" s="102">
        <v>24</v>
      </c>
      <c r="HQ10" s="103">
        <v>42</v>
      </c>
      <c r="HR10" s="413">
        <v>0</v>
      </c>
      <c r="HS10" s="102">
        <v>22</v>
      </c>
      <c r="HT10" s="102">
        <v>26</v>
      </c>
      <c r="HU10" s="102">
        <v>9</v>
      </c>
      <c r="HV10" s="102">
        <v>8</v>
      </c>
      <c r="HW10" s="102">
        <v>10</v>
      </c>
      <c r="HX10" s="103">
        <v>75</v>
      </c>
      <c r="HY10" s="104">
        <v>117</v>
      </c>
      <c r="HZ10" s="101">
        <v>31</v>
      </c>
      <c r="IA10" s="102">
        <v>37</v>
      </c>
      <c r="IB10" s="103">
        <v>68</v>
      </c>
      <c r="IC10" s="413">
        <v>0</v>
      </c>
      <c r="ID10" s="102">
        <v>41</v>
      </c>
      <c r="IE10" s="102">
        <v>39</v>
      </c>
      <c r="IF10" s="102">
        <v>23</v>
      </c>
      <c r="IG10" s="102">
        <v>22</v>
      </c>
      <c r="IH10" s="102">
        <v>22</v>
      </c>
      <c r="II10" s="103">
        <v>147</v>
      </c>
      <c r="IJ10" s="104">
        <v>215</v>
      </c>
      <c r="IK10" s="101">
        <v>85</v>
      </c>
      <c r="IL10" s="102">
        <v>94</v>
      </c>
      <c r="IM10" s="103">
        <v>179</v>
      </c>
      <c r="IN10" s="413">
        <v>0</v>
      </c>
      <c r="IO10" s="102">
        <v>106</v>
      </c>
      <c r="IP10" s="102">
        <v>103</v>
      </c>
      <c r="IQ10" s="102">
        <v>63</v>
      </c>
      <c r="IR10" s="102">
        <v>46</v>
      </c>
      <c r="IS10" s="102">
        <v>23</v>
      </c>
      <c r="IT10" s="103">
        <v>341</v>
      </c>
      <c r="IU10" s="104">
        <v>520</v>
      </c>
      <c r="IV10" s="101">
        <v>106</v>
      </c>
      <c r="IW10" s="102">
        <v>129</v>
      </c>
      <c r="IX10" s="103">
        <v>235</v>
      </c>
      <c r="IY10" s="413">
        <v>0</v>
      </c>
      <c r="IZ10" s="102">
        <v>143</v>
      </c>
      <c r="JA10" s="102">
        <v>145</v>
      </c>
      <c r="JB10" s="102">
        <v>94</v>
      </c>
      <c r="JC10" s="102">
        <v>72</v>
      </c>
      <c r="JD10" s="102">
        <v>41</v>
      </c>
      <c r="JE10" s="103">
        <v>495</v>
      </c>
      <c r="JF10" s="104">
        <v>730</v>
      </c>
      <c r="JG10" s="101">
        <v>102</v>
      </c>
      <c r="JH10" s="102">
        <v>106</v>
      </c>
      <c r="JI10" s="103">
        <v>208</v>
      </c>
      <c r="JJ10" s="413">
        <v>0</v>
      </c>
      <c r="JK10" s="102">
        <v>138</v>
      </c>
      <c r="JL10" s="102">
        <v>154</v>
      </c>
      <c r="JM10" s="102">
        <v>134</v>
      </c>
      <c r="JN10" s="102">
        <v>91</v>
      </c>
      <c r="JO10" s="102">
        <v>53</v>
      </c>
      <c r="JP10" s="103">
        <v>570</v>
      </c>
      <c r="JQ10" s="104">
        <v>778</v>
      </c>
      <c r="JR10" s="101">
        <v>0</v>
      </c>
      <c r="JS10" s="102">
        <v>0</v>
      </c>
      <c r="JT10" s="103">
        <v>0</v>
      </c>
      <c r="JU10" s="413">
        <v>0</v>
      </c>
      <c r="JV10" s="102">
        <v>0</v>
      </c>
      <c r="JW10" s="102">
        <v>0</v>
      </c>
      <c r="JX10" s="102">
        <v>0</v>
      </c>
      <c r="JY10" s="102">
        <v>0</v>
      </c>
      <c r="JZ10" s="102">
        <v>0</v>
      </c>
      <c r="KA10" s="103">
        <v>0</v>
      </c>
      <c r="KB10" s="104">
        <v>0</v>
      </c>
      <c r="KC10" s="101">
        <v>347</v>
      </c>
      <c r="KD10" s="102">
        <v>398</v>
      </c>
      <c r="KE10" s="103">
        <v>745</v>
      </c>
      <c r="KF10" s="413">
        <v>0</v>
      </c>
      <c r="KG10" s="102">
        <v>457</v>
      </c>
      <c r="KH10" s="102">
        <v>479</v>
      </c>
      <c r="KI10" s="102">
        <v>331</v>
      </c>
      <c r="KJ10" s="102">
        <v>246</v>
      </c>
      <c r="KK10" s="102">
        <v>154</v>
      </c>
      <c r="KL10" s="103">
        <v>1667</v>
      </c>
      <c r="KM10" s="104">
        <v>2412</v>
      </c>
    </row>
    <row r="11" spans="2:299" s="70" customFormat="1" ht="21" customHeight="1" x14ac:dyDescent="0.2">
      <c r="B11" s="106" t="s">
        <v>7</v>
      </c>
      <c r="C11" s="96">
        <v>249</v>
      </c>
      <c r="D11" s="97">
        <v>193</v>
      </c>
      <c r="E11" s="98">
        <v>442</v>
      </c>
      <c r="F11" s="413">
        <v>0</v>
      </c>
      <c r="G11" s="97">
        <v>532</v>
      </c>
      <c r="H11" s="97">
        <v>316</v>
      </c>
      <c r="I11" s="97">
        <v>190</v>
      </c>
      <c r="J11" s="97">
        <v>167</v>
      </c>
      <c r="K11" s="97">
        <v>80</v>
      </c>
      <c r="L11" s="99">
        <v>1285</v>
      </c>
      <c r="M11" s="100">
        <v>1727</v>
      </c>
      <c r="N11" s="101">
        <v>3</v>
      </c>
      <c r="O11" s="102">
        <v>3</v>
      </c>
      <c r="P11" s="103">
        <v>6</v>
      </c>
      <c r="Q11" s="413">
        <v>0</v>
      </c>
      <c r="R11" s="102">
        <v>6</v>
      </c>
      <c r="S11" s="102">
        <v>3</v>
      </c>
      <c r="T11" s="102">
        <v>2</v>
      </c>
      <c r="U11" s="102">
        <v>5</v>
      </c>
      <c r="V11" s="102">
        <v>1</v>
      </c>
      <c r="W11" s="103">
        <v>17</v>
      </c>
      <c r="X11" s="104">
        <v>23</v>
      </c>
      <c r="Y11" s="101">
        <v>5</v>
      </c>
      <c r="Z11" s="102">
        <v>8</v>
      </c>
      <c r="AA11" s="103">
        <v>13</v>
      </c>
      <c r="AB11" s="413">
        <v>0</v>
      </c>
      <c r="AC11" s="102">
        <v>14</v>
      </c>
      <c r="AD11" s="102">
        <v>9</v>
      </c>
      <c r="AE11" s="102">
        <v>5</v>
      </c>
      <c r="AF11" s="102">
        <v>7</v>
      </c>
      <c r="AG11" s="102">
        <v>6</v>
      </c>
      <c r="AH11" s="103">
        <v>41</v>
      </c>
      <c r="AI11" s="104">
        <v>54</v>
      </c>
      <c r="AJ11" s="101">
        <v>21</v>
      </c>
      <c r="AK11" s="102">
        <v>9</v>
      </c>
      <c r="AL11" s="103">
        <v>30</v>
      </c>
      <c r="AM11" s="413">
        <v>0</v>
      </c>
      <c r="AN11" s="102">
        <v>37</v>
      </c>
      <c r="AO11" s="102">
        <v>24</v>
      </c>
      <c r="AP11" s="102">
        <v>11</v>
      </c>
      <c r="AQ11" s="102">
        <v>13</v>
      </c>
      <c r="AR11" s="102">
        <v>8</v>
      </c>
      <c r="AS11" s="103">
        <v>93</v>
      </c>
      <c r="AT11" s="104">
        <v>123</v>
      </c>
      <c r="AU11" s="101">
        <v>47</v>
      </c>
      <c r="AV11" s="102">
        <v>36</v>
      </c>
      <c r="AW11" s="103">
        <v>83</v>
      </c>
      <c r="AX11" s="413">
        <v>0</v>
      </c>
      <c r="AY11" s="102">
        <v>114</v>
      </c>
      <c r="AZ11" s="102">
        <v>56</v>
      </c>
      <c r="BA11" s="102">
        <v>28</v>
      </c>
      <c r="BB11" s="102">
        <v>23</v>
      </c>
      <c r="BC11" s="102">
        <v>16</v>
      </c>
      <c r="BD11" s="103">
        <v>237</v>
      </c>
      <c r="BE11" s="104">
        <v>320</v>
      </c>
      <c r="BF11" s="101">
        <v>89</v>
      </c>
      <c r="BG11" s="102">
        <v>73</v>
      </c>
      <c r="BH11" s="103">
        <v>162</v>
      </c>
      <c r="BI11" s="413">
        <v>0</v>
      </c>
      <c r="BJ11" s="102">
        <v>180</v>
      </c>
      <c r="BK11" s="102">
        <v>92</v>
      </c>
      <c r="BL11" s="102">
        <v>66</v>
      </c>
      <c r="BM11" s="102">
        <v>45</v>
      </c>
      <c r="BN11" s="102">
        <v>22</v>
      </c>
      <c r="BO11" s="103">
        <v>405</v>
      </c>
      <c r="BP11" s="104">
        <v>567</v>
      </c>
      <c r="BQ11" s="101">
        <v>84</v>
      </c>
      <c r="BR11" s="102">
        <v>64</v>
      </c>
      <c r="BS11" s="103">
        <v>148</v>
      </c>
      <c r="BT11" s="413">
        <v>0</v>
      </c>
      <c r="BU11" s="102">
        <v>181</v>
      </c>
      <c r="BV11" s="102">
        <v>132</v>
      </c>
      <c r="BW11" s="102">
        <v>78</v>
      </c>
      <c r="BX11" s="102">
        <v>74</v>
      </c>
      <c r="BY11" s="102">
        <v>27</v>
      </c>
      <c r="BZ11" s="103">
        <v>492</v>
      </c>
      <c r="CA11" s="104">
        <v>640</v>
      </c>
      <c r="CB11" s="101">
        <v>0</v>
      </c>
      <c r="CC11" s="102">
        <v>0</v>
      </c>
      <c r="CD11" s="103">
        <v>0</v>
      </c>
      <c r="CE11" s="413">
        <v>0</v>
      </c>
      <c r="CF11" s="102">
        <v>0</v>
      </c>
      <c r="CG11" s="102">
        <v>0</v>
      </c>
      <c r="CH11" s="102">
        <v>0</v>
      </c>
      <c r="CI11" s="102">
        <v>0</v>
      </c>
      <c r="CJ11" s="102">
        <v>0</v>
      </c>
      <c r="CK11" s="103">
        <v>0</v>
      </c>
      <c r="CL11" s="104">
        <v>0</v>
      </c>
      <c r="CM11" s="101">
        <v>249</v>
      </c>
      <c r="CN11" s="102">
        <v>193</v>
      </c>
      <c r="CO11" s="103">
        <v>442</v>
      </c>
      <c r="CP11" s="413">
        <v>0</v>
      </c>
      <c r="CQ11" s="102">
        <v>532</v>
      </c>
      <c r="CR11" s="102">
        <v>316</v>
      </c>
      <c r="CS11" s="102">
        <v>190</v>
      </c>
      <c r="CT11" s="102">
        <v>167</v>
      </c>
      <c r="CU11" s="102">
        <v>80</v>
      </c>
      <c r="CV11" s="103">
        <v>1285</v>
      </c>
      <c r="CW11" s="104">
        <v>1727</v>
      </c>
      <c r="CX11" s="105">
        <v>40</v>
      </c>
      <c r="CY11" s="97">
        <v>34</v>
      </c>
      <c r="CZ11" s="98">
        <v>74</v>
      </c>
      <c r="DA11" s="413">
        <v>0</v>
      </c>
      <c r="DB11" s="97">
        <v>76</v>
      </c>
      <c r="DC11" s="97">
        <v>40</v>
      </c>
      <c r="DD11" s="97">
        <v>31</v>
      </c>
      <c r="DE11" s="97">
        <v>21</v>
      </c>
      <c r="DF11" s="97">
        <v>16</v>
      </c>
      <c r="DG11" s="99">
        <v>184</v>
      </c>
      <c r="DH11" s="100">
        <v>258</v>
      </c>
      <c r="DI11" s="101">
        <v>2</v>
      </c>
      <c r="DJ11" s="102">
        <v>1</v>
      </c>
      <c r="DK11" s="103">
        <v>3</v>
      </c>
      <c r="DL11" s="413">
        <v>0</v>
      </c>
      <c r="DM11" s="102">
        <v>3</v>
      </c>
      <c r="DN11" s="102">
        <v>1</v>
      </c>
      <c r="DO11" s="102">
        <v>0</v>
      </c>
      <c r="DP11" s="102">
        <v>0</v>
      </c>
      <c r="DQ11" s="102">
        <v>0</v>
      </c>
      <c r="DR11" s="103">
        <v>4</v>
      </c>
      <c r="DS11" s="104">
        <v>7</v>
      </c>
      <c r="DT11" s="101">
        <v>4</v>
      </c>
      <c r="DU11" s="102">
        <v>1</v>
      </c>
      <c r="DV11" s="103">
        <v>5</v>
      </c>
      <c r="DW11" s="413">
        <v>0</v>
      </c>
      <c r="DX11" s="102">
        <v>2</v>
      </c>
      <c r="DY11" s="102">
        <v>0</v>
      </c>
      <c r="DZ11" s="102">
        <v>0</v>
      </c>
      <c r="EA11" s="102">
        <v>1</v>
      </c>
      <c r="EB11" s="102">
        <v>1</v>
      </c>
      <c r="EC11" s="103">
        <v>4</v>
      </c>
      <c r="ED11" s="104">
        <v>9</v>
      </c>
      <c r="EE11" s="101">
        <v>4</v>
      </c>
      <c r="EF11" s="102">
        <v>3</v>
      </c>
      <c r="EG11" s="103">
        <v>7</v>
      </c>
      <c r="EH11" s="413">
        <v>0</v>
      </c>
      <c r="EI11" s="102">
        <v>5</v>
      </c>
      <c r="EJ11" s="102">
        <v>1</v>
      </c>
      <c r="EK11" s="102">
        <v>4</v>
      </c>
      <c r="EL11" s="102">
        <v>2</v>
      </c>
      <c r="EM11" s="102">
        <v>2</v>
      </c>
      <c r="EN11" s="103">
        <v>14</v>
      </c>
      <c r="EO11" s="104">
        <v>21</v>
      </c>
      <c r="EP11" s="101">
        <v>10</v>
      </c>
      <c r="EQ11" s="102">
        <v>7</v>
      </c>
      <c r="ER11" s="103">
        <v>17</v>
      </c>
      <c r="ES11" s="413">
        <v>0</v>
      </c>
      <c r="ET11" s="102">
        <v>11</v>
      </c>
      <c r="EU11" s="102">
        <v>8</v>
      </c>
      <c r="EV11" s="102">
        <v>4</v>
      </c>
      <c r="EW11" s="102">
        <v>3</v>
      </c>
      <c r="EX11" s="102">
        <v>2</v>
      </c>
      <c r="EY11" s="103">
        <v>28</v>
      </c>
      <c r="EZ11" s="104">
        <v>45</v>
      </c>
      <c r="FA11" s="101">
        <v>11</v>
      </c>
      <c r="FB11" s="102">
        <v>13</v>
      </c>
      <c r="FC11" s="103">
        <v>24</v>
      </c>
      <c r="FD11" s="413">
        <v>0</v>
      </c>
      <c r="FE11" s="102">
        <v>24</v>
      </c>
      <c r="FF11" s="102">
        <v>8</v>
      </c>
      <c r="FG11" s="102">
        <v>8</v>
      </c>
      <c r="FH11" s="102">
        <v>3</v>
      </c>
      <c r="FI11" s="102">
        <v>7</v>
      </c>
      <c r="FJ11" s="103">
        <v>50</v>
      </c>
      <c r="FK11" s="104">
        <v>74</v>
      </c>
      <c r="FL11" s="101">
        <v>9</v>
      </c>
      <c r="FM11" s="102">
        <v>9</v>
      </c>
      <c r="FN11" s="103">
        <v>18</v>
      </c>
      <c r="FO11" s="413">
        <v>0</v>
      </c>
      <c r="FP11" s="102">
        <v>31</v>
      </c>
      <c r="FQ11" s="102">
        <v>22</v>
      </c>
      <c r="FR11" s="102">
        <v>15</v>
      </c>
      <c r="FS11" s="102">
        <v>12</v>
      </c>
      <c r="FT11" s="102">
        <v>4</v>
      </c>
      <c r="FU11" s="103">
        <v>84</v>
      </c>
      <c r="FV11" s="104">
        <v>102</v>
      </c>
      <c r="FW11" s="101">
        <v>0</v>
      </c>
      <c r="FX11" s="102">
        <v>0</v>
      </c>
      <c r="FY11" s="103">
        <v>0</v>
      </c>
      <c r="FZ11" s="413">
        <v>0</v>
      </c>
      <c r="GA11" s="102">
        <v>0</v>
      </c>
      <c r="GB11" s="102">
        <v>0</v>
      </c>
      <c r="GC11" s="102">
        <v>0</v>
      </c>
      <c r="GD11" s="102">
        <v>0</v>
      </c>
      <c r="GE11" s="102">
        <v>0</v>
      </c>
      <c r="GF11" s="103">
        <v>0</v>
      </c>
      <c r="GG11" s="104">
        <v>0</v>
      </c>
      <c r="GH11" s="101">
        <v>40</v>
      </c>
      <c r="GI11" s="102">
        <v>34</v>
      </c>
      <c r="GJ11" s="103">
        <v>74</v>
      </c>
      <c r="GK11" s="413">
        <v>0</v>
      </c>
      <c r="GL11" s="102">
        <v>76</v>
      </c>
      <c r="GM11" s="102">
        <v>40</v>
      </c>
      <c r="GN11" s="102">
        <v>31</v>
      </c>
      <c r="GO11" s="102">
        <v>21</v>
      </c>
      <c r="GP11" s="102">
        <v>16</v>
      </c>
      <c r="GQ11" s="103">
        <v>184</v>
      </c>
      <c r="GR11" s="104">
        <v>258</v>
      </c>
      <c r="GS11" s="105">
        <v>289</v>
      </c>
      <c r="GT11" s="97">
        <v>227</v>
      </c>
      <c r="GU11" s="98">
        <v>516</v>
      </c>
      <c r="GV11" s="413">
        <v>0</v>
      </c>
      <c r="GW11" s="97">
        <v>608</v>
      </c>
      <c r="GX11" s="97">
        <v>356</v>
      </c>
      <c r="GY11" s="97">
        <v>221</v>
      </c>
      <c r="GZ11" s="97">
        <v>188</v>
      </c>
      <c r="HA11" s="97">
        <v>96</v>
      </c>
      <c r="HB11" s="99">
        <v>1469</v>
      </c>
      <c r="HC11" s="100">
        <v>1985</v>
      </c>
      <c r="HD11" s="101">
        <v>5</v>
      </c>
      <c r="HE11" s="102">
        <v>4</v>
      </c>
      <c r="HF11" s="103">
        <v>9</v>
      </c>
      <c r="HG11" s="413">
        <v>0</v>
      </c>
      <c r="HH11" s="102">
        <v>9</v>
      </c>
      <c r="HI11" s="102">
        <v>4</v>
      </c>
      <c r="HJ11" s="102">
        <v>2</v>
      </c>
      <c r="HK11" s="102">
        <v>5</v>
      </c>
      <c r="HL11" s="102">
        <v>1</v>
      </c>
      <c r="HM11" s="103">
        <v>21</v>
      </c>
      <c r="HN11" s="104">
        <v>30</v>
      </c>
      <c r="HO11" s="101">
        <v>9</v>
      </c>
      <c r="HP11" s="102">
        <v>9</v>
      </c>
      <c r="HQ11" s="103">
        <v>18</v>
      </c>
      <c r="HR11" s="413">
        <v>0</v>
      </c>
      <c r="HS11" s="102">
        <v>16</v>
      </c>
      <c r="HT11" s="102">
        <v>9</v>
      </c>
      <c r="HU11" s="102">
        <v>5</v>
      </c>
      <c r="HV11" s="102">
        <v>8</v>
      </c>
      <c r="HW11" s="102">
        <v>7</v>
      </c>
      <c r="HX11" s="103">
        <v>45</v>
      </c>
      <c r="HY11" s="104">
        <v>63</v>
      </c>
      <c r="HZ11" s="101">
        <v>25</v>
      </c>
      <c r="IA11" s="102">
        <v>12</v>
      </c>
      <c r="IB11" s="103">
        <v>37</v>
      </c>
      <c r="IC11" s="413">
        <v>0</v>
      </c>
      <c r="ID11" s="102">
        <v>42</v>
      </c>
      <c r="IE11" s="102">
        <v>25</v>
      </c>
      <c r="IF11" s="102">
        <v>15</v>
      </c>
      <c r="IG11" s="102">
        <v>15</v>
      </c>
      <c r="IH11" s="102">
        <v>10</v>
      </c>
      <c r="II11" s="103">
        <v>107</v>
      </c>
      <c r="IJ11" s="104">
        <v>144</v>
      </c>
      <c r="IK11" s="101">
        <v>57</v>
      </c>
      <c r="IL11" s="102">
        <v>43</v>
      </c>
      <c r="IM11" s="103">
        <v>100</v>
      </c>
      <c r="IN11" s="413">
        <v>0</v>
      </c>
      <c r="IO11" s="102">
        <v>125</v>
      </c>
      <c r="IP11" s="102">
        <v>64</v>
      </c>
      <c r="IQ11" s="102">
        <v>32</v>
      </c>
      <c r="IR11" s="102">
        <v>26</v>
      </c>
      <c r="IS11" s="102">
        <v>18</v>
      </c>
      <c r="IT11" s="103">
        <v>265</v>
      </c>
      <c r="IU11" s="104">
        <v>365</v>
      </c>
      <c r="IV11" s="101">
        <v>100</v>
      </c>
      <c r="IW11" s="102">
        <v>86</v>
      </c>
      <c r="IX11" s="103">
        <v>186</v>
      </c>
      <c r="IY11" s="413">
        <v>0</v>
      </c>
      <c r="IZ11" s="102">
        <v>204</v>
      </c>
      <c r="JA11" s="102">
        <v>100</v>
      </c>
      <c r="JB11" s="102">
        <v>74</v>
      </c>
      <c r="JC11" s="102">
        <v>48</v>
      </c>
      <c r="JD11" s="102">
        <v>29</v>
      </c>
      <c r="JE11" s="103">
        <v>455</v>
      </c>
      <c r="JF11" s="104">
        <v>641</v>
      </c>
      <c r="JG11" s="101">
        <v>93</v>
      </c>
      <c r="JH11" s="102">
        <v>73</v>
      </c>
      <c r="JI11" s="103">
        <v>166</v>
      </c>
      <c r="JJ11" s="413">
        <v>0</v>
      </c>
      <c r="JK11" s="102">
        <v>212</v>
      </c>
      <c r="JL11" s="102">
        <v>154</v>
      </c>
      <c r="JM11" s="102">
        <v>93</v>
      </c>
      <c r="JN11" s="102">
        <v>86</v>
      </c>
      <c r="JO11" s="102">
        <v>31</v>
      </c>
      <c r="JP11" s="103">
        <v>576</v>
      </c>
      <c r="JQ11" s="104">
        <v>742</v>
      </c>
      <c r="JR11" s="101">
        <v>0</v>
      </c>
      <c r="JS11" s="102">
        <v>0</v>
      </c>
      <c r="JT11" s="103">
        <v>0</v>
      </c>
      <c r="JU11" s="413">
        <v>0</v>
      </c>
      <c r="JV11" s="102">
        <v>0</v>
      </c>
      <c r="JW11" s="102">
        <v>0</v>
      </c>
      <c r="JX11" s="102">
        <v>0</v>
      </c>
      <c r="JY11" s="102">
        <v>0</v>
      </c>
      <c r="JZ11" s="102">
        <v>0</v>
      </c>
      <c r="KA11" s="103">
        <v>0</v>
      </c>
      <c r="KB11" s="104">
        <v>0</v>
      </c>
      <c r="KC11" s="101">
        <v>289</v>
      </c>
      <c r="KD11" s="102">
        <v>227</v>
      </c>
      <c r="KE11" s="103">
        <v>516</v>
      </c>
      <c r="KF11" s="413">
        <v>0</v>
      </c>
      <c r="KG11" s="102">
        <v>608</v>
      </c>
      <c r="KH11" s="102">
        <v>356</v>
      </c>
      <c r="KI11" s="102">
        <v>221</v>
      </c>
      <c r="KJ11" s="102">
        <v>188</v>
      </c>
      <c r="KK11" s="102">
        <v>96</v>
      </c>
      <c r="KL11" s="103">
        <v>1469</v>
      </c>
      <c r="KM11" s="104">
        <v>1985</v>
      </c>
    </row>
    <row r="12" spans="2:299" s="70" customFormat="1" ht="21" customHeight="1" x14ac:dyDescent="0.2">
      <c r="B12" s="106" t="s">
        <v>8</v>
      </c>
      <c r="C12" s="96">
        <v>99</v>
      </c>
      <c r="D12" s="97">
        <v>57</v>
      </c>
      <c r="E12" s="98">
        <v>156</v>
      </c>
      <c r="F12" s="413">
        <v>0</v>
      </c>
      <c r="G12" s="97">
        <v>157</v>
      </c>
      <c r="H12" s="97">
        <v>130</v>
      </c>
      <c r="I12" s="97">
        <v>84</v>
      </c>
      <c r="J12" s="97">
        <v>61</v>
      </c>
      <c r="K12" s="97">
        <v>36</v>
      </c>
      <c r="L12" s="99">
        <v>468</v>
      </c>
      <c r="M12" s="100">
        <v>624</v>
      </c>
      <c r="N12" s="101">
        <v>2</v>
      </c>
      <c r="O12" s="102">
        <v>1</v>
      </c>
      <c r="P12" s="103">
        <v>3</v>
      </c>
      <c r="Q12" s="413">
        <v>0</v>
      </c>
      <c r="R12" s="102">
        <v>2</v>
      </c>
      <c r="S12" s="102">
        <v>3</v>
      </c>
      <c r="T12" s="102">
        <v>2</v>
      </c>
      <c r="U12" s="102">
        <v>2</v>
      </c>
      <c r="V12" s="102">
        <v>0</v>
      </c>
      <c r="W12" s="103">
        <v>9</v>
      </c>
      <c r="X12" s="104">
        <v>12</v>
      </c>
      <c r="Y12" s="101">
        <v>2</v>
      </c>
      <c r="Z12" s="102">
        <v>2</v>
      </c>
      <c r="AA12" s="103">
        <v>4</v>
      </c>
      <c r="AB12" s="413">
        <v>0</v>
      </c>
      <c r="AC12" s="102">
        <v>4</v>
      </c>
      <c r="AD12" s="102">
        <v>13</v>
      </c>
      <c r="AE12" s="102">
        <v>4</v>
      </c>
      <c r="AF12" s="102">
        <v>7</v>
      </c>
      <c r="AG12" s="102">
        <v>3</v>
      </c>
      <c r="AH12" s="103">
        <v>31</v>
      </c>
      <c r="AI12" s="104">
        <v>35</v>
      </c>
      <c r="AJ12" s="101">
        <v>5</v>
      </c>
      <c r="AK12" s="102">
        <v>5</v>
      </c>
      <c r="AL12" s="103">
        <v>10</v>
      </c>
      <c r="AM12" s="413">
        <v>0</v>
      </c>
      <c r="AN12" s="102">
        <v>16</v>
      </c>
      <c r="AO12" s="102">
        <v>14</v>
      </c>
      <c r="AP12" s="102">
        <v>6</v>
      </c>
      <c r="AQ12" s="102">
        <v>9</v>
      </c>
      <c r="AR12" s="102">
        <v>1</v>
      </c>
      <c r="AS12" s="103">
        <v>46</v>
      </c>
      <c r="AT12" s="104">
        <v>56</v>
      </c>
      <c r="AU12" s="101">
        <v>17</v>
      </c>
      <c r="AV12" s="102">
        <v>11</v>
      </c>
      <c r="AW12" s="103">
        <v>28</v>
      </c>
      <c r="AX12" s="413">
        <v>0</v>
      </c>
      <c r="AY12" s="102">
        <v>34</v>
      </c>
      <c r="AZ12" s="102">
        <v>28</v>
      </c>
      <c r="BA12" s="102">
        <v>14</v>
      </c>
      <c r="BB12" s="102">
        <v>11</v>
      </c>
      <c r="BC12" s="102">
        <v>7</v>
      </c>
      <c r="BD12" s="103">
        <v>94</v>
      </c>
      <c r="BE12" s="104">
        <v>122</v>
      </c>
      <c r="BF12" s="101">
        <v>41</v>
      </c>
      <c r="BG12" s="102">
        <v>19</v>
      </c>
      <c r="BH12" s="103">
        <v>60</v>
      </c>
      <c r="BI12" s="413">
        <v>0</v>
      </c>
      <c r="BJ12" s="102">
        <v>44</v>
      </c>
      <c r="BK12" s="102">
        <v>30</v>
      </c>
      <c r="BL12" s="102">
        <v>25</v>
      </c>
      <c r="BM12" s="102">
        <v>10</v>
      </c>
      <c r="BN12" s="102">
        <v>9</v>
      </c>
      <c r="BO12" s="103">
        <v>118</v>
      </c>
      <c r="BP12" s="104">
        <v>178</v>
      </c>
      <c r="BQ12" s="101">
        <v>32</v>
      </c>
      <c r="BR12" s="102">
        <v>19</v>
      </c>
      <c r="BS12" s="103">
        <v>51</v>
      </c>
      <c r="BT12" s="413">
        <v>0</v>
      </c>
      <c r="BU12" s="102">
        <v>57</v>
      </c>
      <c r="BV12" s="102">
        <v>42</v>
      </c>
      <c r="BW12" s="102">
        <v>33</v>
      </c>
      <c r="BX12" s="102">
        <v>22</v>
      </c>
      <c r="BY12" s="102">
        <v>16</v>
      </c>
      <c r="BZ12" s="103">
        <v>170</v>
      </c>
      <c r="CA12" s="104">
        <v>221</v>
      </c>
      <c r="CB12" s="101">
        <v>0</v>
      </c>
      <c r="CC12" s="102">
        <v>0</v>
      </c>
      <c r="CD12" s="103">
        <v>0</v>
      </c>
      <c r="CE12" s="413">
        <v>0</v>
      </c>
      <c r="CF12" s="102">
        <v>0</v>
      </c>
      <c r="CG12" s="102">
        <v>0</v>
      </c>
      <c r="CH12" s="102">
        <v>0</v>
      </c>
      <c r="CI12" s="102">
        <v>0</v>
      </c>
      <c r="CJ12" s="102">
        <v>0</v>
      </c>
      <c r="CK12" s="103">
        <v>0</v>
      </c>
      <c r="CL12" s="104">
        <v>0</v>
      </c>
      <c r="CM12" s="101">
        <v>99</v>
      </c>
      <c r="CN12" s="102">
        <v>57</v>
      </c>
      <c r="CO12" s="103">
        <v>156</v>
      </c>
      <c r="CP12" s="413">
        <v>0</v>
      </c>
      <c r="CQ12" s="102">
        <v>157</v>
      </c>
      <c r="CR12" s="102">
        <v>130</v>
      </c>
      <c r="CS12" s="102">
        <v>84</v>
      </c>
      <c r="CT12" s="102">
        <v>61</v>
      </c>
      <c r="CU12" s="102">
        <v>36</v>
      </c>
      <c r="CV12" s="103">
        <v>468</v>
      </c>
      <c r="CW12" s="104">
        <v>624</v>
      </c>
      <c r="CX12" s="105">
        <v>12</v>
      </c>
      <c r="CY12" s="97">
        <v>8</v>
      </c>
      <c r="CZ12" s="98">
        <v>20</v>
      </c>
      <c r="DA12" s="413">
        <v>0</v>
      </c>
      <c r="DB12" s="97">
        <v>21</v>
      </c>
      <c r="DC12" s="97">
        <v>30</v>
      </c>
      <c r="DD12" s="97">
        <v>16</v>
      </c>
      <c r="DE12" s="97">
        <v>14</v>
      </c>
      <c r="DF12" s="97">
        <v>4</v>
      </c>
      <c r="DG12" s="99">
        <v>85</v>
      </c>
      <c r="DH12" s="100">
        <v>105</v>
      </c>
      <c r="DI12" s="101">
        <v>1</v>
      </c>
      <c r="DJ12" s="102">
        <v>0</v>
      </c>
      <c r="DK12" s="103">
        <v>1</v>
      </c>
      <c r="DL12" s="413">
        <v>0</v>
      </c>
      <c r="DM12" s="102">
        <v>0</v>
      </c>
      <c r="DN12" s="102">
        <v>1</v>
      </c>
      <c r="DO12" s="102">
        <v>0</v>
      </c>
      <c r="DP12" s="102">
        <v>0</v>
      </c>
      <c r="DQ12" s="102">
        <v>0</v>
      </c>
      <c r="DR12" s="103">
        <v>1</v>
      </c>
      <c r="DS12" s="104">
        <v>2</v>
      </c>
      <c r="DT12" s="101">
        <v>3</v>
      </c>
      <c r="DU12" s="102">
        <v>0</v>
      </c>
      <c r="DV12" s="103">
        <v>3</v>
      </c>
      <c r="DW12" s="413">
        <v>0</v>
      </c>
      <c r="DX12" s="102">
        <v>0</v>
      </c>
      <c r="DY12" s="102">
        <v>1</v>
      </c>
      <c r="DZ12" s="102">
        <v>1</v>
      </c>
      <c r="EA12" s="102">
        <v>0</v>
      </c>
      <c r="EB12" s="102">
        <v>0</v>
      </c>
      <c r="EC12" s="103">
        <v>2</v>
      </c>
      <c r="ED12" s="104">
        <v>5</v>
      </c>
      <c r="EE12" s="101">
        <v>0</v>
      </c>
      <c r="EF12" s="102">
        <v>0</v>
      </c>
      <c r="EG12" s="103">
        <v>0</v>
      </c>
      <c r="EH12" s="413">
        <v>0</v>
      </c>
      <c r="EI12" s="102">
        <v>0</v>
      </c>
      <c r="EJ12" s="102">
        <v>2</v>
      </c>
      <c r="EK12" s="102">
        <v>0</v>
      </c>
      <c r="EL12" s="102">
        <v>2</v>
      </c>
      <c r="EM12" s="102">
        <v>0</v>
      </c>
      <c r="EN12" s="103">
        <v>4</v>
      </c>
      <c r="EO12" s="104">
        <v>4</v>
      </c>
      <c r="EP12" s="101">
        <v>3</v>
      </c>
      <c r="EQ12" s="102">
        <v>1</v>
      </c>
      <c r="ER12" s="103">
        <v>4</v>
      </c>
      <c r="ES12" s="413">
        <v>0</v>
      </c>
      <c r="ET12" s="102">
        <v>3</v>
      </c>
      <c r="EU12" s="102">
        <v>3</v>
      </c>
      <c r="EV12" s="102">
        <v>3</v>
      </c>
      <c r="EW12" s="102">
        <v>1</v>
      </c>
      <c r="EX12" s="102">
        <v>1</v>
      </c>
      <c r="EY12" s="103">
        <v>11</v>
      </c>
      <c r="EZ12" s="104">
        <v>15</v>
      </c>
      <c r="FA12" s="101">
        <v>1</v>
      </c>
      <c r="FB12" s="102">
        <v>4</v>
      </c>
      <c r="FC12" s="103">
        <v>5</v>
      </c>
      <c r="FD12" s="413">
        <v>0</v>
      </c>
      <c r="FE12" s="102">
        <v>8</v>
      </c>
      <c r="FF12" s="102">
        <v>10</v>
      </c>
      <c r="FG12" s="102">
        <v>3</v>
      </c>
      <c r="FH12" s="102">
        <v>2</v>
      </c>
      <c r="FI12" s="102">
        <v>1</v>
      </c>
      <c r="FJ12" s="103">
        <v>24</v>
      </c>
      <c r="FK12" s="104">
        <v>29</v>
      </c>
      <c r="FL12" s="101">
        <v>4</v>
      </c>
      <c r="FM12" s="102">
        <v>3</v>
      </c>
      <c r="FN12" s="103">
        <v>7</v>
      </c>
      <c r="FO12" s="413">
        <v>0</v>
      </c>
      <c r="FP12" s="102">
        <v>10</v>
      </c>
      <c r="FQ12" s="102">
        <v>13</v>
      </c>
      <c r="FR12" s="102">
        <v>9</v>
      </c>
      <c r="FS12" s="102">
        <v>9</v>
      </c>
      <c r="FT12" s="102">
        <v>2</v>
      </c>
      <c r="FU12" s="103">
        <v>43</v>
      </c>
      <c r="FV12" s="104">
        <v>50</v>
      </c>
      <c r="FW12" s="101">
        <v>0</v>
      </c>
      <c r="FX12" s="102">
        <v>0</v>
      </c>
      <c r="FY12" s="103">
        <v>0</v>
      </c>
      <c r="FZ12" s="413">
        <v>0</v>
      </c>
      <c r="GA12" s="102">
        <v>0</v>
      </c>
      <c r="GB12" s="102">
        <v>0</v>
      </c>
      <c r="GC12" s="102">
        <v>0</v>
      </c>
      <c r="GD12" s="102">
        <v>0</v>
      </c>
      <c r="GE12" s="102">
        <v>0</v>
      </c>
      <c r="GF12" s="103">
        <v>0</v>
      </c>
      <c r="GG12" s="104">
        <v>0</v>
      </c>
      <c r="GH12" s="101">
        <v>12</v>
      </c>
      <c r="GI12" s="102">
        <v>8</v>
      </c>
      <c r="GJ12" s="103">
        <v>20</v>
      </c>
      <c r="GK12" s="413">
        <v>0</v>
      </c>
      <c r="GL12" s="102">
        <v>21</v>
      </c>
      <c r="GM12" s="102">
        <v>30</v>
      </c>
      <c r="GN12" s="102">
        <v>16</v>
      </c>
      <c r="GO12" s="102">
        <v>14</v>
      </c>
      <c r="GP12" s="102">
        <v>4</v>
      </c>
      <c r="GQ12" s="103">
        <v>85</v>
      </c>
      <c r="GR12" s="104">
        <v>105</v>
      </c>
      <c r="GS12" s="105">
        <v>111</v>
      </c>
      <c r="GT12" s="97">
        <v>65</v>
      </c>
      <c r="GU12" s="98">
        <v>176</v>
      </c>
      <c r="GV12" s="413">
        <v>0</v>
      </c>
      <c r="GW12" s="97">
        <v>178</v>
      </c>
      <c r="GX12" s="97">
        <v>160</v>
      </c>
      <c r="GY12" s="97">
        <v>100</v>
      </c>
      <c r="GZ12" s="97">
        <v>75</v>
      </c>
      <c r="HA12" s="97">
        <v>40</v>
      </c>
      <c r="HB12" s="99">
        <v>553</v>
      </c>
      <c r="HC12" s="100">
        <v>729</v>
      </c>
      <c r="HD12" s="101">
        <v>3</v>
      </c>
      <c r="HE12" s="102">
        <v>1</v>
      </c>
      <c r="HF12" s="103">
        <v>4</v>
      </c>
      <c r="HG12" s="413">
        <v>0</v>
      </c>
      <c r="HH12" s="102">
        <v>2</v>
      </c>
      <c r="HI12" s="102">
        <v>4</v>
      </c>
      <c r="HJ12" s="102">
        <v>2</v>
      </c>
      <c r="HK12" s="102">
        <v>2</v>
      </c>
      <c r="HL12" s="102">
        <v>0</v>
      </c>
      <c r="HM12" s="103">
        <v>10</v>
      </c>
      <c r="HN12" s="104">
        <v>14</v>
      </c>
      <c r="HO12" s="101">
        <v>5</v>
      </c>
      <c r="HP12" s="102">
        <v>2</v>
      </c>
      <c r="HQ12" s="103">
        <v>7</v>
      </c>
      <c r="HR12" s="413">
        <v>0</v>
      </c>
      <c r="HS12" s="102">
        <v>4</v>
      </c>
      <c r="HT12" s="102">
        <v>14</v>
      </c>
      <c r="HU12" s="102">
        <v>5</v>
      </c>
      <c r="HV12" s="102">
        <v>7</v>
      </c>
      <c r="HW12" s="102">
        <v>3</v>
      </c>
      <c r="HX12" s="103">
        <v>33</v>
      </c>
      <c r="HY12" s="104">
        <v>40</v>
      </c>
      <c r="HZ12" s="101">
        <v>5</v>
      </c>
      <c r="IA12" s="102">
        <v>5</v>
      </c>
      <c r="IB12" s="103">
        <v>10</v>
      </c>
      <c r="IC12" s="413">
        <v>0</v>
      </c>
      <c r="ID12" s="102">
        <v>16</v>
      </c>
      <c r="IE12" s="102">
        <v>16</v>
      </c>
      <c r="IF12" s="102">
        <v>6</v>
      </c>
      <c r="IG12" s="102">
        <v>11</v>
      </c>
      <c r="IH12" s="102">
        <v>1</v>
      </c>
      <c r="II12" s="103">
        <v>50</v>
      </c>
      <c r="IJ12" s="104">
        <v>60</v>
      </c>
      <c r="IK12" s="101">
        <v>20</v>
      </c>
      <c r="IL12" s="102">
        <v>12</v>
      </c>
      <c r="IM12" s="103">
        <v>32</v>
      </c>
      <c r="IN12" s="413">
        <v>0</v>
      </c>
      <c r="IO12" s="102">
        <v>37</v>
      </c>
      <c r="IP12" s="102">
        <v>31</v>
      </c>
      <c r="IQ12" s="102">
        <v>17</v>
      </c>
      <c r="IR12" s="102">
        <v>12</v>
      </c>
      <c r="IS12" s="102">
        <v>8</v>
      </c>
      <c r="IT12" s="103">
        <v>105</v>
      </c>
      <c r="IU12" s="104">
        <v>137</v>
      </c>
      <c r="IV12" s="101">
        <v>42</v>
      </c>
      <c r="IW12" s="102">
        <v>23</v>
      </c>
      <c r="IX12" s="103">
        <v>65</v>
      </c>
      <c r="IY12" s="413">
        <v>0</v>
      </c>
      <c r="IZ12" s="102">
        <v>52</v>
      </c>
      <c r="JA12" s="102">
        <v>40</v>
      </c>
      <c r="JB12" s="102">
        <v>28</v>
      </c>
      <c r="JC12" s="102">
        <v>12</v>
      </c>
      <c r="JD12" s="102">
        <v>10</v>
      </c>
      <c r="JE12" s="103">
        <v>142</v>
      </c>
      <c r="JF12" s="104">
        <v>207</v>
      </c>
      <c r="JG12" s="101">
        <v>36</v>
      </c>
      <c r="JH12" s="102">
        <v>22</v>
      </c>
      <c r="JI12" s="103">
        <v>58</v>
      </c>
      <c r="JJ12" s="413">
        <v>0</v>
      </c>
      <c r="JK12" s="102">
        <v>67</v>
      </c>
      <c r="JL12" s="102">
        <v>55</v>
      </c>
      <c r="JM12" s="102">
        <v>42</v>
      </c>
      <c r="JN12" s="102">
        <v>31</v>
      </c>
      <c r="JO12" s="102">
        <v>18</v>
      </c>
      <c r="JP12" s="103">
        <v>213</v>
      </c>
      <c r="JQ12" s="104">
        <v>271</v>
      </c>
      <c r="JR12" s="101">
        <v>0</v>
      </c>
      <c r="JS12" s="102">
        <v>0</v>
      </c>
      <c r="JT12" s="103">
        <v>0</v>
      </c>
      <c r="JU12" s="413">
        <v>0</v>
      </c>
      <c r="JV12" s="102">
        <v>0</v>
      </c>
      <c r="JW12" s="102">
        <v>0</v>
      </c>
      <c r="JX12" s="102">
        <v>0</v>
      </c>
      <c r="JY12" s="102">
        <v>0</v>
      </c>
      <c r="JZ12" s="102">
        <v>0</v>
      </c>
      <c r="KA12" s="103">
        <v>0</v>
      </c>
      <c r="KB12" s="104">
        <v>0</v>
      </c>
      <c r="KC12" s="101">
        <v>111</v>
      </c>
      <c r="KD12" s="102">
        <v>65</v>
      </c>
      <c r="KE12" s="103">
        <v>176</v>
      </c>
      <c r="KF12" s="413">
        <v>0</v>
      </c>
      <c r="KG12" s="102">
        <v>178</v>
      </c>
      <c r="KH12" s="102">
        <v>160</v>
      </c>
      <c r="KI12" s="102">
        <v>100</v>
      </c>
      <c r="KJ12" s="102">
        <v>75</v>
      </c>
      <c r="KK12" s="102">
        <v>40</v>
      </c>
      <c r="KL12" s="103">
        <v>553</v>
      </c>
      <c r="KM12" s="104">
        <v>729</v>
      </c>
    </row>
    <row r="13" spans="2:299" s="70" customFormat="1" ht="21" customHeight="1" x14ac:dyDescent="0.2">
      <c r="B13" s="106" t="s">
        <v>9</v>
      </c>
      <c r="C13" s="96">
        <v>194</v>
      </c>
      <c r="D13" s="97">
        <v>97</v>
      </c>
      <c r="E13" s="98">
        <v>291</v>
      </c>
      <c r="F13" s="413">
        <v>0</v>
      </c>
      <c r="G13" s="97">
        <v>220</v>
      </c>
      <c r="H13" s="97">
        <v>132</v>
      </c>
      <c r="I13" s="97">
        <v>109</v>
      </c>
      <c r="J13" s="97">
        <v>100</v>
      </c>
      <c r="K13" s="97">
        <v>47</v>
      </c>
      <c r="L13" s="99">
        <v>608</v>
      </c>
      <c r="M13" s="100">
        <v>899</v>
      </c>
      <c r="N13" s="101">
        <v>5</v>
      </c>
      <c r="O13" s="102">
        <v>0</v>
      </c>
      <c r="P13" s="103">
        <v>5</v>
      </c>
      <c r="Q13" s="413">
        <v>0</v>
      </c>
      <c r="R13" s="102">
        <v>0</v>
      </c>
      <c r="S13" s="102">
        <v>2</v>
      </c>
      <c r="T13" s="102">
        <v>0</v>
      </c>
      <c r="U13" s="102">
        <v>1</v>
      </c>
      <c r="V13" s="102">
        <v>2</v>
      </c>
      <c r="W13" s="103">
        <v>5</v>
      </c>
      <c r="X13" s="104">
        <v>10</v>
      </c>
      <c r="Y13" s="101">
        <v>4</v>
      </c>
      <c r="Z13" s="102">
        <v>0</v>
      </c>
      <c r="AA13" s="103">
        <v>4</v>
      </c>
      <c r="AB13" s="413">
        <v>0</v>
      </c>
      <c r="AC13" s="102">
        <v>1</v>
      </c>
      <c r="AD13" s="102">
        <v>4</v>
      </c>
      <c r="AE13" s="102">
        <v>3</v>
      </c>
      <c r="AF13" s="102">
        <v>1</v>
      </c>
      <c r="AG13" s="102">
        <v>1</v>
      </c>
      <c r="AH13" s="103">
        <v>10</v>
      </c>
      <c r="AI13" s="104">
        <v>14</v>
      </c>
      <c r="AJ13" s="101">
        <v>12</v>
      </c>
      <c r="AK13" s="102">
        <v>1</v>
      </c>
      <c r="AL13" s="103">
        <v>13</v>
      </c>
      <c r="AM13" s="413">
        <v>0</v>
      </c>
      <c r="AN13" s="102">
        <v>16</v>
      </c>
      <c r="AO13" s="102">
        <v>13</v>
      </c>
      <c r="AP13" s="102">
        <v>7</v>
      </c>
      <c r="AQ13" s="102">
        <v>6</v>
      </c>
      <c r="AR13" s="102">
        <v>2</v>
      </c>
      <c r="AS13" s="103">
        <v>44</v>
      </c>
      <c r="AT13" s="104">
        <v>57</v>
      </c>
      <c r="AU13" s="101">
        <v>41</v>
      </c>
      <c r="AV13" s="102">
        <v>17</v>
      </c>
      <c r="AW13" s="103">
        <v>58</v>
      </c>
      <c r="AX13" s="413">
        <v>0</v>
      </c>
      <c r="AY13" s="102">
        <v>29</v>
      </c>
      <c r="AZ13" s="102">
        <v>10</v>
      </c>
      <c r="BA13" s="102">
        <v>12</v>
      </c>
      <c r="BB13" s="102">
        <v>14</v>
      </c>
      <c r="BC13" s="102">
        <v>7</v>
      </c>
      <c r="BD13" s="103">
        <v>72</v>
      </c>
      <c r="BE13" s="104">
        <v>130</v>
      </c>
      <c r="BF13" s="101">
        <v>70</v>
      </c>
      <c r="BG13" s="102">
        <v>42</v>
      </c>
      <c r="BH13" s="103">
        <v>112</v>
      </c>
      <c r="BI13" s="413">
        <v>0</v>
      </c>
      <c r="BJ13" s="102">
        <v>72</v>
      </c>
      <c r="BK13" s="102">
        <v>40</v>
      </c>
      <c r="BL13" s="102">
        <v>32</v>
      </c>
      <c r="BM13" s="102">
        <v>22</v>
      </c>
      <c r="BN13" s="102">
        <v>13</v>
      </c>
      <c r="BO13" s="103">
        <v>179</v>
      </c>
      <c r="BP13" s="104">
        <v>291</v>
      </c>
      <c r="BQ13" s="101">
        <v>62</v>
      </c>
      <c r="BR13" s="102">
        <v>37</v>
      </c>
      <c r="BS13" s="103">
        <v>99</v>
      </c>
      <c r="BT13" s="413">
        <v>0</v>
      </c>
      <c r="BU13" s="102">
        <v>102</v>
      </c>
      <c r="BV13" s="102">
        <v>63</v>
      </c>
      <c r="BW13" s="102">
        <v>55</v>
      </c>
      <c r="BX13" s="102">
        <v>56</v>
      </c>
      <c r="BY13" s="102">
        <v>22</v>
      </c>
      <c r="BZ13" s="103">
        <v>298</v>
      </c>
      <c r="CA13" s="104">
        <v>397</v>
      </c>
      <c r="CB13" s="101">
        <v>0</v>
      </c>
      <c r="CC13" s="102">
        <v>0</v>
      </c>
      <c r="CD13" s="103">
        <v>0</v>
      </c>
      <c r="CE13" s="413">
        <v>0</v>
      </c>
      <c r="CF13" s="102">
        <v>0</v>
      </c>
      <c r="CG13" s="102">
        <v>0</v>
      </c>
      <c r="CH13" s="102">
        <v>0</v>
      </c>
      <c r="CI13" s="102">
        <v>0</v>
      </c>
      <c r="CJ13" s="102">
        <v>0</v>
      </c>
      <c r="CK13" s="103">
        <v>0</v>
      </c>
      <c r="CL13" s="104">
        <v>0</v>
      </c>
      <c r="CM13" s="101">
        <v>194</v>
      </c>
      <c r="CN13" s="102">
        <v>97</v>
      </c>
      <c r="CO13" s="103">
        <v>291</v>
      </c>
      <c r="CP13" s="413">
        <v>0</v>
      </c>
      <c r="CQ13" s="102">
        <v>220</v>
      </c>
      <c r="CR13" s="102">
        <v>132</v>
      </c>
      <c r="CS13" s="102">
        <v>109</v>
      </c>
      <c r="CT13" s="102">
        <v>100</v>
      </c>
      <c r="CU13" s="102">
        <v>47</v>
      </c>
      <c r="CV13" s="103">
        <v>608</v>
      </c>
      <c r="CW13" s="104">
        <v>899</v>
      </c>
      <c r="CX13" s="105">
        <v>33</v>
      </c>
      <c r="CY13" s="97">
        <v>27</v>
      </c>
      <c r="CZ13" s="98">
        <v>60</v>
      </c>
      <c r="DA13" s="413">
        <v>0</v>
      </c>
      <c r="DB13" s="97">
        <v>32</v>
      </c>
      <c r="DC13" s="97">
        <v>20</v>
      </c>
      <c r="DD13" s="97">
        <v>22</v>
      </c>
      <c r="DE13" s="97">
        <v>14</v>
      </c>
      <c r="DF13" s="97">
        <v>15</v>
      </c>
      <c r="DG13" s="99">
        <v>103</v>
      </c>
      <c r="DH13" s="100">
        <v>163</v>
      </c>
      <c r="DI13" s="101">
        <v>0</v>
      </c>
      <c r="DJ13" s="102">
        <v>2</v>
      </c>
      <c r="DK13" s="103">
        <v>2</v>
      </c>
      <c r="DL13" s="413">
        <v>0</v>
      </c>
      <c r="DM13" s="102">
        <v>1</v>
      </c>
      <c r="DN13" s="102">
        <v>1</v>
      </c>
      <c r="DO13" s="102">
        <v>1</v>
      </c>
      <c r="DP13" s="102">
        <v>0</v>
      </c>
      <c r="DQ13" s="102">
        <v>1</v>
      </c>
      <c r="DR13" s="103">
        <v>4</v>
      </c>
      <c r="DS13" s="104">
        <v>6</v>
      </c>
      <c r="DT13" s="101">
        <v>4</v>
      </c>
      <c r="DU13" s="102">
        <v>2</v>
      </c>
      <c r="DV13" s="103">
        <v>6</v>
      </c>
      <c r="DW13" s="413">
        <v>0</v>
      </c>
      <c r="DX13" s="102">
        <v>0</v>
      </c>
      <c r="DY13" s="102">
        <v>0</v>
      </c>
      <c r="DZ13" s="102">
        <v>0</v>
      </c>
      <c r="EA13" s="102">
        <v>0</v>
      </c>
      <c r="EB13" s="102">
        <v>0</v>
      </c>
      <c r="EC13" s="103">
        <v>0</v>
      </c>
      <c r="ED13" s="104">
        <v>6</v>
      </c>
      <c r="EE13" s="101">
        <v>6</v>
      </c>
      <c r="EF13" s="102">
        <v>1</v>
      </c>
      <c r="EG13" s="103">
        <v>7</v>
      </c>
      <c r="EH13" s="413">
        <v>0</v>
      </c>
      <c r="EI13" s="102">
        <v>2</v>
      </c>
      <c r="EJ13" s="102">
        <v>1</v>
      </c>
      <c r="EK13" s="102">
        <v>1</v>
      </c>
      <c r="EL13" s="102">
        <v>0</v>
      </c>
      <c r="EM13" s="102">
        <v>2</v>
      </c>
      <c r="EN13" s="103">
        <v>6</v>
      </c>
      <c r="EO13" s="104">
        <v>13</v>
      </c>
      <c r="EP13" s="101">
        <v>11</v>
      </c>
      <c r="EQ13" s="102">
        <v>4</v>
      </c>
      <c r="ER13" s="103">
        <v>15</v>
      </c>
      <c r="ES13" s="413">
        <v>0</v>
      </c>
      <c r="ET13" s="102">
        <v>7</v>
      </c>
      <c r="EU13" s="102">
        <v>1</v>
      </c>
      <c r="EV13" s="102">
        <v>3</v>
      </c>
      <c r="EW13" s="102">
        <v>0</v>
      </c>
      <c r="EX13" s="102">
        <v>1</v>
      </c>
      <c r="EY13" s="103">
        <v>12</v>
      </c>
      <c r="EZ13" s="104">
        <v>27</v>
      </c>
      <c r="FA13" s="101">
        <v>9</v>
      </c>
      <c r="FB13" s="102">
        <v>12</v>
      </c>
      <c r="FC13" s="103">
        <v>21</v>
      </c>
      <c r="FD13" s="413">
        <v>0</v>
      </c>
      <c r="FE13" s="102">
        <v>9</v>
      </c>
      <c r="FF13" s="102">
        <v>3</v>
      </c>
      <c r="FG13" s="102">
        <v>4</v>
      </c>
      <c r="FH13" s="102">
        <v>2</v>
      </c>
      <c r="FI13" s="102">
        <v>3</v>
      </c>
      <c r="FJ13" s="103">
        <v>21</v>
      </c>
      <c r="FK13" s="104">
        <v>42</v>
      </c>
      <c r="FL13" s="101">
        <v>3</v>
      </c>
      <c r="FM13" s="102">
        <v>6</v>
      </c>
      <c r="FN13" s="103">
        <v>9</v>
      </c>
      <c r="FO13" s="413">
        <v>0</v>
      </c>
      <c r="FP13" s="102">
        <v>13</v>
      </c>
      <c r="FQ13" s="102">
        <v>14</v>
      </c>
      <c r="FR13" s="102">
        <v>13</v>
      </c>
      <c r="FS13" s="102">
        <v>12</v>
      </c>
      <c r="FT13" s="102">
        <v>8</v>
      </c>
      <c r="FU13" s="103">
        <v>60</v>
      </c>
      <c r="FV13" s="104">
        <v>69</v>
      </c>
      <c r="FW13" s="101">
        <v>0</v>
      </c>
      <c r="FX13" s="102">
        <v>0</v>
      </c>
      <c r="FY13" s="103">
        <v>0</v>
      </c>
      <c r="FZ13" s="413">
        <v>0</v>
      </c>
      <c r="GA13" s="102">
        <v>0</v>
      </c>
      <c r="GB13" s="102">
        <v>0</v>
      </c>
      <c r="GC13" s="102">
        <v>0</v>
      </c>
      <c r="GD13" s="102">
        <v>0</v>
      </c>
      <c r="GE13" s="102">
        <v>0</v>
      </c>
      <c r="GF13" s="103">
        <v>0</v>
      </c>
      <c r="GG13" s="104">
        <v>0</v>
      </c>
      <c r="GH13" s="101">
        <v>33</v>
      </c>
      <c r="GI13" s="102">
        <v>27</v>
      </c>
      <c r="GJ13" s="103">
        <v>60</v>
      </c>
      <c r="GK13" s="413">
        <v>0</v>
      </c>
      <c r="GL13" s="102">
        <v>32</v>
      </c>
      <c r="GM13" s="102">
        <v>20</v>
      </c>
      <c r="GN13" s="102">
        <v>22</v>
      </c>
      <c r="GO13" s="102">
        <v>14</v>
      </c>
      <c r="GP13" s="102">
        <v>15</v>
      </c>
      <c r="GQ13" s="103">
        <v>103</v>
      </c>
      <c r="GR13" s="104">
        <v>163</v>
      </c>
      <c r="GS13" s="105">
        <v>227</v>
      </c>
      <c r="GT13" s="97">
        <v>124</v>
      </c>
      <c r="GU13" s="98">
        <v>351</v>
      </c>
      <c r="GV13" s="413">
        <v>0</v>
      </c>
      <c r="GW13" s="97">
        <v>252</v>
      </c>
      <c r="GX13" s="97">
        <v>152</v>
      </c>
      <c r="GY13" s="97">
        <v>131</v>
      </c>
      <c r="GZ13" s="97">
        <v>114</v>
      </c>
      <c r="HA13" s="97">
        <v>62</v>
      </c>
      <c r="HB13" s="99">
        <v>711</v>
      </c>
      <c r="HC13" s="100">
        <v>1062</v>
      </c>
      <c r="HD13" s="101">
        <v>5</v>
      </c>
      <c r="HE13" s="102">
        <v>2</v>
      </c>
      <c r="HF13" s="103">
        <v>7</v>
      </c>
      <c r="HG13" s="413">
        <v>0</v>
      </c>
      <c r="HH13" s="102">
        <v>1</v>
      </c>
      <c r="HI13" s="102">
        <v>3</v>
      </c>
      <c r="HJ13" s="102">
        <v>1</v>
      </c>
      <c r="HK13" s="102">
        <v>1</v>
      </c>
      <c r="HL13" s="102">
        <v>3</v>
      </c>
      <c r="HM13" s="103">
        <v>9</v>
      </c>
      <c r="HN13" s="104">
        <v>16</v>
      </c>
      <c r="HO13" s="101">
        <v>8</v>
      </c>
      <c r="HP13" s="102">
        <v>2</v>
      </c>
      <c r="HQ13" s="103">
        <v>10</v>
      </c>
      <c r="HR13" s="413">
        <v>0</v>
      </c>
      <c r="HS13" s="102">
        <v>1</v>
      </c>
      <c r="HT13" s="102">
        <v>4</v>
      </c>
      <c r="HU13" s="102">
        <v>3</v>
      </c>
      <c r="HV13" s="102">
        <v>1</v>
      </c>
      <c r="HW13" s="102">
        <v>1</v>
      </c>
      <c r="HX13" s="103">
        <v>10</v>
      </c>
      <c r="HY13" s="104">
        <v>20</v>
      </c>
      <c r="HZ13" s="101">
        <v>18</v>
      </c>
      <c r="IA13" s="102">
        <v>2</v>
      </c>
      <c r="IB13" s="103">
        <v>20</v>
      </c>
      <c r="IC13" s="413">
        <v>0</v>
      </c>
      <c r="ID13" s="102">
        <v>18</v>
      </c>
      <c r="IE13" s="102">
        <v>14</v>
      </c>
      <c r="IF13" s="102">
        <v>8</v>
      </c>
      <c r="IG13" s="102">
        <v>6</v>
      </c>
      <c r="IH13" s="102">
        <v>4</v>
      </c>
      <c r="II13" s="103">
        <v>50</v>
      </c>
      <c r="IJ13" s="104">
        <v>70</v>
      </c>
      <c r="IK13" s="101">
        <v>52</v>
      </c>
      <c r="IL13" s="102">
        <v>21</v>
      </c>
      <c r="IM13" s="103">
        <v>73</v>
      </c>
      <c r="IN13" s="413">
        <v>0</v>
      </c>
      <c r="IO13" s="102">
        <v>36</v>
      </c>
      <c r="IP13" s="102">
        <v>11</v>
      </c>
      <c r="IQ13" s="102">
        <v>15</v>
      </c>
      <c r="IR13" s="102">
        <v>14</v>
      </c>
      <c r="IS13" s="102">
        <v>8</v>
      </c>
      <c r="IT13" s="103">
        <v>84</v>
      </c>
      <c r="IU13" s="104">
        <v>157</v>
      </c>
      <c r="IV13" s="101">
        <v>79</v>
      </c>
      <c r="IW13" s="102">
        <v>54</v>
      </c>
      <c r="IX13" s="103">
        <v>133</v>
      </c>
      <c r="IY13" s="413">
        <v>0</v>
      </c>
      <c r="IZ13" s="102">
        <v>81</v>
      </c>
      <c r="JA13" s="102">
        <v>43</v>
      </c>
      <c r="JB13" s="102">
        <v>36</v>
      </c>
      <c r="JC13" s="102">
        <v>24</v>
      </c>
      <c r="JD13" s="102">
        <v>16</v>
      </c>
      <c r="JE13" s="103">
        <v>200</v>
      </c>
      <c r="JF13" s="104">
        <v>333</v>
      </c>
      <c r="JG13" s="101">
        <v>65</v>
      </c>
      <c r="JH13" s="102">
        <v>43</v>
      </c>
      <c r="JI13" s="103">
        <v>108</v>
      </c>
      <c r="JJ13" s="413">
        <v>0</v>
      </c>
      <c r="JK13" s="102">
        <v>115</v>
      </c>
      <c r="JL13" s="102">
        <v>77</v>
      </c>
      <c r="JM13" s="102">
        <v>68</v>
      </c>
      <c r="JN13" s="102">
        <v>68</v>
      </c>
      <c r="JO13" s="102">
        <v>30</v>
      </c>
      <c r="JP13" s="103">
        <v>358</v>
      </c>
      <c r="JQ13" s="104">
        <v>466</v>
      </c>
      <c r="JR13" s="101">
        <v>0</v>
      </c>
      <c r="JS13" s="102">
        <v>0</v>
      </c>
      <c r="JT13" s="103">
        <v>0</v>
      </c>
      <c r="JU13" s="413">
        <v>0</v>
      </c>
      <c r="JV13" s="102">
        <v>0</v>
      </c>
      <c r="JW13" s="102">
        <v>0</v>
      </c>
      <c r="JX13" s="102">
        <v>0</v>
      </c>
      <c r="JY13" s="102">
        <v>0</v>
      </c>
      <c r="JZ13" s="102">
        <v>0</v>
      </c>
      <c r="KA13" s="103">
        <v>0</v>
      </c>
      <c r="KB13" s="104">
        <v>0</v>
      </c>
      <c r="KC13" s="101">
        <v>227</v>
      </c>
      <c r="KD13" s="102">
        <v>124</v>
      </c>
      <c r="KE13" s="103">
        <v>351</v>
      </c>
      <c r="KF13" s="413">
        <v>0</v>
      </c>
      <c r="KG13" s="102">
        <v>252</v>
      </c>
      <c r="KH13" s="102">
        <v>152</v>
      </c>
      <c r="KI13" s="102">
        <v>131</v>
      </c>
      <c r="KJ13" s="102">
        <v>114</v>
      </c>
      <c r="KK13" s="102">
        <v>62</v>
      </c>
      <c r="KL13" s="103">
        <v>711</v>
      </c>
      <c r="KM13" s="104">
        <v>1062</v>
      </c>
    </row>
    <row r="14" spans="2:299" s="70" customFormat="1" ht="21" customHeight="1" x14ac:dyDescent="0.2">
      <c r="B14" s="106" t="s">
        <v>10</v>
      </c>
      <c r="C14" s="96">
        <v>360</v>
      </c>
      <c r="D14" s="97">
        <v>205</v>
      </c>
      <c r="E14" s="98">
        <v>565</v>
      </c>
      <c r="F14" s="413">
        <v>0</v>
      </c>
      <c r="G14" s="97">
        <v>349</v>
      </c>
      <c r="H14" s="97">
        <v>176</v>
      </c>
      <c r="I14" s="97">
        <v>113</v>
      </c>
      <c r="J14" s="97">
        <v>115</v>
      </c>
      <c r="K14" s="97">
        <v>81</v>
      </c>
      <c r="L14" s="99">
        <v>834</v>
      </c>
      <c r="M14" s="100">
        <v>1399</v>
      </c>
      <c r="N14" s="101">
        <v>6</v>
      </c>
      <c r="O14" s="102">
        <v>2</v>
      </c>
      <c r="P14" s="103">
        <v>8</v>
      </c>
      <c r="Q14" s="413">
        <v>0</v>
      </c>
      <c r="R14" s="102">
        <v>2</v>
      </c>
      <c r="S14" s="102">
        <v>2</v>
      </c>
      <c r="T14" s="102">
        <v>0</v>
      </c>
      <c r="U14" s="102">
        <v>5</v>
      </c>
      <c r="V14" s="102">
        <v>3</v>
      </c>
      <c r="W14" s="103">
        <v>12</v>
      </c>
      <c r="X14" s="104">
        <v>20</v>
      </c>
      <c r="Y14" s="101">
        <v>13</v>
      </c>
      <c r="Z14" s="102">
        <v>5</v>
      </c>
      <c r="AA14" s="103">
        <v>18</v>
      </c>
      <c r="AB14" s="413">
        <v>0</v>
      </c>
      <c r="AC14" s="102">
        <v>13</v>
      </c>
      <c r="AD14" s="102">
        <v>8</v>
      </c>
      <c r="AE14" s="102">
        <v>3</v>
      </c>
      <c r="AF14" s="102">
        <v>3</v>
      </c>
      <c r="AG14" s="102">
        <v>7</v>
      </c>
      <c r="AH14" s="103">
        <v>34</v>
      </c>
      <c r="AI14" s="104">
        <v>52</v>
      </c>
      <c r="AJ14" s="101">
        <v>28</v>
      </c>
      <c r="AK14" s="102">
        <v>14</v>
      </c>
      <c r="AL14" s="103">
        <v>42</v>
      </c>
      <c r="AM14" s="413">
        <v>0</v>
      </c>
      <c r="AN14" s="102">
        <v>24</v>
      </c>
      <c r="AO14" s="102">
        <v>14</v>
      </c>
      <c r="AP14" s="102">
        <v>7</v>
      </c>
      <c r="AQ14" s="102">
        <v>8</v>
      </c>
      <c r="AR14" s="102">
        <v>10</v>
      </c>
      <c r="AS14" s="103">
        <v>63</v>
      </c>
      <c r="AT14" s="104">
        <v>105</v>
      </c>
      <c r="AU14" s="101">
        <v>75</v>
      </c>
      <c r="AV14" s="102">
        <v>34</v>
      </c>
      <c r="AW14" s="103">
        <v>109</v>
      </c>
      <c r="AX14" s="413">
        <v>0</v>
      </c>
      <c r="AY14" s="102">
        <v>65</v>
      </c>
      <c r="AZ14" s="102">
        <v>33</v>
      </c>
      <c r="BA14" s="102">
        <v>24</v>
      </c>
      <c r="BB14" s="102">
        <v>25</v>
      </c>
      <c r="BC14" s="102">
        <v>13</v>
      </c>
      <c r="BD14" s="103">
        <v>160</v>
      </c>
      <c r="BE14" s="104">
        <v>269</v>
      </c>
      <c r="BF14" s="101">
        <v>139</v>
      </c>
      <c r="BG14" s="102">
        <v>71</v>
      </c>
      <c r="BH14" s="103">
        <v>210</v>
      </c>
      <c r="BI14" s="413">
        <v>0</v>
      </c>
      <c r="BJ14" s="102">
        <v>128</v>
      </c>
      <c r="BK14" s="102">
        <v>52</v>
      </c>
      <c r="BL14" s="102">
        <v>27</v>
      </c>
      <c r="BM14" s="102">
        <v>26</v>
      </c>
      <c r="BN14" s="102">
        <v>16</v>
      </c>
      <c r="BO14" s="103">
        <v>249</v>
      </c>
      <c r="BP14" s="104">
        <v>459</v>
      </c>
      <c r="BQ14" s="101">
        <v>99</v>
      </c>
      <c r="BR14" s="102">
        <v>79</v>
      </c>
      <c r="BS14" s="103">
        <v>178</v>
      </c>
      <c r="BT14" s="413">
        <v>0</v>
      </c>
      <c r="BU14" s="102">
        <v>117</v>
      </c>
      <c r="BV14" s="102">
        <v>67</v>
      </c>
      <c r="BW14" s="102">
        <v>52</v>
      </c>
      <c r="BX14" s="102">
        <v>48</v>
      </c>
      <c r="BY14" s="102">
        <v>32</v>
      </c>
      <c r="BZ14" s="103">
        <v>316</v>
      </c>
      <c r="CA14" s="104">
        <v>494</v>
      </c>
      <c r="CB14" s="101">
        <v>0</v>
      </c>
      <c r="CC14" s="102">
        <v>0</v>
      </c>
      <c r="CD14" s="103">
        <v>0</v>
      </c>
      <c r="CE14" s="413">
        <v>0</v>
      </c>
      <c r="CF14" s="102">
        <v>0</v>
      </c>
      <c r="CG14" s="102">
        <v>0</v>
      </c>
      <c r="CH14" s="102">
        <v>0</v>
      </c>
      <c r="CI14" s="102">
        <v>0</v>
      </c>
      <c r="CJ14" s="102">
        <v>0</v>
      </c>
      <c r="CK14" s="103">
        <v>0</v>
      </c>
      <c r="CL14" s="104">
        <v>0</v>
      </c>
      <c r="CM14" s="101">
        <v>360</v>
      </c>
      <c r="CN14" s="102">
        <v>205</v>
      </c>
      <c r="CO14" s="103">
        <v>565</v>
      </c>
      <c r="CP14" s="413">
        <v>0</v>
      </c>
      <c r="CQ14" s="102">
        <v>349</v>
      </c>
      <c r="CR14" s="102">
        <v>176</v>
      </c>
      <c r="CS14" s="102">
        <v>113</v>
      </c>
      <c r="CT14" s="102">
        <v>115</v>
      </c>
      <c r="CU14" s="102">
        <v>81</v>
      </c>
      <c r="CV14" s="103">
        <v>834</v>
      </c>
      <c r="CW14" s="104">
        <v>1399</v>
      </c>
      <c r="CX14" s="105">
        <v>46</v>
      </c>
      <c r="CY14" s="97">
        <v>37</v>
      </c>
      <c r="CZ14" s="98">
        <v>83</v>
      </c>
      <c r="DA14" s="413">
        <v>0</v>
      </c>
      <c r="DB14" s="97">
        <v>54</v>
      </c>
      <c r="DC14" s="97">
        <v>27</v>
      </c>
      <c r="DD14" s="97">
        <v>12</v>
      </c>
      <c r="DE14" s="97">
        <v>26</v>
      </c>
      <c r="DF14" s="97">
        <v>16</v>
      </c>
      <c r="DG14" s="99">
        <v>135</v>
      </c>
      <c r="DH14" s="100">
        <v>218</v>
      </c>
      <c r="DI14" s="101">
        <v>1</v>
      </c>
      <c r="DJ14" s="102">
        <v>1</v>
      </c>
      <c r="DK14" s="103">
        <v>2</v>
      </c>
      <c r="DL14" s="413">
        <v>0</v>
      </c>
      <c r="DM14" s="102">
        <v>1</v>
      </c>
      <c r="DN14" s="102">
        <v>0</v>
      </c>
      <c r="DO14" s="102">
        <v>0</v>
      </c>
      <c r="DP14" s="102">
        <v>0</v>
      </c>
      <c r="DQ14" s="102">
        <v>0</v>
      </c>
      <c r="DR14" s="103">
        <v>1</v>
      </c>
      <c r="DS14" s="104">
        <v>3</v>
      </c>
      <c r="DT14" s="101">
        <v>4</v>
      </c>
      <c r="DU14" s="102">
        <v>3</v>
      </c>
      <c r="DV14" s="103">
        <v>7</v>
      </c>
      <c r="DW14" s="413">
        <v>0</v>
      </c>
      <c r="DX14" s="102">
        <v>7</v>
      </c>
      <c r="DY14" s="102">
        <v>0</v>
      </c>
      <c r="DZ14" s="102">
        <v>0</v>
      </c>
      <c r="EA14" s="102">
        <v>0</v>
      </c>
      <c r="EB14" s="102">
        <v>0</v>
      </c>
      <c r="EC14" s="103">
        <v>7</v>
      </c>
      <c r="ED14" s="104">
        <v>14</v>
      </c>
      <c r="EE14" s="101">
        <v>10</v>
      </c>
      <c r="EF14" s="102">
        <v>5</v>
      </c>
      <c r="EG14" s="103">
        <v>15</v>
      </c>
      <c r="EH14" s="413">
        <v>0</v>
      </c>
      <c r="EI14" s="102">
        <v>2</v>
      </c>
      <c r="EJ14" s="102">
        <v>3</v>
      </c>
      <c r="EK14" s="102">
        <v>0</v>
      </c>
      <c r="EL14" s="102">
        <v>1</v>
      </c>
      <c r="EM14" s="102">
        <v>1</v>
      </c>
      <c r="EN14" s="103">
        <v>7</v>
      </c>
      <c r="EO14" s="104">
        <v>22</v>
      </c>
      <c r="EP14" s="101">
        <v>6</v>
      </c>
      <c r="EQ14" s="102">
        <v>5</v>
      </c>
      <c r="ER14" s="103">
        <v>11</v>
      </c>
      <c r="ES14" s="413">
        <v>0</v>
      </c>
      <c r="ET14" s="102">
        <v>13</v>
      </c>
      <c r="EU14" s="102">
        <v>5</v>
      </c>
      <c r="EV14" s="102">
        <v>2</v>
      </c>
      <c r="EW14" s="102">
        <v>2</v>
      </c>
      <c r="EX14" s="102">
        <v>0</v>
      </c>
      <c r="EY14" s="103">
        <v>22</v>
      </c>
      <c r="EZ14" s="104">
        <v>33</v>
      </c>
      <c r="FA14" s="101">
        <v>18</v>
      </c>
      <c r="FB14" s="102">
        <v>12</v>
      </c>
      <c r="FC14" s="103">
        <v>30</v>
      </c>
      <c r="FD14" s="413">
        <v>0</v>
      </c>
      <c r="FE14" s="102">
        <v>12</v>
      </c>
      <c r="FF14" s="102">
        <v>7</v>
      </c>
      <c r="FG14" s="102">
        <v>2</v>
      </c>
      <c r="FH14" s="102">
        <v>5</v>
      </c>
      <c r="FI14" s="102">
        <v>3</v>
      </c>
      <c r="FJ14" s="103">
        <v>29</v>
      </c>
      <c r="FK14" s="104">
        <v>59</v>
      </c>
      <c r="FL14" s="101">
        <v>7</v>
      </c>
      <c r="FM14" s="102">
        <v>11</v>
      </c>
      <c r="FN14" s="103">
        <v>18</v>
      </c>
      <c r="FO14" s="413">
        <v>0</v>
      </c>
      <c r="FP14" s="102">
        <v>19</v>
      </c>
      <c r="FQ14" s="102">
        <v>12</v>
      </c>
      <c r="FR14" s="102">
        <v>8</v>
      </c>
      <c r="FS14" s="102">
        <v>18</v>
      </c>
      <c r="FT14" s="102">
        <v>12</v>
      </c>
      <c r="FU14" s="103">
        <v>69</v>
      </c>
      <c r="FV14" s="104">
        <v>87</v>
      </c>
      <c r="FW14" s="101">
        <v>0</v>
      </c>
      <c r="FX14" s="102">
        <v>0</v>
      </c>
      <c r="FY14" s="103">
        <v>0</v>
      </c>
      <c r="FZ14" s="413">
        <v>0</v>
      </c>
      <c r="GA14" s="102">
        <v>0</v>
      </c>
      <c r="GB14" s="102">
        <v>0</v>
      </c>
      <c r="GC14" s="102">
        <v>0</v>
      </c>
      <c r="GD14" s="102">
        <v>0</v>
      </c>
      <c r="GE14" s="102">
        <v>0</v>
      </c>
      <c r="GF14" s="103">
        <v>0</v>
      </c>
      <c r="GG14" s="104">
        <v>0</v>
      </c>
      <c r="GH14" s="101">
        <v>46</v>
      </c>
      <c r="GI14" s="102">
        <v>37</v>
      </c>
      <c r="GJ14" s="103">
        <v>83</v>
      </c>
      <c r="GK14" s="413">
        <v>0</v>
      </c>
      <c r="GL14" s="102">
        <v>54</v>
      </c>
      <c r="GM14" s="102">
        <v>27</v>
      </c>
      <c r="GN14" s="102">
        <v>12</v>
      </c>
      <c r="GO14" s="102">
        <v>26</v>
      </c>
      <c r="GP14" s="102">
        <v>16</v>
      </c>
      <c r="GQ14" s="103">
        <v>135</v>
      </c>
      <c r="GR14" s="104">
        <v>218</v>
      </c>
      <c r="GS14" s="105">
        <v>406</v>
      </c>
      <c r="GT14" s="97">
        <v>242</v>
      </c>
      <c r="GU14" s="98">
        <v>648</v>
      </c>
      <c r="GV14" s="413">
        <v>0</v>
      </c>
      <c r="GW14" s="97">
        <v>403</v>
      </c>
      <c r="GX14" s="97">
        <v>203</v>
      </c>
      <c r="GY14" s="97">
        <v>125</v>
      </c>
      <c r="GZ14" s="97">
        <v>141</v>
      </c>
      <c r="HA14" s="97">
        <v>97</v>
      </c>
      <c r="HB14" s="99">
        <v>969</v>
      </c>
      <c r="HC14" s="100">
        <v>1617</v>
      </c>
      <c r="HD14" s="101">
        <v>7</v>
      </c>
      <c r="HE14" s="102">
        <v>3</v>
      </c>
      <c r="HF14" s="103">
        <v>10</v>
      </c>
      <c r="HG14" s="413">
        <v>0</v>
      </c>
      <c r="HH14" s="102">
        <v>3</v>
      </c>
      <c r="HI14" s="102">
        <v>2</v>
      </c>
      <c r="HJ14" s="102">
        <v>0</v>
      </c>
      <c r="HK14" s="102">
        <v>5</v>
      </c>
      <c r="HL14" s="102">
        <v>3</v>
      </c>
      <c r="HM14" s="103">
        <v>13</v>
      </c>
      <c r="HN14" s="104">
        <v>23</v>
      </c>
      <c r="HO14" s="101">
        <v>17</v>
      </c>
      <c r="HP14" s="102">
        <v>8</v>
      </c>
      <c r="HQ14" s="103">
        <v>25</v>
      </c>
      <c r="HR14" s="413">
        <v>0</v>
      </c>
      <c r="HS14" s="102">
        <v>20</v>
      </c>
      <c r="HT14" s="102">
        <v>8</v>
      </c>
      <c r="HU14" s="102">
        <v>3</v>
      </c>
      <c r="HV14" s="102">
        <v>3</v>
      </c>
      <c r="HW14" s="102">
        <v>7</v>
      </c>
      <c r="HX14" s="103">
        <v>41</v>
      </c>
      <c r="HY14" s="104">
        <v>66</v>
      </c>
      <c r="HZ14" s="101">
        <v>38</v>
      </c>
      <c r="IA14" s="102">
        <v>19</v>
      </c>
      <c r="IB14" s="103">
        <v>57</v>
      </c>
      <c r="IC14" s="413">
        <v>0</v>
      </c>
      <c r="ID14" s="102">
        <v>26</v>
      </c>
      <c r="IE14" s="102">
        <v>17</v>
      </c>
      <c r="IF14" s="102">
        <v>7</v>
      </c>
      <c r="IG14" s="102">
        <v>9</v>
      </c>
      <c r="IH14" s="102">
        <v>11</v>
      </c>
      <c r="II14" s="103">
        <v>70</v>
      </c>
      <c r="IJ14" s="104">
        <v>127</v>
      </c>
      <c r="IK14" s="101">
        <v>81</v>
      </c>
      <c r="IL14" s="102">
        <v>39</v>
      </c>
      <c r="IM14" s="103">
        <v>120</v>
      </c>
      <c r="IN14" s="413">
        <v>0</v>
      </c>
      <c r="IO14" s="102">
        <v>78</v>
      </c>
      <c r="IP14" s="102">
        <v>38</v>
      </c>
      <c r="IQ14" s="102">
        <v>26</v>
      </c>
      <c r="IR14" s="102">
        <v>27</v>
      </c>
      <c r="IS14" s="102">
        <v>13</v>
      </c>
      <c r="IT14" s="103">
        <v>182</v>
      </c>
      <c r="IU14" s="104">
        <v>302</v>
      </c>
      <c r="IV14" s="101">
        <v>157</v>
      </c>
      <c r="IW14" s="102">
        <v>83</v>
      </c>
      <c r="IX14" s="103">
        <v>240</v>
      </c>
      <c r="IY14" s="413">
        <v>0</v>
      </c>
      <c r="IZ14" s="102">
        <v>140</v>
      </c>
      <c r="JA14" s="102">
        <v>59</v>
      </c>
      <c r="JB14" s="102">
        <v>29</v>
      </c>
      <c r="JC14" s="102">
        <v>31</v>
      </c>
      <c r="JD14" s="102">
        <v>19</v>
      </c>
      <c r="JE14" s="103">
        <v>278</v>
      </c>
      <c r="JF14" s="104">
        <v>518</v>
      </c>
      <c r="JG14" s="101">
        <v>106</v>
      </c>
      <c r="JH14" s="102">
        <v>90</v>
      </c>
      <c r="JI14" s="103">
        <v>196</v>
      </c>
      <c r="JJ14" s="413">
        <v>0</v>
      </c>
      <c r="JK14" s="102">
        <v>136</v>
      </c>
      <c r="JL14" s="102">
        <v>79</v>
      </c>
      <c r="JM14" s="102">
        <v>60</v>
      </c>
      <c r="JN14" s="102">
        <v>66</v>
      </c>
      <c r="JO14" s="102">
        <v>44</v>
      </c>
      <c r="JP14" s="103">
        <v>385</v>
      </c>
      <c r="JQ14" s="104">
        <v>581</v>
      </c>
      <c r="JR14" s="101">
        <v>0</v>
      </c>
      <c r="JS14" s="102">
        <v>0</v>
      </c>
      <c r="JT14" s="103">
        <v>0</v>
      </c>
      <c r="JU14" s="413">
        <v>0</v>
      </c>
      <c r="JV14" s="102">
        <v>0</v>
      </c>
      <c r="JW14" s="102">
        <v>0</v>
      </c>
      <c r="JX14" s="102">
        <v>0</v>
      </c>
      <c r="JY14" s="102">
        <v>0</v>
      </c>
      <c r="JZ14" s="102">
        <v>0</v>
      </c>
      <c r="KA14" s="103">
        <v>0</v>
      </c>
      <c r="KB14" s="104">
        <v>0</v>
      </c>
      <c r="KC14" s="101">
        <v>406</v>
      </c>
      <c r="KD14" s="102">
        <v>242</v>
      </c>
      <c r="KE14" s="103">
        <v>648</v>
      </c>
      <c r="KF14" s="413">
        <v>0</v>
      </c>
      <c r="KG14" s="102">
        <v>403</v>
      </c>
      <c r="KH14" s="102">
        <v>203</v>
      </c>
      <c r="KI14" s="102">
        <v>125</v>
      </c>
      <c r="KJ14" s="102">
        <v>141</v>
      </c>
      <c r="KK14" s="102">
        <v>97</v>
      </c>
      <c r="KL14" s="103">
        <v>969</v>
      </c>
      <c r="KM14" s="104">
        <v>1617</v>
      </c>
    </row>
    <row r="15" spans="2:299" s="70" customFormat="1" ht="21" customHeight="1" x14ac:dyDescent="0.2">
      <c r="B15" s="106" t="s">
        <v>11</v>
      </c>
      <c r="C15" s="96">
        <v>90</v>
      </c>
      <c r="D15" s="97">
        <v>72</v>
      </c>
      <c r="E15" s="98">
        <v>162</v>
      </c>
      <c r="F15" s="413">
        <v>0</v>
      </c>
      <c r="G15" s="97">
        <v>146</v>
      </c>
      <c r="H15" s="97">
        <v>92</v>
      </c>
      <c r="I15" s="97">
        <v>64</v>
      </c>
      <c r="J15" s="97">
        <v>59</v>
      </c>
      <c r="K15" s="97">
        <v>19</v>
      </c>
      <c r="L15" s="99">
        <v>380</v>
      </c>
      <c r="M15" s="100">
        <v>542</v>
      </c>
      <c r="N15" s="101">
        <v>0</v>
      </c>
      <c r="O15" s="102">
        <v>1</v>
      </c>
      <c r="P15" s="103">
        <v>1</v>
      </c>
      <c r="Q15" s="413">
        <v>0</v>
      </c>
      <c r="R15" s="102">
        <v>1</v>
      </c>
      <c r="S15" s="102">
        <v>0</v>
      </c>
      <c r="T15" s="102">
        <v>1</v>
      </c>
      <c r="U15" s="102">
        <v>0</v>
      </c>
      <c r="V15" s="102">
        <v>0</v>
      </c>
      <c r="W15" s="103">
        <v>2</v>
      </c>
      <c r="X15" s="104">
        <v>3</v>
      </c>
      <c r="Y15" s="101">
        <v>2</v>
      </c>
      <c r="Z15" s="102">
        <v>3</v>
      </c>
      <c r="AA15" s="103">
        <v>5</v>
      </c>
      <c r="AB15" s="413">
        <v>0</v>
      </c>
      <c r="AC15" s="102">
        <v>9</v>
      </c>
      <c r="AD15" s="102">
        <v>5</v>
      </c>
      <c r="AE15" s="102">
        <v>4</v>
      </c>
      <c r="AF15" s="102">
        <v>7</v>
      </c>
      <c r="AG15" s="102">
        <v>2</v>
      </c>
      <c r="AH15" s="103">
        <v>27</v>
      </c>
      <c r="AI15" s="104">
        <v>32</v>
      </c>
      <c r="AJ15" s="101">
        <v>5</v>
      </c>
      <c r="AK15" s="102">
        <v>7</v>
      </c>
      <c r="AL15" s="103">
        <v>12</v>
      </c>
      <c r="AM15" s="413">
        <v>0</v>
      </c>
      <c r="AN15" s="102">
        <v>7</v>
      </c>
      <c r="AO15" s="102">
        <v>12</v>
      </c>
      <c r="AP15" s="102">
        <v>6</v>
      </c>
      <c r="AQ15" s="102">
        <v>4</v>
      </c>
      <c r="AR15" s="102">
        <v>1</v>
      </c>
      <c r="AS15" s="103">
        <v>30</v>
      </c>
      <c r="AT15" s="104">
        <v>42</v>
      </c>
      <c r="AU15" s="101">
        <v>13</v>
      </c>
      <c r="AV15" s="102">
        <v>11</v>
      </c>
      <c r="AW15" s="103">
        <v>24</v>
      </c>
      <c r="AX15" s="413">
        <v>0</v>
      </c>
      <c r="AY15" s="102">
        <v>27</v>
      </c>
      <c r="AZ15" s="102">
        <v>12</v>
      </c>
      <c r="BA15" s="102">
        <v>6</v>
      </c>
      <c r="BB15" s="102">
        <v>7</v>
      </c>
      <c r="BC15" s="102">
        <v>4</v>
      </c>
      <c r="BD15" s="103">
        <v>56</v>
      </c>
      <c r="BE15" s="104">
        <v>80</v>
      </c>
      <c r="BF15" s="101">
        <v>39</v>
      </c>
      <c r="BG15" s="102">
        <v>24</v>
      </c>
      <c r="BH15" s="103">
        <v>63</v>
      </c>
      <c r="BI15" s="413">
        <v>0</v>
      </c>
      <c r="BJ15" s="102">
        <v>39</v>
      </c>
      <c r="BK15" s="102">
        <v>22</v>
      </c>
      <c r="BL15" s="102">
        <v>20</v>
      </c>
      <c r="BM15" s="102">
        <v>18</v>
      </c>
      <c r="BN15" s="102">
        <v>6</v>
      </c>
      <c r="BO15" s="103">
        <v>105</v>
      </c>
      <c r="BP15" s="104">
        <v>168</v>
      </c>
      <c r="BQ15" s="101">
        <v>31</v>
      </c>
      <c r="BR15" s="102">
        <v>26</v>
      </c>
      <c r="BS15" s="103">
        <v>57</v>
      </c>
      <c r="BT15" s="413">
        <v>0</v>
      </c>
      <c r="BU15" s="102">
        <v>63</v>
      </c>
      <c r="BV15" s="102">
        <v>41</v>
      </c>
      <c r="BW15" s="102">
        <v>27</v>
      </c>
      <c r="BX15" s="102">
        <v>23</v>
      </c>
      <c r="BY15" s="102">
        <v>6</v>
      </c>
      <c r="BZ15" s="103">
        <v>160</v>
      </c>
      <c r="CA15" s="104">
        <v>217</v>
      </c>
      <c r="CB15" s="101">
        <v>0</v>
      </c>
      <c r="CC15" s="102">
        <v>0</v>
      </c>
      <c r="CD15" s="103">
        <v>0</v>
      </c>
      <c r="CE15" s="413">
        <v>0</v>
      </c>
      <c r="CF15" s="102">
        <v>0</v>
      </c>
      <c r="CG15" s="102">
        <v>0</v>
      </c>
      <c r="CH15" s="102">
        <v>0</v>
      </c>
      <c r="CI15" s="102">
        <v>0</v>
      </c>
      <c r="CJ15" s="102">
        <v>0</v>
      </c>
      <c r="CK15" s="103">
        <v>0</v>
      </c>
      <c r="CL15" s="104">
        <v>0</v>
      </c>
      <c r="CM15" s="101">
        <v>90</v>
      </c>
      <c r="CN15" s="102">
        <v>72</v>
      </c>
      <c r="CO15" s="103">
        <v>162</v>
      </c>
      <c r="CP15" s="413">
        <v>0</v>
      </c>
      <c r="CQ15" s="102">
        <v>146</v>
      </c>
      <c r="CR15" s="102">
        <v>92</v>
      </c>
      <c r="CS15" s="102">
        <v>64</v>
      </c>
      <c r="CT15" s="102">
        <v>59</v>
      </c>
      <c r="CU15" s="102">
        <v>19</v>
      </c>
      <c r="CV15" s="103">
        <v>380</v>
      </c>
      <c r="CW15" s="104">
        <v>542</v>
      </c>
      <c r="CX15" s="105">
        <v>12</v>
      </c>
      <c r="CY15" s="97">
        <v>13</v>
      </c>
      <c r="CZ15" s="98">
        <v>25</v>
      </c>
      <c r="DA15" s="413">
        <v>0</v>
      </c>
      <c r="DB15" s="97">
        <v>23</v>
      </c>
      <c r="DC15" s="97">
        <v>16</v>
      </c>
      <c r="DD15" s="97">
        <v>14</v>
      </c>
      <c r="DE15" s="97">
        <v>13</v>
      </c>
      <c r="DF15" s="97">
        <v>12</v>
      </c>
      <c r="DG15" s="99">
        <v>78</v>
      </c>
      <c r="DH15" s="100">
        <v>103</v>
      </c>
      <c r="DI15" s="101">
        <v>2</v>
      </c>
      <c r="DJ15" s="102">
        <v>0</v>
      </c>
      <c r="DK15" s="103">
        <v>2</v>
      </c>
      <c r="DL15" s="413">
        <v>0</v>
      </c>
      <c r="DM15" s="102">
        <v>1</v>
      </c>
      <c r="DN15" s="102">
        <v>0</v>
      </c>
      <c r="DO15" s="102">
        <v>0</v>
      </c>
      <c r="DP15" s="102">
        <v>0</v>
      </c>
      <c r="DQ15" s="102">
        <v>0</v>
      </c>
      <c r="DR15" s="103">
        <v>1</v>
      </c>
      <c r="DS15" s="104">
        <v>3</v>
      </c>
      <c r="DT15" s="101">
        <v>0</v>
      </c>
      <c r="DU15" s="102">
        <v>1</v>
      </c>
      <c r="DV15" s="103">
        <v>1</v>
      </c>
      <c r="DW15" s="413">
        <v>0</v>
      </c>
      <c r="DX15" s="102">
        <v>2</v>
      </c>
      <c r="DY15" s="102">
        <v>0</v>
      </c>
      <c r="DZ15" s="102">
        <v>0</v>
      </c>
      <c r="EA15" s="102">
        <v>0</v>
      </c>
      <c r="EB15" s="102">
        <v>1</v>
      </c>
      <c r="EC15" s="103">
        <v>3</v>
      </c>
      <c r="ED15" s="104">
        <v>4</v>
      </c>
      <c r="EE15" s="101">
        <v>2</v>
      </c>
      <c r="EF15" s="102">
        <v>1</v>
      </c>
      <c r="EG15" s="103">
        <v>3</v>
      </c>
      <c r="EH15" s="413">
        <v>0</v>
      </c>
      <c r="EI15" s="102">
        <v>1</v>
      </c>
      <c r="EJ15" s="102">
        <v>2</v>
      </c>
      <c r="EK15" s="102">
        <v>1</v>
      </c>
      <c r="EL15" s="102">
        <v>0</v>
      </c>
      <c r="EM15" s="102">
        <v>2</v>
      </c>
      <c r="EN15" s="103">
        <v>6</v>
      </c>
      <c r="EO15" s="104">
        <v>9</v>
      </c>
      <c r="EP15" s="101">
        <v>3</v>
      </c>
      <c r="EQ15" s="102">
        <v>2</v>
      </c>
      <c r="ER15" s="103">
        <v>5</v>
      </c>
      <c r="ES15" s="413">
        <v>0</v>
      </c>
      <c r="ET15" s="102">
        <v>4</v>
      </c>
      <c r="EU15" s="102">
        <v>4</v>
      </c>
      <c r="EV15" s="102">
        <v>1</v>
      </c>
      <c r="EW15" s="102">
        <v>1</v>
      </c>
      <c r="EX15" s="102">
        <v>1</v>
      </c>
      <c r="EY15" s="103">
        <v>11</v>
      </c>
      <c r="EZ15" s="104">
        <v>16</v>
      </c>
      <c r="FA15" s="101">
        <v>3</v>
      </c>
      <c r="FB15" s="102">
        <v>5</v>
      </c>
      <c r="FC15" s="103">
        <v>8</v>
      </c>
      <c r="FD15" s="413">
        <v>0</v>
      </c>
      <c r="FE15" s="102">
        <v>8</v>
      </c>
      <c r="FF15" s="102">
        <v>3</v>
      </c>
      <c r="FG15" s="102">
        <v>3</v>
      </c>
      <c r="FH15" s="102">
        <v>5</v>
      </c>
      <c r="FI15" s="102">
        <v>3</v>
      </c>
      <c r="FJ15" s="103">
        <v>22</v>
      </c>
      <c r="FK15" s="104">
        <v>30</v>
      </c>
      <c r="FL15" s="101">
        <v>2</v>
      </c>
      <c r="FM15" s="102">
        <v>4</v>
      </c>
      <c r="FN15" s="103">
        <v>6</v>
      </c>
      <c r="FO15" s="413">
        <v>0</v>
      </c>
      <c r="FP15" s="102">
        <v>7</v>
      </c>
      <c r="FQ15" s="102">
        <v>7</v>
      </c>
      <c r="FR15" s="102">
        <v>9</v>
      </c>
      <c r="FS15" s="102">
        <v>7</v>
      </c>
      <c r="FT15" s="102">
        <v>5</v>
      </c>
      <c r="FU15" s="103">
        <v>35</v>
      </c>
      <c r="FV15" s="104">
        <v>41</v>
      </c>
      <c r="FW15" s="101">
        <v>0</v>
      </c>
      <c r="FX15" s="102">
        <v>0</v>
      </c>
      <c r="FY15" s="103">
        <v>0</v>
      </c>
      <c r="FZ15" s="413">
        <v>0</v>
      </c>
      <c r="GA15" s="102">
        <v>0</v>
      </c>
      <c r="GB15" s="102">
        <v>0</v>
      </c>
      <c r="GC15" s="102">
        <v>0</v>
      </c>
      <c r="GD15" s="102">
        <v>0</v>
      </c>
      <c r="GE15" s="102">
        <v>0</v>
      </c>
      <c r="GF15" s="103">
        <v>0</v>
      </c>
      <c r="GG15" s="104">
        <v>0</v>
      </c>
      <c r="GH15" s="101">
        <v>12</v>
      </c>
      <c r="GI15" s="102">
        <v>13</v>
      </c>
      <c r="GJ15" s="103">
        <v>25</v>
      </c>
      <c r="GK15" s="413">
        <v>0</v>
      </c>
      <c r="GL15" s="102">
        <v>23</v>
      </c>
      <c r="GM15" s="102">
        <v>16</v>
      </c>
      <c r="GN15" s="102">
        <v>14</v>
      </c>
      <c r="GO15" s="102">
        <v>13</v>
      </c>
      <c r="GP15" s="102">
        <v>12</v>
      </c>
      <c r="GQ15" s="103">
        <v>78</v>
      </c>
      <c r="GR15" s="104">
        <v>103</v>
      </c>
      <c r="GS15" s="105">
        <v>102</v>
      </c>
      <c r="GT15" s="97">
        <v>85</v>
      </c>
      <c r="GU15" s="98">
        <v>187</v>
      </c>
      <c r="GV15" s="413">
        <v>0</v>
      </c>
      <c r="GW15" s="97">
        <v>169</v>
      </c>
      <c r="GX15" s="97">
        <v>108</v>
      </c>
      <c r="GY15" s="97">
        <v>78</v>
      </c>
      <c r="GZ15" s="97">
        <v>72</v>
      </c>
      <c r="HA15" s="97">
        <v>31</v>
      </c>
      <c r="HB15" s="99">
        <v>458</v>
      </c>
      <c r="HC15" s="100">
        <v>645</v>
      </c>
      <c r="HD15" s="101">
        <v>2</v>
      </c>
      <c r="HE15" s="102">
        <v>1</v>
      </c>
      <c r="HF15" s="103">
        <v>3</v>
      </c>
      <c r="HG15" s="413">
        <v>0</v>
      </c>
      <c r="HH15" s="102">
        <v>2</v>
      </c>
      <c r="HI15" s="102">
        <v>0</v>
      </c>
      <c r="HJ15" s="102">
        <v>1</v>
      </c>
      <c r="HK15" s="102">
        <v>0</v>
      </c>
      <c r="HL15" s="102">
        <v>0</v>
      </c>
      <c r="HM15" s="103">
        <v>3</v>
      </c>
      <c r="HN15" s="104">
        <v>6</v>
      </c>
      <c r="HO15" s="101">
        <v>2</v>
      </c>
      <c r="HP15" s="102">
        <v>4</v>
      </c>
      <c r="HQ15" s="103">
        <v>6</v>
      </c>
      <c r="HR15" s="413">
        <v>0</v>
      </c>
      <c r="HS15" s="102">
        <v>11</v>
      </c>
      <c r="HT15" s="102">
        <v>5</v>
      </c>
      <c r="HU15" s="102">
        <v>4</v>
      </c>
      <c r="HV15" s="102">
        <v>7</v>
      </c>
      <c r="HW15" s="102">
        <v>3</v>
      </c>
      <c r="HX15" s="103">
        <v>30</v>
      </c>
      <c r="HY15" s="104">
        <v>36</v>
      </c>
      <c r="HZ15" s="101">
        <v>7</v>
      </c>
      <c r="IA15" s="102">
        <v>8</v>
      </c>
      <c r="IB15" s="103">
        <v>15</v>
      </c>
      <c r="IC15" s="413">
        <v>0</v>
      </c>
      <c r="ID15" s="102">
        <v>8</v>
      </c>
      <c r="IE15" s="102">
        <v>14</v>
      </c>
      <c r="IF15" s="102">
        <v>7</v>
      </c>
      <c r="IG15" s="102">
        <v>4</v>
      </c>
      <c r="IH15" s="102">
        <v>3</v>
      </c>
      <c r="II15" s="103">
        <v>36</v>
      </c>
      <c r="IJ15" s="104">
        <v>51</v>
      </c>
      <c r="IK15" s="101">
        <v>16</v>
      </c>
      <c r="IL15" s="102">
        <v>13</v>
      </c>
      <c r="IM15" s="103">
        <v>29</v>
      </c>
      <c r="IN15" s="413">
        <v>0</v>
      </c>
      <c r="IO15" s="102">
        <v>31</v>
      </c>
      <c r="IP15" s="102">
        <v>16</v>
      </c>
      <c r="IQ15" s="102">
        <v>7</v>
      </c>
      <c r="IR15" s="102">
        <v>8</v>
      </c>
      <c r="IS15" s="102">
        <v>5</v>
      </c>
      <c r="IT15" s="103">
        <v>67</v>
      </c>
      <c r="IU15" s="104">
        <v>96</v>
      </c>
      <c r="IV15" s="101">
        <v>42</v>
      </c>
      <c r="IW15" s="102">
        <v>29</v>
      </c>
      <c r="IX15" s="103">
        <v>71</v>
      </c>
      <c r="IY15" s="413">
        <v>0</v>
      </c>
      <c r="IZ15" s="102">
        <v>47</v>
      </c>
      <c r="JA15" s="102">
        <v>25</v>
      </c>
      <c r="JB15" s="102">
        <v>23</v>
      </c>
      <c r="JC15" s="102">
        <v>23</v>
      </c>
      <c r="JD15" s="102">
        <v>9</v>
      </c>
      <c r="JE15" s="103">
        <v>127</v>
      </c>
      <c r="JF15" s="104">
        <v>198</v>
      </c>
      <c r="JG15" s="101">
        <v>33</v>
      </c>
      <c r="JH15" s="102">
        <v>30</v>
      </c>
      <c r="JI15" s="103">
        <v>63</v>
      </c>
      <c r="JJ15" s="413">
        <v>0</v>
      </c>
      <c r="JK15" s="102">
        <v>70</v>
      </c>
      <c r="JL15" s="102">
        <v>48</v>
      </c>
      <c r="JM15" s="102">
        <v>36</v>
      </c>
      <c r="JN15" s="102">
        <v>30</v>
      </c>
      <c r="JO15" s="102">
        <v>11</v>
      </c>
      <c r="JP15" s="103">
        <v>195</v>
      </c>
      <c r="JQ15" s="104">
        <v>258</v>
      </c>
      <c r="JR15" s="101">
        <v>0</v>
      </c>
      <c r="JS15" s="102">
        <v>0</v>
      </c>
      <c r="JT15" s="103">
        <v>0</v>
      </c>
      <c r="JU15" s="413">
        <v>0</v>
      </c>
      <c r="JV15" s="102">
        <v>0</v>
      </c>
      <c r="JW15" s="102">
        <v>0</v>
      </c>
      <c r="JX15" s="102">
        <v>0</v>
      </c>
      <c r="JY15" s="102">
        <v>0</v>
      </c>
      <c r="JZ15" s="102">
        <v>0</v>
      </c>
      <c r="KA15" s="103">
        <v>0</v>
      </c>
      <c r="KB15" s="104">
        <v>0</v>
      </c>
      <c r="KC15" s="101">
        <v>102</v>
      </c>
      <c r="KD15" s="102">
        <v>85</v>
      </c>
      <c r="KE15" s="103">
        <v>187</v>
      </c>
      <c r="KF15" s="413">
        <v>0</v>
      </c>
      <c r="KG15" s="102">
        <v>169</v>
      </c>
      <c r="KH15" s="102">
        <v>108</v>
      </c>
      <c r="KI15" s="102">
        <v>78</v>
      </c>
      <c r="KJ15" s="102">
        <v>72</v>
      </c>
      <c r="KK15" s="102">
        <v>31</v>
      </c>
      <c r="KL15" s="103">
        <v>458</v>
      </c>
      <c r="KM15" s="104">
        <v>645</v>
      </c>
    </row>
    <row r="16" spans="2:299" s="70" customFormat="1" ht="21" customHeight="1" x14ac:dyDescent="0.2">
      <c r="B16" s="106" t="s">
        <v>12</v>
      </c>
      <c r="C16" s="96">
        <v>184</v>
      </c>
      <c r="D16" s="97">
        <v>153</v>
      </c>
      <c r="E16" s="98">
        <v>337</v>
      </c>
      <c r="F16" s="413">
        <v>0</v>
      </c>
      <c r="G16" s="97">
        <v>173</v>
      </c>
      <c r="H16" s="97">
        <v>157</v>
      </c>
      <c r="I16" s="97">
        <v>87</v>
      </c>
      <c r="J16" s="97">
        <v>90</v>
      </c>
      <c r="K16" s="97">
        <v>30</v>
      </c>
      <c r="L16" s="99">
        <v>537</v>
      </c>
      <c r="M16" s="100">
        <v>874</v>
      </c>
      <c r="N16" s="107">
        <v>7</v>
      </c>
      <c r="O16" s="102">
        <v>1</v>
      </c>
      <c r="P16" s="103">
        <v>8</v>
      </c>
      <c r="Q16" s="413">
        <v>0</v>
      </c>
      <c r="R16" s="102">
        <v>0</v>
      </c>
      <c r="S16" s="102">
        <v>5</v>
      </c>
      <c r="T16" s="102">
        <v>0</v>
      </c>
      <c r="U16" s="102">
        <v>2</v>
      </c>
      <c r="V16" s="102">
        <v>1</v>
      </c>
      <c r="W16" s="103">
        <v>8</v>
      </c>
      <c r="X16" s="104">
        <v>16</v>
      </c>
      <c r="Y16" s="101">
        <v>11</v>
      </c>
      <c r="Z16" s="102">
        <v>8</v>
      </c>
      <c r="AA16" s="103">
        <v>19</v>
      </c>
      <c r="AB16" s="413">
        <v>0</v>
      </c>
      <c r="AC16" s="102">
        <v>3</v>
      </c>
      <c r="AD16" s="102">
        <v>4</v>
      </c>
      <c r="AE16" s="102">
        <v>4</v>
      </c>
      <c r="AF16" s="102">
        <v>1</v>
      </c>
      <c r="AG16" s="102">
        <v>0</v>
      </c>
      <c r="AH16" s="103">
        <v>12</v>
      </c>
      <c r="AI16" s="104">
        <v>31</v>
      </c>
      <c r="AJ16" s="107">
        <v>12</v>
      </c>
      <c r="AK16" s="102">
        <v>14</v>
      </c>
      <c r="AL16" s="103">
        <v>26</v>
      </c>
      <c r="AM16" s="413">
        <v>0</v>
      </c>
      <c r="AN16" s="102">
        <v>17</v>
      </c>
      <c r="AO16" s="102">
        <v>11</v>
      </c>
      <c r="AP16" s="102">
        <v>10</v>
      </c>
      <c r="AQ16" s="102">
        <v>10</v>
      </c>
      <c r="AR16" s="102">
        <v>3</v>
      </c>
      <c r="AS16" s="103">
        <v>51</v>
      </c>
      <c r="AT16" s="104">
        <v>77</v>
      </c>
      <c r="AU16" s="101">
        <v>36</v>
      </c>
      <c r="AV16" s="102">
        <v>28</v>
      </c>
      <c r="AW16" s="103">
        <v>64</v>
      </c>
      <c r="AX16" s="413">
        <v>0</v>
      </c>
      <c r="AY16" s="102">
        <v>27</v>
      </c>
      <c r="AZ16" s="102">
        <v>32</v>
      </c>
      <c r="BA16" s="102">
        <v>16</v>
      </c>
      <c r="BB16" s="102">
        <v>13</v>
      </c>
      <c r="BC16" s="102">
        <v>8</v>
      </c>
      <c r="BD16" s="103">
        <v>96</v>
      </c>
      <c r="BE16" s="104">
        <v>160</v>
      </c>
      <c r="BF16" s="107">
        <v>69</v>
      </c>
      <c r="BG16" s="102">
        <v>53</v>
      </c>
      <c r="BH16" s="103">
        <v>122</v>
      </c>
      <c r="BI16" s="413">
        <v>0</v>
      </c>
      <c r="BJ16" s="102">
        <v>68</v>
      </c>
      <c r="BK16" s="102">
        <v>39</v>
      </c>
      <c r="BL16" s="102">
        <v>21</v>
      </c>
      <c r="BM16" s="102">
        <v>21</v>
      </c>
      <c r="BN16" s="102">
        <v>8</v>
      </c>
      <c r="BO16" s="103">
        <v>157</v>
      </c>
      <c r="BP16" s="104">
        <v>279</v>
      </c>
      <c r="BQ16" s="101">
        <v>49</v>
      </c>
      <c r="BR16" s="102">
        <v>49</v>
      </c>
      <c r="BS16" s="103">
        <v>98</v>
      </c>
      <c r="BT16" s="413">
        <v>0</v>
      </c>
      <c r="BU16" s="102">
        <v>58</v>
      </c>
      <c r="BV16" s="102">
        <v>66</v>
      </c>
      <c r="BW16" s="102">
        <v>36</v>
      </c>
      <c r="BX16" s="102">
        <v>43</v>
      </c>
      <c r="BY16" s="102">
        <v>10</v>
      </c>
      <c r="BZ16" s="103">
        <v>213</v>
      </c>
      <c r="CA16" s="104">
        <v>311</v>
      </c>
      <c r="CB16" s="101">
        <v>0</v>
      </c>
      <c r="CC16" s="102">
        <v>0</v>
      </c>
      <c r="CD16" s="103">
        <v>0</v>
      </c>
      <c r="CE16" s="413">
        <v>0</v>
      </c>
      <c r="CF16" s="102">
        <v>0</v>
      </c>
      <c r="CG16" s="102">
        <v>0</v>
      </c>
      <c r="CH16" s="102">
        <v>0</v>
      </c>
      <c r="CI16" s="102">
        <v>0</v>
      </c>
      <c r="CJ16" s="102">
        <v>0</v>
      </c>
      <c r="CK16" s="103">
        <v>0</v>
      </c>
      <c r="CL16" s="104">
        <v>0</v>
      </c>
      <c r="CM16" s="101">
        <v>184</v>
      </c>
      <c r="CN16" s="102">
        <v>153</v>
      </c>
      <c r="CO16" s="103">
        <v>337</v>
      </c>
      <c r="CP16" s="413">
        <v>0</v>
      </c>
      <c r="CQ16" s="102">
        <v>173</v>
      </c>
      <c r="CR16" s="102">
        <v>157</v>
      </c>
      <c r="CS16" s="102">
        <v>87</v>
      </c>
      <c r="CT16" s="102">
        <v>90</v>
      </c>
      <c r="CU16" s="102">
        <v>30</v>
      </c>
      <c r="CV16" s="103">
        <v>537</v>
      </c>
      <c r="CW16" s="104">
        <v>874</v>
      </c>
      <c r="CX16" s="105">
        <v>24</v>
      </c>
      <c r="CY16" s="97">
        <v>21</v>
      </c>
      <c r="CZ16" s="98">
        <v>45</v>
      </c>
      <c r="DA16" s="413">
        <v>0</v>
      </c>
      <c r="DB16" s="97">
        <v>21</v>
      </c>
      <c r="DC16" s="97">
        <v>21</v>
      </c>
      <c r="DD16" s="97">
        <v>12</v>
      </c>
      <c r="DE16" s="97">
        <v>14</v>
      </c>
      <c r="DF16" s="97">
        <v>9</v>
      </c>
      <c r="DG16" s="99">
        <v>77</v>
      </c>
      <c r="DH16" s="100">
        <v>122</v>
      </c>
      <c r="DI16" s="107">
        <v>0</v>
      </c>
      <c r="DJ16" s="102">
        <v>0</v>
      </c>
      <c r="DK16" s="103">
        <v>0</v>
      </c>
      <c r="DL16" s="413">
        <v>0</v>
      </c>
      <c r="DM16" s="102">
        <v>0</v>
      </c>
      <c r="DN16" s="102">
        <v>0</v>
      </c>
      <c r="DO16" s="102">
        <v>1</v>
      </c>
      <c r="DP16" s="102">
        <v>1</v>
      </c>
      <c r="DQ16" s="102">
        <v>0</v>
      </c>
      <c r="DR16" s="103">
        <v>2</v>
      </c>
      <c r="DS16" s="104">
        <v>2</v>
      </c>
      <c r="DT16" s="101">
        <v>1</v>
      </c>
      <c r="DU16" s="102">
        <v>1</v>
      </c>
      <c r="DV16" s="103">
        <v>2</v>
      </c>
      <c r="DW16" s="413">
        <v>0</v>
      </c>
      <c r="DX16" s="102">
        <v>1</v>
      </c>
      <c r="DY16" s="102">
        <v>2</v>
      </c>
      <c r="DZ16" s="102">
        <v>0</v>
      </c>
      <c r="EA16" s="102">
        <v>0</v>
      </c>
      <c r="EB16" s="102">
        <v>0</v>
      </c>
      <c r="EC16" s="103">
        <v>3</v>
      </c>
      <c r="ED16" s="104">
        <v>5</v>
      </c>
      <c r="EE16" s="107">
        <v>2</v>
      </c>
      <c r="EF16" s="102">
        <v>4</v>
      </c>
      <c r="EG16" s="103">
        <v>6</v>
      </c>
      <c r="EH16" s="413">
        <v>0</v>
      </c>
      <c r="EI16" s="102">
        <v>1</v>
      </c>
      <c r="EJ16" s="102">
        <v>2</v>
      </c>
      <c r="EK16" s="102">
        <v>0</v>
      </c>
      <c r="EL16" s="102">
        <v>2</v>
      </c>
      <c r="EM16" s="102">
        <v>0</v>
      </c>
      <c r="EN16" s="103">
        <v>5</v>
      </c>
      <c r="EO16" s="104">
        <v>11</v>
      </c>
      <c r="EP16" s="101">
        <v>5</v>
      </c>
      <c r="EQ16" s="102">
        <v>3</v>
      </c>
      <c r="ER16" s="103">
        <v>8</v>
      </c>
      <c r="ES16" s="413">
        <v>0</v>
      </c>
      <c r="ET16" s="102">
        <v>5</v>
      </c>
      <c r="EU16" s="102">
        <v>1</v>
      </c>
      <c r="EV16" s="102">
        <v>1</v>
      </c>
      <c r="EW16" s="102">
        <v>1</v>
      </c>
      <c r="EX16" s="102">
        <v>0</v>
      </c>
      <c r="EY16" s="103">
        <v>8</v>
      </c>
      <c r="EZ16" s="104">
        <v>16</v>
      </c>
      <c r="FA16" s="107">
        <v>6</v>
      </c>
      <c r="FB16" s="102">
        <v>9</v>
      </c>
      <c r="FC16" s="103">
        <v>15</v>
      </c>
      <c r="FD16" s="413">
        <v>0</v>
      </c>
      <c r="FE16" s="102">
        <v>8</v>
      </c>
      <c r="FF16" s="102">
        <v>6</v>
      </c>
      <c r="FG16" s="102">
        <v>1</v>
      </c>
      <c r="FH16" s="102">
        <v>4</v>
      </c>
      <c r="FI16" s="102">
        <v>3</v>
      </c>
      <c r="FJ16" s="103">
        <v>22</v>
      </c>
      <c r="FK16" s="104">
        <v>37</v>
      </c>
      <c r="FL16" s="101">
        <v>10</v>
      </c>
      <c r="FM16" s="102">
        <v>4</v>
      </c>
      <c r="FN16" s="103">
        <v>14</v>
      </c>
      <c r="FO16" s="413">
        <v>0</v>
      </c>
      <c r="FP16" s="102">
        <v>6</v>
      </c>
      <c r="FQ16" s="102">
        <v>10</v>
      </c>
      <c r="FR16" s="102">
        <v>9</v>
      </c>
      <c r="FS16" s="102">
        <v>6</v>
      </c>
      <c r="FT16" s="102">
        <v>6</v>
      </c>
      <c r="FU16" s="103">
        <v>37</v>
      </c>
      <c r="FV16" s="104">
        <v>51</v>
      </c>
      <c r="FW16" s="101">
        <v>0</v>
      </c>
      <c r="FX16" s="102">
        <v>0</v>
      </c>
      <c r="FY16" s="103">
        <v>0</v>
      </c>
      <c r="FZ16" s="413">
        <v>0</v>
      </c>
      <c r="GA16" s="102">
        <v>0</v>
      </c>
      <c r="GB16" s="102">
        <v>0</v>
      </c>
      <c r="GC16" s="102">
        <v>0</v>
      </c>
      <c r="GD16" s="102">
        <v>0</v>
      </c>
      <c r="GE16" s="102">
        <v>0</v>
      </c>
      <c r="GF16" s="103">
        <v>0</v>
      </c>
      <c r="GG16" s="104">
        <v>0</v>
      </c>
      <c r="GH16" s="101">
        <v>24</v>
      </c>
      <c r="GI16" s="102">
        <v>21</v>
      </c>
      <c r="GJ16" s="103">
        <v>45</v>
      </c>
      <c r="GK16" s="413">
        <v>0</v>
      </c>
      <c r="GL16" s="102">
        <v>21</v>
      </c>
      <c r="GM16" s="102">
        <v>21</v>
      </c>
      <c r="GN16" s="102">
        <v>12</v>
      </c>
      <c r="GO16" s="102">
        <v>14</v>
      </c>
      <c r="GP16" s="102">
        <v>9</v>
      </c>
      <c r="GQ16" s="103">
        <v>77</v>
      </c>
      <c r="GR16" s="104">
        <v>122</v>
      </c>
      <c r="GS16" s="105">
        <v>208</v>
      </c>
      <c r="GT16" s="97">
        <v>174</v>
      </c>
      <c r="GU16" s="98">
        <v>382</v>
      </c>
      <c r="GV16" s="413">
        <v>0</v>
      </c>
      <c r="GW16" s="97">
        <v>194</v>
      </c>
      <c r="GX16" s="97">
        <v>178</v>
      </c>
      <c r="GY16" s="97">
        <v>99</v>
      </c>
      <c r="GZ16" s="97">
        <v>104</v>
      </c>
      <c r="HA16" s="97">
        <v>39</v>
      </c>
      <c r="HB16" s="99">
        <v>614</v>
      </c>
      <c r="HC16" s="100">
        <v>996</v>
      </c>
      <c r="HD16" s="107">
        <v>7</v>
      </c>
      <c r="HE16" s="102">
        <v>1</v>
      </c>
      <c r="HF16" s="103">
        <v>8</v>
      </c>
      <c r="HG16" s="413">
        <v>0</v>
      </c>
      <c r="HH16" s="102">
        <v>0</v>
      </c>
      <c r="HI16" s="102">
        <v>5</v>
      </c>
      <c r="HJ16" s="102">
        <v>1</v>
      </c>
      <c r="HK16" s="102">
        <v>3</v>
      </c>
      <c r="HL16" s="102">
        <v>1</v>
      </c>
      <c r="HM16" s="103">
        <v>10</v>
      </c>
      <c r="HN16" s="104">
        <v>18</v>
      </c>
      <c r="HO16" s="101">
        <v>12</v>
      </c>
      <c r="HP16" s="102">
        <v>9</v>
      </c>
      <c r="HQ16" s="103">
        <v>21</v>
      </c>
      <c r="HR16" s="413">
        <v>0</v>
      </c>
      <c r="HS16" s="102">
        <v>4</v>
      </c>
      <c r="HT16" s="102">
        <v>6</v>
      </c>
      <c r="HU16" s="102">
        <v>4</v>
      </c>
      <c r="HV16" s="102">
        <v>1</v>
      </c>
      <c r="HW16" s="102">
        <v>0</v>
      </c>
      <c r="HX16" s="103">
        <v>15</v>
      </c>
      <c r="HY16" s="104">
        <v>36</v>
      </c>
      <c r="HZ16" s="107">
        <v>14</v>
      </c>
      <c r="IA16" s="102">
        <v>18</v>
      </c>
      <c r="IB16" s="103">
        <v>32</v>
      </c>
      <c r="IC16" s="413">
        <v>0</v>
      </c>
      <c r="ID16" s="102">
        <v>18</v>
      </c>
      <c r="IE16" s="102">
        <v>13</v>
      </c>
      <c r="IF16" s="102">
        <v>10</v>
      </c>
      <c r="IG16" s="102">
        <v>12</v>
      </c>
      <c r="IH16" s="102">
        <v>3</v>
      </c>
      <c r="II16" s="103">
        <v>56</v>
      </c>
      <c r="IJ16" s="104">
        <v>88</v>
      </c>
      <c r="IK16" s="101">
        <v>41</v>
      </c>
      <c r="IL16" s="102">
        <v>31</v>
      </c>
      <c r="IM16" s="103">
        <v>72</v>
      </c>
      <c r="IN16" s="413">
        <v>0</v>
      </c>
      <c r="IO16" s="102">
        <v>32</v>
      </c>
      <c r="IP16" s="102">
        <v>33</v>
      </c>
      <c r="IQ16" s="102">
        <v>17</v>
      </c>
      <c r="IR16" s="102">
        <v>14</v>
      </c>
      <c r="IS16" s="102">
        <v>8</v>
      </c>
      <c r="IT16" s="103">
        <v>104</v>
      </c>
      <c r="IU16" s="104">
        <v>176</v>
      </c>
      <c r="IV16" s="107">
        <v>75</v>
      </c>
      <c r="IW16" s="102">
        <v>62</v>
      </c>
      <c r="IX16" s="103">
        <v>137</v>
      </c>
      <c r="IY16" s="413">
        <v>0</v>
      </c>
      <c r="IZ16" s="102">
        <v>76</v>
      </c>
      <c r="JA16" s="102">
        <v>45</v>
      </c>
      <c r="JB16" s="102">
        <v>22</v>
      </c>
      <c r="JC16" s="102">
        <v>25</v>
      </c>
      <c r="JD16" s="102">
        <v>11</v>
      </c>
      <c r="JE16" s="103">
        <v>179</v>
      </c>
      <c r="JF16" s="104">
        <v>316</v>
      </c>
      <c r="JG16" s="101">
        <v>59</v>
      </c>
      <c r="JH16" s="102">
        <v>53</v>
      </c>
      <c r="JI16" s="103">
        <v>112</v>
      </c>
      <c r="JJ16" s="413">
        <v>0</v>
      </c>
      <c r="JK16" s="102">
        <v>64</v>
      </c>
      <c r="JL16" s="102">
        <v>76</v>
      </c>
      <c r="JM16" s="102">
        <v>45</v>
      </c>
      <c r="JN16" s="102">
        <v>49</v>
      </c>
      <c r="JO16" s="102">
        <v>16</v>
      </c>
      <c r="JP16" s="103">
        <v>250</v>
      </c>
      <c r="JQ16" s="104">
        <v>362</v>
      </c>
      <c r="JR16" s="101">
        <v>0</v>
      </c>
      <c r="JS16" s="102">
        <v>0</v>
      </c>
      <c r="JT16" s="103">
        <v>0</v>
      </c>
      <c r="JU16" s="413">
        <v>0</v>
      </c>
      <c r="JV16" s="102">
        <v>0</v>
      </c>
      <c r="JW16" s="102">
        <v>0</v>
      </c>
      <c r="JX16" s="102">
        <v>0</v>
      </c>
      <c r="JY16" s="102">
        <v>0</v>
      </c>
      <c r="JZ16" s="102">
        <v>0</v>
      </c>
      <c r="KA16" s="103">
        <v>0</v>
      </c>
      <c r="KB16" s="104">
        <v>0</v>
      </c>
      <c r="KC16" s="101">
        <v>208</v>
      </c>
      <c r="KD16" s="102">
        <v>174</v>
      </c>
      <c r="KE16" s="103">
        <v>382</v>
      </c>
      <c r="KF16" s="413">
        <v>0</v>
      </c>
      <c r="KG16" s="102">
        <v>194</v>
      </c>
      <c r="KH16" s="102">
        <v>178</v>
      </c>
      <c r="KI16" s="102">
        <v>99</v>
      </c>
      <c r="KJ16" s="102">
        <v>104</v>
      </c>
      <c r="KK16" s="102">
        <v>39</v>
      </c>
      <c r="KL16" s="103">
        <v>614</v>
      </c>
      <c r="KM16" s="104">
        <v>996</v>
      </c>
    </row>
    <row r="17" spans="2:299" s="70" customFormat="1" ht="21" customHeight="1" x14ac:dyDescent="0.2">
      <c r="B17" s="106" t="s">
        <v>13</v>
      </c>
      <c r="C17" s="96">
        <v>49</v>
      </c>
      <c r="D17" s="97">
        <v>37</v>
      </c>
      <c r="E17" s="98">
        <v>86</v>
      </c>
      <c r="F17" s="413">
        <v>0</v>
      </c>
      <c r="G17" s="97">
        <v>75</v>
      </c>
      <c r="H17" s="97">
        <v>68</v>
      </c>
      <c r="I17" s="97">
        <v>41</v>
      </c>
      <c r="J17" s="97">
        <v>36</v>
      </c>
      <c r="K17" s="97">
        <v>24</v>
      </c>
      <c r="L17" s="99">
        <v>244</v>
      </c>
      <c r="M17" s="100">
        <v>330</v>
      </c>
      <c r="N17" s="101">
        <v>0</v>
      </c>
      <c r="O17" s="102">
        <v>0</v>
      </c>
      <c r="P17" s="103">
        <v>0</v>
      </c>
      <c r="Q17" s="413">
        <v>0</v>
      </c>
      <c r="R17" s="102">
        <v>3</v>
      </c>
      <c r="S17" s="102">
        <v>0</v>
      </c>
      <c r="T17" s="102">
        <v>0</v>
      </c>
      <c r="U17" s="102">
        <v>0</v>
      </c>
      <c r="V17" s="102">
        <v>0</v>
      </c>
      <c r="W17" s="103">
        <v>3</v>
      </c>
      <c r="X17" s="104">
        <v>3</v>
      </c>
      <c r="Y17" s="101">
        <v>0</v>
      </c>
      <c r="Z17" s="102">
        <v>0</v>
      </c>
      <c r="AA17" s="103">
        <v>0</v>
      </c>
      <c r="AB17" s="413">
        <v>0</v>
      </c>
      <c r="AC17" s="102">
        <v>1</v>
      </c>
      <c r="AD17" s="102">
        <v>0</v>
      </c>
      <c r="AE17" s="102">
        <v>1</v>
      </c>
      <c r="AF17" s="102">
        <v>2</v>
      </c>
      <c r="AG17" s="102">
        <v>1</v>
      </c>
      <c r="AH17" s="103">
        <v>5</v>
      </c>
      <c r="AI17" s="104">
        <v>5</v>
      </c>
      <c r="AJ17" s="101">
        <v>4</v>
      </c>
      <c r="AK17" s="102">
        <v>1</v>
      </c>
      <c r="AL17" s="103">
        <v>5</v>
      </c>
      <c r="AM17" s="413">
        <v>0</v>
      </c>
      <c r="AN17" s="102">
        <v>3</v>
      </c>
      <c r="AO17" s="102">
        <v>4</v>
      </c>
      <c r="AP17" s="102">
        <v>3</v>
      </c>
      <c r="AQ17" s="102">
        <v>1</v>
      </c>
      <c r="AR17" s="102">
        <v>1</v>
      </c>
      <c r="AS17" s="103">
        <v>12</v>
      </c>
      <c r="AT17" s="104">
        <v>17</v>
      </c>
      <c r="AU17" s="101">
        <v>9</v>
      </c>
      <c r="AV17" s="102">
        <v>6</v>
      </c>
      <c r="AW17" s="103">
        <v>15</v>
      </c>
      <c r="AX17" s="413">
        <v>0</v>
      </c>
      <c r="AY17" s="102">
        <v>11</v>
      </c>
      <c r="AZ17" s="102">
        <v>11</v>
      </c>
      <c r="BA17" s="102">
        <v>5</v>
      </c>
      <c r="BB17" s="102">
        <v>7</v>
      </c>
      <c r="BC17" s="102">
        <v>4</v>
      </c>
      <c r="BD17" s="103">
        <v>38</v>
      </c>
      <c r="BE17" s="104">
        <v>53</v>
      </c>
      <c r="BF17" s="101">
        <v>19</v>
      </c>
      <c r="BG17" s="102">
        <v>15</v>
      </c>
      <c r="BH17" s="103">
        <v>34</v>
      </c>
      <c r="BI17" s="413">
        <v>0</v>
      </c>
      <c r="BJ17" s="102">
        <v>24</v>
      </c>
      <c r="BK17" s="102">
        <v>23</v>
      </c>
      <c r="BL17" s="102">
        <v>12</v>
      </c>
      <c r="BM17" s="102">
        <v>13</v>
      </c>
      <c r="BN17" s="102">
        <v>6</v>
      </c>
      <c r="BO17" s="103">
        <v>78</v>
      </c>
      <c r="BP17" s="104">
        <v>112</v>
      </c>
      <c r="BQ17" s="101">
        <v>17</v>
      </c>
      <c r="BR17" s="102">
        <v>15</v>
      </c>
      <c r="BS17" s="103">
        <v>32</v>
      </c>
      <c r="BT17" s="413">
        <v>0</v>
      </c>
      <c r="BU17" s="102">
        <v>33</v>
      </c>
      <c r="BV17" s="102">
        <v>30</v>
      </c>
      <c r="BW17" s="102">
        <v>20</v>
      </c>
      <c r="BX17" s="102">
        <v>13</v>
      </c>
      <c r="BY17" s="102">
        <v>12</v>
      </c>
      <c r="BZ17" s="103">
        <v>108</v>
      </c>
      <c r="CA17" s="104">
        <v>140</v>
      </c>
      <c r="CB17" s="101">
        <v>0</v>
      </c>
      <c r="CC17" s="102">
        <v>0</v>
      </c>
      <c r="CD17" s="103">
        <v>0</v>
      </c>
      <c r="CE17" s="413">
        <v>0</v>
      </c>
      <c r="CF17" s="102">
        <v>0</v>
      </c>
      <c r="CG17" s="102">
        <v>0</v>
      </c>
      <c r="CH17" s="102">
        <v>0</v>
      </c>
      <c r="CI17" s="102">
        <v>0</v>
      </c>
      <c r="CJ17" s="102">
        <v>0</v>
      </c>
      <c r="CK17" s="103">
        <v>0</v>
      </c>
      <c r="CL17" s="104">
        <v>0</v>
      </c>
      <c r="CM17" s="101">
        <v>49</v>
      </c>
      <c r="CN17" s="102">
        <v>37</v>
      </c>
      <c r="CO17" s="103">
        <v>86</v>
      </c>
      <c r="CP17" s="413">
        <v>0</v>
      </c>
      <c r="CQ17" s="102">
        <v>75</v>
      </c>
      <c r="CR17" s="102">
        <v>68</v>
      </c>
      <c r="CS17" s="102">
        <v>41</v>
      </c>
      <c r="CT17" s="102">
        <v>36</v>
      </c>
      <c r="CU17" s="102">
        <v>24</v>
      </c>
      <c r="CV17" s="103">
        <v>244</v>
      </c>
      <c r="CW17" s="104">
        <v>330</v>
      </c>
      <c r="CX17" s="105">
        <v>7</v>
      </c>
      <c r="CY17" s="97">
        <v>6</v>
      </c>
      <c r="CZ17" s="98">
        <v>13</v>
      </c>
      <c r="DA17" s="413">
        <v>0</v>
      </c>
      <c r="DB17" s="97">
        <v>18</v>
      </c>
      <c r="DC17" s="97">
        <v>11</v>
      </c>
      <c r="DD17" s="97">
        <v>3</v>
      </c>
      <c r="DE17" s="97">
        <v>12</v>
      </c>
      <c r="DF17" s="97">
        <v>3</v>
      </c>
      <c r="DG17" s="99">
        <v>47</v>
      </c>
      <c r="DH17" s="100">
        <v>60</v>
      </c>
      <c r="DI17" s="101">
        <v>0</v>
      </c>
      <c r="DJ17" s="102">
        <v>0</v>
      </c>
      <c r="DK17" s="103">
        <v>0</v>
      </c>
      <c r="DL17" s="413">
        <v>0</v>
      </c>
      <c r="DM17" s="102">
        <v>0</v>
      </c>
      <c r="DN17" s="102">
        <v>0</v>
      </c>
      <c r="DO17" s="102">
        <v>0</v>
      </c>
      <c r="DP17" s="102">
        <v>0</v>
      </c>
      <c r="DQ17" s="102">
        <v>0</v>
      </c>
      <c r="DR17" s="103">
        <v>0</v>
      </c>
      <c r="DS17" s="104">
        <v>0</v>
      </c>
      <c r="DT17" s="101">
        <v>1</v>
      </c>
      <c r="DU17" s="102">
        <v>0</v>
      </c>
      <c r="DV17" s="103">
        <v>1</v>
      </c>
      <c r="DW17" s="413">
        <v>0</v>
      </c>
      <c r="DX17" s="102">
        <v>0</v>
      </c>
      <c r="DY17" s="102">
        <v>0</v>
      </c>
      <c r="DZ17" s="102">
        <v>0</v>
      </c>
      <c r="EA17" s="102">
        <v>0</v>
      </c>
      <c r="EB17" s="102">
        <v>0</v>
      </c>
      <c r="EC17" s="103">
        <v>0</v>
      </c>
      <c r="ED17" s="104">
        <v>1</v>
      </c>
      <c r="EE17" s="101">
        <v>0</v>
      </c>
      <c r="EF17" s="102">
        <v>1</v>
      </c>
      <c r="EG17" s="103">
        <v>1</v>
      </c>
      <c r="EH17" s="413">
        <v>0</v>
      </c>
      <c r="EI17" s="102">
        <v>1</v>
      </c>
      <c r="EJ17" s="102">
        <v>0</v>
      </c>
      <c r="EK17" s="102">
        <v>0</v>
      </c>
      <c r="EL17" s="102">
        <v>0</v>
      </c>
      <c r="EM17" s="102">
        <v>0</v>
      </c>
      <c r="EN17" s="103">
        <v>1</v>
      </c>
      <c r="EO17" s="104">
        <v>2</v>
      </c>
      <c r="EP17" s="101">
        <v>1</v>
      </c>
      <c r="EQ17" s="102">
        <v>2</v>
      </c>
      <c r="ER17" s="103">
        <v>3</v>
      </c>
      <c r="ES17" s="413">
        <v>0</v>
      </c>
      <c r="ET17" s="102">
        <v>3</v>
      </c>
      <c r="EU17" s="102">
        <v>3</v>
      </c>
      <c r="EV17" s="102">
        <v>2</v>
      </c>
      <c r="EW17" s="102">
        <v>2</v>
      </c>
      <c r="EX17" s="102">
        <v>1</v>
      </c>
      <c r="EY17" s="103">
        <v>11</v>
      </c>
      <c r="EZ17" s="104">
        <v>14</v>
      </c>
      <c r="FA17" s="101">
        <v>3</v>
      </c>
      <c r="FB17" s="102">
        <v>3</v>
      </c>
      <c r="FC17" s="103">
        <v>6</v>
      </c>
      <c r="FD17" s="413">
        <v>0</v>
      </c>
      <c r="FE17" s="102">
        <v>5</v>
      </c>
      <c r="FF17" s="102">
        <v>4</v>
      </c>
      <c r="FG17" s="102">
        <v>0</v>
      </c>
      <c r="FH17" s="102">
        <v>2</v>
      </c>
      <c r="FI17" s="102">
        <v>0</v>
      </c>
      <c r="FJ17" s="103">
        <v>11</v>
      </c>
      <c r="FK17" s="104">
        <v>17</v>
      </c>
      <c r="FL17" s="101">
        <v>2</v>
      </c>
      <c r="FM17" s="102">
        <v>0</v>
      </c>
      <c r="FN17" s="103">
        <v>2</v>
      </c>
      <c r="FO17" s="413">
        <v>0</v>
      </c>
      <c r="FP17" s="102">
        <v>9</v>
      </c>
      <c r="FQ17" s="102">
        <v>4</v>
      </c>
      <c r="FR17" s="102">
        <v>1</v>
      </c>
      <c r="FS17" s="102">
        <v>8</v>
      </c>
      <c r="FT17" s="102">
        <v>2</v>
      </c>
      <c r="FU17" s="103">
        <v>24</v>
      </c>
      <c r="FV17" s="104">
        <v>26</v>
      </c>
      <c r="FW17" s="101">
        <v>0</v>
      </c>
      <c r="FX17" s="102">
        <v>0</v>
      </c>
      <c r="FY17" s="103">
        <v>0</v>
      </c>
      <c r="FZ17" s="413">
        <v>0</v>
      </c>
      <c r="GA17" s="102">
        <v>0</v>
      </c>
      <c r="GB17" s="102">
        <v>0</v>
      </c>
      <c r="GC17" s="102">
        <v>0</v>
      </c>
      <c r="GD17" s="102">
        <v>0</v>
      </c>
      <c r="GE17" s="102">
        <v>0</v>
      </c>
      <c r="GF17" s="103">
        <v>0</v>
      </c>
      <c r="GG17" s="104">
        <v>0</v>
      </c>
      <c r="GH17" s="101">
        <v>7</v>
      </c>
      <c r="GI17" s="102">
        <v>6</v>
      </c>
      <c r="GJ17" s="103">
        <v>13</v>
      </c>
      <c r="GK17" s="413">
        <v>0</v>
      </c>
      <c r="GL17" s="102">
        <v>18</v>
      </c>
      <c r="GM17" s="102">
        <v>11</v>
      </c>
      <c r="GN17" s="102">
        <v>3</v>
      </c>
      <c r="GO17" s="102">
        <v>12</v>
      </c>
      <c r="GP17" s="102">
        <v>3</v>
      </c>
      <c r="GQ17" s="103">
        <v>47</v>
      </c>
      <c r="GR17" s="104">
        <v>60</v>
      </c>
      <c r="GS17" s="105">
        <v>56</v>
      </c>
      <c r="GT17" s="97">
        <v>43</v>
      </c>
      <c r="GU17" s="98">
        <v>99</v>
      </c>
      <c r="GV17" s="413">
        <v>0</v>
      </c>
      <c r="GW17" s="97">
        <v>93</v>
      </c>
      <c r="GX17" s="97">
        <v>79</v>
      </c>
      <c r="GY17" s="97">
        <v>44</v>
      </c>
      <c r="GZ17" s="97">
        <v>48</v>
      </c>
      <c r="HA17" s="97">
        <v>27</v>
      </c>
      <c r="HB17" s="99">
        <v>291</v>
      </c>
      <c r="HC17" s="100">
        <v>390</v>
      </c>
      <c r="HD17" s="101">
        <v>0</v>
      </c>
      <c r="HE17" s="102">
        <v>0</v>
      </c>
      <c r="HF17" s="103">
        <v>0</v>
      </c>
      <c r="HG17" s="413">
        <v>0</v>
      </c>
      <c r="HH17" s="102">
        <v>3</v>
      </c>
      <c r="HI17" s="102">
        <v>0</v>
      </c>
      <c r="HJ17" s="102">
        <v>0</v>
      </c>
      <c r="HK17" s="102">
        <v>0</v>
      </c>
      <c r="HL17" s="102">
        <v>0</v>
      </c>
      <c r="HM17" s="103">
        <v>3</v>
      </c>
      <c r="HN17" s="104">
        <v>3</v>
      </c>
      <c r="HO17" s="101">
        <v>1</v>
      </c>
      <c r="HP17" s="102">
        <v>0</v>
      </c>
      <c r="HQ17" s="103">
        <v>1</v>
      </c>
      <c r="HR17" s="413">
        <v>0</v>
      </c>
      <c r="HS17" s="102">
        <v>1</v>
      </c>
      <c r="HT17" s="102">
        <v>0</v>
      </c>
      <c r="HU17" s="102">
        <v>1</v>
      </c>
      <c r="HV17" s="102">
        <v>2</v>
      </c>
      <c r="HW17" s="102">
        <v>1</v>
      </c>
      <c r="HX17" s="103">
        <v>5</v>
      </c>
      <c r="HY17" s="104">
        <v>6</v>
      </c>
      <c r="HZ17" s="101">
        <v>4</v>
      </c>
      <c r="IA17" s="102">
        <v>2</v>
      </c>
      <c r="IB17" s="103">
        <v>6</v>
      </c>
      <c r="IC17" s="413">
        <v>0</v>
      </c>
      <c r="ID17" s="102">
        <v>4</v>
      </c>
      <c r="IE17" s="102">
        <v>4</v>
      </c>
      <c r="IF17" s="102">
        <v>3</v>
      </c>
      <c r="IG17" s="102">
        <v>1</v>
      </c>
      <c r="IH17" s="102">
        <v>1</v>
      </c>
      <c r="II17" s="103">
        <v>13</v>
      </c>
      <c r="IJ17" s="104">
        <v>19</v>
      </c>
      <c r="IK17" s="101">
        <v>10</v>
      </c>
      <c r="IL17" s="102">
        <v>8</v>
      </c>
      <c r="IM17" s="103">
        <v>18</v>
      </c>
      <c r="IN17" s="413">
        <v>0</v>
      </c>
      <c r="IO17" s="102">
        <v>14</v>
      </c>
      <c r="IP17" s="102">
        <v>14</v>
      </c>
      <c r="IQ17" s="102">
        <v>7</v>
      </c>
      <c r="IR17" s="102">
        <v>9</v>
      </c>
      <c r="IS17" s="102">
        <v>5</v>
      </c>
      <c r="IT17" s="103">
        <v>49</v>
      </c>
      <c r="IU17" s="104">
        <v>67</v>
      </c>
      <c r="IV17" s="101">
        <v>22</v>
      </c>
      <c r="IW17" s="102">
        <v>18</v>
      </c>
      <c r="IX17" s="103">
        <v>40</v>
      </c>
      <c r="IY17" s="413">
        <v>0</v>
      </c>
      <c r="IZ17" s="102">
        <v>29</v>
      </c>
      <c r="JA17" s="102">
        <v>27</v>
      </c>
      <c r="JB17" s="102">
        <v>12</v>
      </c>
      <c r="JC17" s="102">
        <v>15</v>
      </c>
      <c r="JD17" s="102">
        <v>6</v>
      </c>
      <c r="JE17" s="103">
        <v>89</v>
      </c>
      <c r="JF17" s="104">
        <v>129</v>
      </c>
      <c r="JG17" s="101">
        <v>19</v>
      </c>
      <c r="JH17" s="102">
        <v>15</v>
      </c>
      <c r="JI17" s="103">
        <v>34</v>
      </c>
      <c r="JJ17" s="413">
        <v>0</v>
      </c>
      <c r="JK17" s="102">
        <v>42</v>
      </c>
      <c r="JL17" s="102">
        <v>34</v>
      </c>
      <c r="JM17" s="102">
        <v>21</v>
      </c>
      <c r="JN17" s="102">
        <v>21</v>
      </c>
      <c r="JO17" s="102">
        <v>14</v>
      </c>
      <c r="JP17" s="103">
        <v>132</v>
      </c>
      <c r="JQ17" s="104">
        <v>166</v>
      </c>
      <c r="JR17" s="101">
        <v>0</v>
      </c>
      <c r="JS17" s="102">
        <v>0</v>
      </c>
      <c r="JT17" s="103">
        <v>0</v>
      </c>
      <c r="JU17" s="413">
        <v>0</v>
      </c>
      <c r="JV17" s="102">
        <v>0</v>
      </c>
      <c r="JW17" s="102">
        <v>0</v>
      </c>
      <c r="JX17" s="102">
        <v>0</v>
      </c>
      <c r="JY17" s="102">
        <v>0</v>
      </c>
      <c r="JZ17" s="102">
        <v>0</v>
      </c>
      <c r="KA17" s="103">
        <v>0</v>
      </c>
      <c r="KB17" s="104">
        <v>0</v>
      </c>
      <c r="KC17" s="101">
        <v>56</v>
      </c>
      <c r="KD17" s="102">
        <v>43</v>
      </c>
      <c r="KE17" s="103">
        <v>99</v>
      </c>
      <c r="KF17" s="413">
        <v>0</v>
      </c>
      <c r="KG17" s="102">
        <v>93</v>
      </c>
      <c r="KH17" s="102">
        <v>79</v>
      </c>
      <c r="KI17" s="102">
        <v>44</v>
      </c>
      <c r="KJ17" s="102">
        <v>48</v>
      </c>
      <c r="KK17" s="102">
        <v>27</v>
      </c>
      <c r="KL17" s="103">
        <v>291</v>
      </c>
      <c r="KM17" s="104">
        <v>390</v>
      </c>
    </row>
    <row r="18" spans="2:299" s="70" customFormat="1" ht="21" customHeight="1" x14ac:dyDescent="0.2">
      <c r="B18" s="106" t="s">
        <v>15</v>
      </c>
      <c r="C18" s="96">
        <v>14</v>
      </c>
      <c r="D18" s="97">
        <v>19</v>
      </c>
      <c r="E18" s="98">
        <v>33</v>
      </c>
      <c r="F18" s="413">
        <v>0</v>
      </c>
      <c r="G18" s="97">
        <v>37</v>
      </c>
      <c r="H18" s="97">
        <v>33</v>
      </c>
      <c r="I18" s="97">
        <v>15</v>
      </c>
      <c r="J18" s="97">
        <v>29</v>
      </c>
      <c r="K18" s="97">
        <v>7</v>
      </c>
      <c r="L18" s="99">
        <v>121</v>
      </c>
      <c r="M18" s="100">
        <v>154</v>
      </c>
      <c r="N18" s="101">
        <v>0</v>
      </c>
      <c r="O18" s="102">
        <v>0</v>
      </c>
      <c r="P18" s="103">
        <v>0</v>
      </c>
      <c r="Q18" s="413">
        <v>0</v>
      </c>
      <c r="R18" s="102">
        <v>1</v>
      </c>
      <c r="S18" s="102">
        <v>0</v>
      </c>
      <c r="T18" s="102">
        <v>0</v>
      </c>
      <c r="U18" s="102">
        <v>0</v>
      </c>
      <c r="V18" s="102">
        <v>0</v>
      </c>
      <c r="W18" s="103">
        <v>1</v>
      </c>
      <c r="X18" s="104">
        <v>1</v>
      </c>
      <c r="Y18" s="101">
        <v>0</v>
      </c>
      <c r="Z18" s="102">
        <v>2</v>
      </c>
      <c r="AA18" s="103">
        <v>2</v>
      </c>
      <c r="AB18" s="413">
        <v>0</v>
      </c>
      <c r="AC18" s="102">
        <v>2</v>
      </c>
      <c r="AD18" s="102">
        <v>1</v>
      </c>
      <c r="AE18" s="102">
        <v>1</v>
      </c>
      <c r="AF18" s="102">
        <v>2</v>
      </c>
      <c r="AG18" s="102">
        <v>1</v>
      </c>
      <c r="AH18" s="103">
        <v>7</v>
      </c>
      <c r="AI18" s="104">
        <v>9</v>
      </c>
      <c r="AJ18" s="101">
        <v>5</v>
      </c>
      <c r="AK18" s="102">
        <v>1</v>
      </c>
      <c r="AL18" s="103">
        <v>6</v>
      </c>
      <c r="AM18" s="413">
        <v>0</v>
      </c>
      <c r="AN18" s="102">
        <v>5</v>
      </c>
      <c r="AO18" s="102">
        <v>6</v>
      </c>
      <c r="AP18" s="102">
        <v>0</v>
      </c>
      <c r="AQ18" s="102">
        <v>5</v>
      </c>
      <c r="AR18" s="102">
        <v>2</v>
      </c>
      <c r="AS18" s="103">
        <v>18</v>
      </c>
      <c r="AT18" s="104">
        <v>24</v>
      </c>
      <c r="AU18" s="101">
        <v>4</v>
      </c>
      <c r="AV18" s="102">
        <v>3</v>
      </c>
      <c r="AW18" s="103">
        <v>7</v>
      </c>
      <c r="AX18" s="413">
        <v>0</v>
      </c>
      <c r="AY18" s="102">
        <v>11</v>
      </c>
      <c r="AZ18" s="102">
        <v>3</v>
      </c>
      <c r="BA18" s="102">
        <v>3</v>
      </c>
      <c r="BB18" s="102">
        <v>4</v>
      </c>
      <c r="BC18" s="102">
        <v>1</v>
      </c>
      <c r="BD18" s="103">
        <v>22</v>
      </c>
      <c r="BE18" s="104">
        <v>29</v>
      </c>
      <c r="BF18" s="101">
        <v>4</v>
      </c>
      <c r="BG18" s="102">
        <v>6</v>
      </c>
      <c r="BH18" s="103">
        <v>10</v>
      </c>
      <c r="BI18" s="413">
        <v>0</v>
      </c>
      <c r="BJ18" s="102">
        <v>10</v>
      </c>
      <c r="BK18" s="102">
        <v>9</v>
      </c>
      <c r="BL18" s="102">
        <v>6</v>
      </c>
      <c r="BM18" s="102">
        <v>7</v>
      </c>
      <c r="BN18" s="102">
        <v>0</v>
      </c>
      <c r="BO18" s="103">
        <v>32</v>
      </c>
      <c r="BP18" s="104">
        <v>42</v>
      </c>
      <c r="BQ18" s="101">
        <v>1</v>
      </c>
      <c r="BR18" s="102">
        <v>7</v>
      </c>
      <c r="BS18" s="103">
        <v>8</v>
      </c>
      <c r="BT18" s="413">
        <v>0</v>
      </c>
      <c r="BU18" s="102">
        <v>8</v>
      </c>
      <c r="BV18" s="102">
        <v>14</v>
      </c>
      <c r="BW18" s="102">
        <v>5</v>
      </c>
      <c r="BX18" s="102">
        <v>11</v>
      </c>
      <c r="BY18" s="102">
        <v>3</v>
      </c>
      <c r="BZ18" s="103">
        <v>41</v>
      </c>
      <c r="CA18" s="104">
        <v>49</v>
      </c>
      <c r="CB18" s="101">
        <v>0</v>
      </c>
      <c r="CC18" s="102">
        <v>0</v>
      </c>
      <c r="CD18" s="103">
        <v>0</v>
      </c>
      <c r="CE18" s="413">
        <v>0</v>
      </c>
      <c r="CF18" s="102">
        <v>0</v>
      </c>
      <c r="CG18" s="102">
        <v>0</v>
      </c>
      <c r="CH18" s="102">
        <v>0</v>
      </c>
      <c r="CI18" s="102">
        <v>0</v>
      </c>
      <c r="CJ18" s="102">
        <v>0</v>
      </c>
      <c r="CK18" s="103">
        <v>0</v>
      </c>
      <c r="CL18" s="104">
        <v>0</v>
      </c>
      <c r="CM18" s="101">
        <v>14</v>
      </c>
      <c r="CN18" s="102">
        <v>19</v>
      </c>
      <c r="CO18" s="103">
        <v>33</v>
      </c>
      <c r="CP18" s="413">
        <v>0</v>
      </c>
      <c r="CQ18" s="102">
        <v>37</v>
      </c>
      <c r="CR18" s="102">
        <v>33</v>
      </c>
      <c r="CS18" s="102">
        <v>15</v>
      </c>
      <c r="CT18" s="102">
        <v>29</v>
      </c>
      <c r="CU18" s="102">
        <v>7</v>
      </c>
      <c r="CV18" s="103">
        <v>121</v>
      </c>
      <c r="CW18" s="104">
        <v>154</v>
      </c>
      <c r="CX18" s="105">
        <v>1</v>
      </c>
      <c r="CY18" s="97">
        <v>8</v>
      </c>
      <c r="CZ18" s="98">
        <v>9</v>
      </c>
      <c r="DA18" s="413">
        <v>0</v>
      </c>
      <c r="DB18" s="97">
        <v>10</v>
      </c>
      <c r="DC18" s="97">
        <v>8</v>
      </c>
      <c r="DD18" s="97">
        <v>2</v>
      </c>
      <c r="DE18" s="97">
        <v>1</v>
      </c>
      <c r="DF18" s="97">
        <v>4</v>
      </c>
      <c r="DG18" s="99">
        <v>25</v>
      </c>
      <c r="DH18" s="100">
        <v>34</v>
      </c>
      <c r="DI18" s="101">
        <v>0</v>
      </c>
      <c r="DJ18" s="102">
        <v>1</v>
      </c>
      <c r="DK18" s="103">
        <v>1</v>
      </c>
      <c r="DL18" s="413">
        <v>0</v>
      </c>
      <c r="DM18" s="102">
        <v>1</v>
      </c>
      <c r="DN18" s="102">
        <v>0</v>
      </c>
      <c r="DO18" s="102">
        <v>0</v>
      </c>
      <c r="DP18" s="102">
        <v>0</v>
      </c>
      <c r="DQ18" s="102">
        <v>0</v>
      </c>
      <c r="DR18" s="103">
        <v>1</v>
      </c>
      <c r="DS18" s="104">
        <v>2</v>
      </c>
      <c r="DT18" s="101">
        <v>0</v>
      </c>
      <c r="DU18" s="102">
        <v>0</v>
      </c>
      <c r="DV18" s="103">
        <v>0</v>
      </c>
      <c r="DW18" s="413">
        <v>0</v>
      </c>
      <c r="DX18" s="102">
        <v>2</v>
      </c>
      <c r="DY18" s="102">
        <v>0</v>
      </c>
      <c r="DZ18" s="102">
        <v>0</v>
      </c>
      <c r="EA18" s="102">
        <v>0</v>
      </c>
      <c r="EB18" s="102">
        <v>0</v>
      </c>
      <c r="EC18" s="103">
        <v>2</v>
      </c>
      <c r="ED18" s="104">
        <v>2</v>
      </c>
      <c r="EE18" s="101">
        <v>1</v>
      </c>
      <c r="EF18" s="102">
        <v>2</v>
      </c>
      <c r="EG18" s="103">
        <v>3</v>
      </c>
      <c r="EH18" s="413">
        <v>0</v>
      </c>
      <c r="EI18" s="102">
        <v>0</v>
      </c>
      <c r="EJ18" s="102">
        <v>0</v>
      </c>
      <c r="EK18" s="102">
        <v>0</v>
      </c>
      <c r="EL18" s="102">
        <v>0</v>
      </c>
      <c r="EM18" s="102">
        <v>1</v>
      </c>
      <c r="EN18" s="103">
        <v>1</v>
      </c>
      <c r="EO18" s="104">
        <v>4</v>
      </c>
      <c r="EP18" s="101">
        <v>0</v>
      </c>
      <c r="EQ18" s="102">
        <v>3</v>
      </c>
      <c r="ER18" s="103">
        <v>3</v>
      </c>
      <c r="ES18" s="413">
        <v>0</v>
      </c>
      <c r="ET18" s="102">
        <v>2</v>
      </c>
      <c r="EU18" s="102">
        <v>1</v>
      </c>
      <c r="EV18" s="102">
        <v>0</v>
      </c>
      <c r="EW18" s="102">
        <v>0</v>
      </c>
      <c r="EX18" s="102">
        <v>0</v>
      </c>
      <c r="EY18" s="103">
        <v>3</v>
      </c>
      <c r="EZ18" s="104">
        <v>6</v>
      </c>
      <c r="FA18" s="101">
        <v>0</v>
      </c>
      <c r="FB18" s="102">
        <v>1</v>
      </c>
      <c r="FC18" s="103">
        <v>1</v>
      </c>
      <c r="FD18" s="413">
        <v>0</v>
      </c>
      <c r="FE18" s="102">
        <v>2</v>
      </c>
      <c r="FF18" s="102">
        <v>2</v>
      </c>
      <c r="FG18" s="102">
        <v>0</v>
      </c>
      <c r="FH18" s="102">
        <v>0</v>
      </c>
      <c r="FI18" s="102">
        <v>2</v>
      </c>
      <c r="FJ18" s="103">
        <v>6</v>
      </c>
      <c r="FK18" s="104">
        <v>7</v>
      </c>
      <c r="FL18" s="101">
        <v>0</v>
      </c>
      <c r="FM18" s="102">
        <v>1</v>
      </c>
      <c r="FN18" s="103">
        <v>1</v>
      </c>
      <c r="FO18" s="413">
        <v>0</v>
      </c>
      <c r="FP18" s="102">
        <v>3</v>
      </c>
      <c r="FQ18" s="102">
        <v>5</v>
      </c>
      <c r="FR18" s="102">
        <v>2</v>
      </c>
      <c r="FS18" s="102">
        <v>1</v>
      </c>
      <c r="FT18" s="102">
        <v>1</v>
      </c>
      <c r="FU18" s="103">
        <v>12</v>
      </c>
      <c r="FV18" s="104">
        <v>13</v>
      </c>
      <c r="FW18" s="101">
        <v>0</v>
      </c>
      <c r="FX18" s="102">
        <v>0</v>
      </c>
      <c r="FY18" s="103">
        <v>0</v>
      </c>
      <c r="FZ18" s="413">
        <v>0</v>
      </c>
      <c r="GA18" s="102">
        <v>0</v>
      </c>
      <c r="GB18" s="102">
        <v>0</v>
      </c>
      <c r="GC18" s="102">
        <v>0</v>
      </c>
      <c r="GD18" s="102">
        <v>0</v>
      </c>
      <c r="GE18" s="102">
        <v>0</v>
      </c>
      <c r="GF18" s="103">
        <v>0</v>
      </c>
      <c r="GG18" s="104">
        <v>0</v>
      </c>
      <c r="GH18" s="101">
        <v>1</v>
      </c>
      <c r="GI18" s="102">
        <v>8</v>
      </c>
      <c r="GJ18" s="103">
        <v>9</v>
      </c>
      <c r="GK18" s="413">
        <v>0</v>
      </c>
      <c r="GL18" s="102">
        <v>10</v>
      </c>
      <c r="GM18" s="102">
        <v>8</v>
      </c>
      <c r="GN18" s="102">
        <v>2</v>
      </c>
      <c r="GO18" s="102">
        <v>1</v>
      </c>
      <c r="GP18" s="102">
        <v>4</v>
      </c>
      <c r="GQ18" s="103">
        <v>25</v>
      </c>
      <c r="GR18" s="104">
        <v>34</v>
      </c>
      <c r="GS18" s="105">
        <v>15</v>
      </c>
      <c r="GT18" s="97">
        <v>27</v>
      </c>
      <c r="GU18" s="98">
        <v>42</v>
      </c>
      <c r="GV18" s="413">
        <v>0</v>
      </c>
      <c r="GW18" s="97">
        <v>47</v>
      </c>
      <c r="GX18" s="97">
        <v>41</v>
      </c>
      <c r="GY18" s="97">
        <v>17</v>
      </c>
      <c r="GZ18" s="97">
        <v>30</v>
      </c>
      <c r="HA18" s="97">
        <v>11</v>
      </c>
      <c r="HB18" s="99">
        <v>146</v>
      </c>
      <c r="HC18" s="100">
        <v>188</v>
      </c>
      <c r="HD18" s="101">
        <v>0</v>
      </c>
      <c r="HE18" s="102">
        <v>1</v>
      </c>
      <c r="HF18" s="103">
        <v>1</v>
      </c>
      <c r="HG18" s="413">
        <v>0</v>
      </c>
      <c r="HH18" s="102">
        <v>2</v>
      </c>
      <c r="HI18" s="102">
        <v>0</v>
      </c>
      <c r="HJ18" s="102">
        <v>0</v>
      </c>
      <c r="HK18" s="102">
        <v>0</v>
      </c>
      <c r="HL18" s="102">
        <v>0</v>
      </c>
      <c r="HM18" s="103">
        <v>2</v>
      </c>
      <c r="HN18" s="104">
        <v>3</v>
      </c>
      <c r="HO18" s="101">
        <v>0</v>
      </c>
      <c r="HP18" s="102">
        <v>2</v>
      </c>
      <c r="HQ18" s="103">
        <v>2</v>
      </c>
      <c r="HR18" s="413">
        <v>0</v>
      </c>
      <c r="HS18" s="102">
        <v>4</v>
      </c>
      <c r="HT18" s="102">
        <v>1</v>
      </c>
      <c r="HU18" s="102">
        <v>1</v>
      </c>
      <c r="HV18" s="102">
        <v>2</v>
      </c>
      <c r="HW18" s="102">
        <v>1</v>
      </c>
      <c r="HX18" s="103">
        <v>9</v>
      </c>
      <c r="HY18" s="104">
        <v>11</v>
      </c>
      <c r="HZ18" s="101">
        <v>6</v>
      </c>
      <c r="IA18" s="102">
        <v>3</v>
      </c>
      <c r="IB18" s="103">
        <v>9</v>
      </c>
      <c r="IC18" s="413">
        <v>0</v>
      </c>
      <c r="ID18" s="102">
        <v>5</v>
      </c>
      <c r="IE18" s="102">
        <v>6</v>
      </c>
      <c r="IF18" s="102">
        <v>0</v>
      </c>
      <c r="IG18" s="102">
        <v>5</v>
      </c>
      <c r="IH18" s="102">
        <v>3</v>
      </c>
      <c r="II18" s="103">
        <v>19</v>
      </c>
      <c r="IJ18" s="104">
        <v>28</v>
      </c>
      <c r="IK18" s="101">
        <v>4</v>
      </c>
      <c r="IL18" s="102">
        <v>6</v>
      </c>
      <c r="IM18" s="103">
        <v>10</v>
      </c>
      <c r="IN18" s="413">
        <v>0</v>
      </c>
      <c r="IO18" s="102">
        <v>13</v>
      </c>
      <c r="IP18" s="102">
        <v>4</v>
      </c>
      <c r="IQ18" s="102">
        <v>3</v>
      </c>
      <c r="IR18" s="102">
        <v>4</v>
      </c>
      <c r="IS18" s="102">
        <v>1</v>
      </c>
      <c r="IT18" s="103">
        <v>25</v>
      </c>
      <c r="IU18" s="104">
        <v>35</v>
      </c>
      <c r="IV18" s="101">
        <v>4</v>
      </c>
      <c r="IW18" s="102">
        <v>7</v>
      </c>
      <c r="IX18" s="103">
        <v>11</v>
      </c>
      <c r="IY18" s="413">
        <v>0</v>
      </c>
      <c r="IZ18" s="102">
        <v>12</v>
      </c>
      <c r="JA18" s="102">
        <v>11</v>
      </c>
      <c r="JB18" s="102">
        <v>6</v>
      </c>
      <c r="JC18" s="102">
        <v>7</v>
      </c>
      <c r="JD18" s="102">
        <v>2</v>
      </c>
      <c r="JE18" s="103">
        <v>38</v>
      </c>
      <c r="JF18" s="104">
        <v>49</v>
      </c>
      <c r="JG18" s="101">
        <v>1</v>
      </c>
      <c r="JH18" s="102">
        <v>8</v>
      </c>
      <c r="JI18" s="103">
        <v>9</v>
      </c>
      <c r="JJ18" s="413">
        <v>0</v>
      </c>
      <c r="JK18" s="102">
        <v>11</v>
      </c>
      <c r="JL18" s="102">
        <v>19</v>
      </c>
      <c r="JM18" s="102">
        <v>7</v>
      </c>
      <c r="JN18" s="102">
        <v>12</v>
      </c>
      <c r="JO18" s="102">
        <v>4</v>
      </c>
      <c r="JP18" s="103">
        <v>53</v>
      </c>
      <c r="JQ18" s="104">
        <v>62</v>
      </c>
      <c r="JR18" s="101">
        <v>0</v>
      </c>
      <c r="JS18" s="102">
        <v>0</v>
      </c>
      <c r="JT18" s="103">
        <v>0</v>
      </c>
      <c r="JU18" s="413">
        <v>0</v>
      </c>
      <c r="JV18" s="102">
        <v>0</v>
      </c>
      <c r="JW18" s="102">
        <v>0</v>
      </c>
      <c r="JX18" s="102">
        <v>0</v>
      </c>
      <c r="JY18" s="102">
        <v>0</v>
      </c>
      <c r="JZ18" s="102">
        <v>0</v>
      </c>
      <c r="KA18" s="103">
        <v>0</v>
      </c>
      <c r="KB18" s="104">
        <v>0</v>
      </c>
      <c r="KC18" s="101">
        <v>15</v>
      </c>
      <c r="KD18" s="102">
        <v>27</v>
      </c>
      <c r="KE18" s="103">
        <v>42</v>
      </c>
      <c r="KF18" s="413">
        <v>0</v>
      </c>
      <c r="KG18" s="102">
        <v>47</v>
      </c>
      <c r="KH18" s="102">
        <v>41</v>
      </c>
      <c r="KI18" s="102">
        <v>17</v>
      </c>
      <c r="KJ18" s="102">
        <v>30</v>
      </c>
      <c r="KK18" s="102">
        <v>11</v>
      </c>
      <c r="KL18" s="103">
        <v>146</v>
      </c>
      <c r="KM18" s="104">
        <v>188</v>
      </c>
    </row>
    <row r="19" spans="2:299" s="70" customFormat="1" ht="21" customHeight="1" x14ac:dyDescent="0.2">
      <c r="B19" s="106" t="s">
        <v>16</v>
      </c>
      <c r="C19" s="96">
        <v>42</v>
      </c>
      <c r="D19" s="97">
        <v>50</v>
      </c>
      <c r="E19" s="98">
        <v>92</v>
      </c>
      <c r="F19" s="413">
        <v>0</v>
      </c>
      <c r="G19" s="97">
        <v>91</v>
      </c>
      <c r="H19" s="97">
        <v>106</v>
      </c>
      <c r="I19" s="97">
        <v>57</v>
      </c>
      <c r="J19" s="97">
        <v>46</v>
      </c>
      <c r="K19" s="97">
        <v>18</v>
      </c>
      <c r="L19" s="99">
        <v>318</v>
      </c>
      <c r="M19" s="100">
        <v>410</v>
      </c>
      <c r="N19" s="101">
        <v>1</v>
      </c>
      <c r="O19" s="102">
        <v>1</v>
      </c>
      <c r="P19" s="103">
        <v>2</v>
      </c>
      <c r="Q19" s="413">
        <v>0</v>
      </c>
      <c r="R19" s="102">
        <v>0</v>
      </c>
      <c r="S19" s="102">
        <v>1</v>
      </c>
      <c r="T19" s="102">
        <v>0</v>
      </c>
      <c r="U19" s="102">
        <v>2</v>
      </c>
      <c r="V19" s="102">
        <v>0</v>
      </c>
      <c r="W19" s="103">
        <v>3</v>
      </c>
      <c r="X19" s="104">
        <v>5</v>
      </c>
      <c r="Y19" s="101">
        <v>1</v>
      </c>
      <c r="Z19" s="102">
        <v>4</v>
      </c>
      <c r="AA19" s="103">
        <v>5</v>
      </c>
      <c r="AB19" s="413">
        <v>0</v>
      </c>
      <c r="AC19" s="102">
        <v>2</v>
      </c>
      <c r="AD19" s="102">
        <v>9</v>
      </c>
      <c r="AE19" s="102">
        <v>6</v>
      </c>
      <c r="AF19" s="102">
        <v>1</v>
      </c>
      <c r="AG19" s="102">
        <v>3</v>
      </c>
      <c r="AH19" s="103">
        <v>21</v>
      </c>
      <c r="AI19" s="104">
        <v>26</v>
      </c>
      <c r="AJ19" s="101">
        <v>5</v>
      </c>
      <c r="AK19" s="102">
        <v>7</v>
      </c>
      <c r="AL19" s="103">
        <v>12</v>
      </c>
      <c r="AM19" s="413">
        <v>0</v>
      </c>
      <c r="AN19" s="102">
        <v>10</v>
      </c>
      <c r="AO19" s="102">
        <v>4</v>
      </c>
      <c r="AP19" s="102">
        <v>7</v>
      </c>
      <c r="AQ19" s="102">
        <v>3</v>
      </c>
      <c r="AR19" s="102">
        <v>4</v>
      </c>
      <c r="AS19" s="103">
        <v>28</v>
      </c>
      <c r="AT19" s="104">
        <v>40</v>
      </c>
      <c r="AU19" s="101">
        <v>13</v>
      </c>
      <c r="AV19" s="102">
        <v>12</v>
      </c>
      <c r="AW19" s="103">
        <v>25</v>
      </c>
      <c r="AX19" s="413">
        <v>0</v>
      </c>
      <c r="AY19" s="102">
        <v>24</v>
      </c>
      <c r="AZ19" s="102">
        <v>24</v>
      </c>
      <c r="BA19" s="102">
        <v>11</v>
      </c>
      <c r="BB19" s="102">
        <v>6</v>
      </c>
      <c r="BC19" s="102">
        <v>6</v>
      </c>
      <c r="BD19" s="103">
        <v>71</v>
      </c>
      <c r="BE19" s="104">
        <v>96</v>
      </c>
      <c r="BF19" s="101">
        <v>9</v>
      </c>
      <c r="BG19" s="102">
        <v>16</v>
      </c>
      <c r="BH19" s="103">
        <v>25</v>
      </c>
      <c r="BI19" s="413">
        <v>0</v>
      </c>
      <c r="BJ19" s="102">
        <v>30</v>
      </c>
      <c r="BK19" s="102">
        <v>28</v>
      </c>
      <c r="BL19" s="102">
        <v>13</v>
      </c>
      <c r="BM19" s="102">
        <v>10</v>
      </c>
      <c r="BN19" s="102">
        <v>1</v>
      </c>
      <c r="BO19" s="103">
        <v>82</v>
      </c>
      <c r="BP19" s="104">
        <v>107</v>
      </c>
      <c r="BQ19" s="101">
        <v>13</v>
      </c>
      <c r="BR19" s="102">
        <v>10</v>
      </c>
      <c r="BS19" s="103">
        <v>23</v>
      </c>
      <c r="BT19" s="413">
        <v>0</v>
      </c>
      <c r="BU19" s="102">
        <v>25</v>
      </c>
      <c r="BV19" s="102">
        <v>40</v>
      </c>
      <c r="BW19" s="102">
        <v>20</v>
      </c>
      <c r="BX19" s="102">
        <v>24</v>
      </c>
      <c r="BY19" s="102">
        <v>4</v>
      </c>
      <c r="BZ19" s="103">
        <v>113</v>
      </c>
      <c r="CA19" s="104">
        <v>136</v>
      </c>
      <c r="CB19" s="101">
        <v>0</v>
      </c>
      <c r="CC19" s="102">
        <v>0</v>
      </c>
      <c r="CD19" s="103">
        <v>0</v>
      </c>
      <c r="CE19" s="413">
        <v>0</v>
      </c>
      <c r="CF19" s="102">
        <v>0</v>
      </c>
      <c r="CG19" s="102">
        <v>0</v>
      </c>
      <c r="CH19" s="102">
        <v>0</v>
      </c>
      <c r="CI19" s="102">
        <v>0</v>
      </c>
      <c r="CJ19" s="102">
        <v>0</v>
      </c>
      <c r="CK19" s="103">
        <v>0</v>
      </c>
      <c r="CL19" s="104">
        <v>0</v>
      </c>
      <c r="CM19" s="101">
        <v>42</v>
      </c>
      <c r="CN19" s="102">
        <v>50</v>
      </c>
      <c r="CO19" s="103">
        <v>92</v>
      </c>
      <c r="CP19" s="413">
        <v>0</v>
      </c>
      <c r="CQ19" s="102">
        <v>91</v>
      </c>
      <c r="CR19" s="102">
        <v>106</v>
      </c>
      <c r="CS19" s="102">
        <v>57</v>
      </c>
      <c r="CT19" s="102">
        <v>46</v>
      </c>
      <c r="CU19" s="102">
        <v>18</v>
      </c>
      <c r="CV19" s="103">
        <v>318</v>
      </c>
      <c r="CW19" s="104">
        <v>410</v>
      </c>
      <c r="CX19" s="105">
        <v>10</v>
      </c>
      <c r="CY19" s="97">
        <v>13</v>
      </c>
      <c r="CZ19" s="98">
        <v>23</v>
      </c>
      <c r="DA19" s="413">
        <v>0</v>
      </c>
      <c r="DB19" s="97">
        <v>6</v>
      </c>
      <c r="DC19" s="97">
        <v>5</v>
      </c>
      <c r="DD19" s="97">
        <v>9</v>
      </c>
      <c r="DE19" s="97">
        <v>8</v>
      </c>
      <c r="DF19" s="97">
        <v>7</v>
      </c>
      <c r="DG19" s="99">
        <v>35</v>
      </c>
      <c r="DH19" s="100">
        <v>58</v>
      </c>
      <c r="DI19" s="101">
        <v>2</v>
      </c>
      <c r="DJ19" s="102">
        <v>1</v>
      </c>
      <c r="DK19" s="103">
        <v>3</v>
      </c>
      <c r="DL19" s="413">
        <v>0</v>
      </c>
      <c r="DM19" s="102">
        <v>0</v>
      </c>
      <c r="DN19" s="102">
        <v>0</v>
      </c>
      <c r="DO19" s="102">
        <v>1</v>
      </c>
      <c r="DP19" s="102">
        <v>0</v>
      </c>
      <c r="DQ19" s="102">
        <v>0</v>
      </c>
      <c r="DR19" s="103">
        <v>1</v>
      </c>
      <c r="DS19" s="104">
        <v>4</v>
      </c>
      <c r="DT19" s="101">
        <v>0</v>
      </c>
      <c r="DU19" s="102">
        <v>0</v>
      </c>
      <c r="DV19" s="103">
        <v>0</v>
      </c>
      <c r="DW19" s="413">
        <v>0</v>
      </c>
      <c r="DX19" s="102">
        <v>0</v>
      </c>
      <c r="DY19" s="102">
        <v>1</v>
      </c>
      <c r="DZ19" s="102">
        <v>0</v>
      </c>
      <c r="EA19" s="102">
        <v>0</v>
      </c>
      <c r="EB19" s="102">
        <v>0</v>
      </c>
      <c r="EC19" s="103">
        <v>1</v>
      </c>
      <c r="ED19" s="104">
        <v>1</v>
      </c>
      <c r="EE19" s="101">
        <v>1</v>
      </c>
      <c r="EF19" s="102">
        <v>2</v>
      </c>
      <c r="EG19" s="103">
        <v>3</v>
      </c>
      <c r="EH19" s="413">
        <v>0</v>
      </c>
      <c r="EI19" s="102">
        <v>2</v>
      </c>
      <c r="EJ19" s="102">
        <v>0</v>
      </c>
      <c r="EK19" s="102">
        <v>2</v>
      </c>
      <c r="EL19" s="102">
        <v>0</v>
      </c>
      <c r="EM19" s="102">
        <v>2</v>
      </c>
      <c r="EN19" s="103">
        <v>6</v>
      </c>
      <c r="EO19" s="104">
        <v>9</v>
      </c>
      <c r="EP19" s="101">
        <v>4</v>
      </c>
      <c r="EQ19" s="102">
        <v>4</v>
      </c>
      <c r="ER19" s="103">
        <v>8</v>
      </c>
      <c r="ES19" s="413">
        <v>0</v>
      </c>
      <c r="ET19" s="102">
        <v>3</v>
      </c>
      <c r="EU19" s="102">
        <v>0</v>
      </c>
      <c r="EV19" s="102">
        <v>1</v>
      </c>
      <c r="EW19" s="102">
        <v>0</v>
      </c>
      <c r="EX19" s="102">
        <v>1</v>
      </c>
      <c r="EY19" s="103">
        <v>5</v>
      </c>
      <c r="EZ19" s="104">
        <v>13</v>
      </c>
      <c r="FA19" s="101">
        <v>3</v>
      </c>
      <c r="FB19" s="102">
        <v>3</v>
      </c>
      <c r="FC19" s="103">
        <v>6</v>
      </c>
      <c r="FD19" s="413">
        <v>0</v>
      </c>
      <c r="FE19" s="102">
        <v>0</v>
      </c>
      <c r="FF19" s="102">
        <v>2</v>
      </c>
      <c r="FG19" s="102">
        <v>3</v>
      </c>
      <c r="FH19" s="102">
        <v>3</v>
      </c>
      <c r="FI19" s="102">
        <v>1</v>
      </c>
      <c r="FJ19" s="103">
        <v>9</v>
      </c>
      <c r="FK19" s="104">
        <v>15</v>
      </c>
      <c r="FL19" s="101">
        <v>0</v>
      </c>
      <c r="FM19" s="102">
        <v>3</v>
      </c>
      <c r="FN19" s="103">
        <v>3</v>
      </c>
      <c r="FO19" s="413">
        <v>0</v>
      </c>
      <c r="FP19" s="102">
        <v>1</v>
      </c>
      <c r="FQ19" s="102">
        <v>2</v>
      </c>
      <c r="FR19" s="102">
        <v>2</v>
      </c>
      <c r="FS19" s="102">
        <v>5</v>
      </c>
      <c r="FT19" s="102">
        <v>3</v>
      </c>
      <c r="FU19" s="103">
        <v>13</v>
      </c>
      <c r="FV19" s="104">
        <v>16</v>
      </c>
      <c r="FW19" s="101">
        <v>0</v>
      </c>
      <c r="FX19" s="102">
        <v>0</v>
      </c>
      <c r="FY19" s="103">
        <v>0</v>
      </c>
      <c r="FZ19" s="413">
        <v>0</v>
      </c>
      <c r="GA19" s="102">
        <v>0</v>
      </c>
      <c r="GB19" s="102">
        <v>0</v>
      </c>
      <c r="GC19" s="102">
        <v>0</v>
      </c>
      <c r="GD19" s="102">
        <v>0</v>
      </c>
      <c r="GE19" s="102">
        <v>0</v>
      </c>
      <c r="GF19" s="103">
        <v>0</v>
      </c>
      <c r="GG19" s="104">
        <v>0</v>
      </c>
      <c r="GH19" s="101">
        <v>10</v>
      </c>
      <c r="GI19" s="102">
        <v>13</v>
      </c>
      <c r="GJ19" s="103">
        <v>23</v>
      </c>
      <c r="GK19" s="413">
        <v>0</v>
      </c>
      <c r="GL19" s="102">
        <v>6</v>
      </c>
      <c r="GM19" s="102">
        <v>5</v>
      </c>
      <c r="GN19" s="102">
        <v>9</v>
      </c>
      <c r="GO19" s="102">
        <v>8</v>
      </c>
      <c r="GP19" s="102">
        <v>7</v>
      </c>
      <c r="GQ19" s="103">
        <v>35</v>
      </c>
      <c r="GR19" s="104">
        <v>58</v>
      </c>
      <c r="GS19" s="105">
        <v>52</v>
      </c>
      <c r="GT19" s="97">
        <v>63</v>
      </c>
      <c r="GU19" s="98">
        <v>115</v>
      </c>
      <c r="GV19" s="413">
        <v>0</v>
      </c>
      <c r="GW19" s="97">
        <v>97</v>
      </c>
      <c r="GX19" s="97">
        <v>111</v>
      </c>
      <c r="GY19" s="97">
        <v>66</v>
      </c>
      <c r="GZ19" s="97">
        <v>54</v>
      </c>
      <c r="HA19" s="97">
        <v>25</v>
      </c>
      <c r="HB19" s="99">
        <v>353</v>
      </c>
      <c r="HC19" s="100">
        <v>468</v>
      </c>
      <c r="HD19" s="101">
        <v>3</v>
      </c>
      <c r="HE19" s="102">
        <v>2</v>
      </c>
      <c r="HF19" s="103">
        <v>5</v>
      </c>
      <c r="HG19" s="413">
        <v>0</v>
      </c>
      <c r="HH19" s="102">
        <v>0</v>
      </c>
      <c r="HI19" s="102">
        <v>1</v>
      </c>
      <c r="HJ19" s="102">
        <v>1</v>
      </c>
      <c r="HK19" s="102">
        <v>2</v>
      </c>
      <c r="HL19" s="102">
        <v>0</v>
      </c>
      <c r="HM19" s="103">
        <v>4</v>
      </c>
      <c r="HN19" s="104">
        <v>9</v>
      </c>
      <c r="HO19" s="101">
        <v>1</v>
      </c>
      <c r="HP19" s="102">
        <v>4</v>
      </c>
      <c r="HQ19" s="103">
        <v>5</v>
      </c>
      <c r="HR19" s="413">
        <v>0</v>
      </c>
      <c r="HS19" s="102">
        <v>2</v>
      </c>
      <c r="HT19" s="102">
        <v>10</v>
      </c>
      <c r="HU19" s="102">
        <v>6</v>
      </c>
      <c r="HV19" s="102">
        <v>1</v>
      </c>
      <c r="HW19" s="102">
        <v>3</v>
      </c>
      <c r="HX19" s="103">
        <v>22</v>
      </c>
      <c r="HY19" s="104">
        <v>27</v>
      </c>
      <c r="HZ19" s="101">
        <v>6</v>
      </c>
      <c r="IA19" s="102">
        <v>9</v>
      </c>
      <c r="IB19" s="103">
        <v>15</v>
      </c>
      <c r="IC19" s="413">
        <v>0</v>
      </c>
      <c r="ID19" s="102">
        <v>12</v>
      </c>
      <c r="IE19" s="102">
        <v>4</v>
      </c>
      <c r="IF19" s="102">
        <v>9</v>
      </c>
      <c r="IG19" s="102">
        <v>3</v>
      </c>
      <c r="IH19" s="102">
        <v>6</v>
      </c>
      <c r="II19" s="103">
        <v>34</v>
      </c>
      <c r="IJ19" s="104">
        <v>49</v>
      </c>
      <c r="IK19" s="101">
        <v>17</v>
      </c>
      <c r="IL19" s="102">
        <v>16</v>
      </c>
      <c r="IM19" s="103">
        <v>33</v>
      </c>
      <c r="IN19" s="413">
        <v>0</v>
      </c>
      <c r="IO19" s="102">
        <v>27</v>
      </c>
      <c r="IP19" s="102">
        <v>24</v>
      </c>
      <c r="IQ19" s="102">
        <v>12</v>
      </c>
      <c r="IR19" s="102">
        <v>6</v>
      </c>
      <c r="IS19" s="102">
        <v>7</v>
      </c>
      <c r="IT19" s="103">
        <v>76</v>
      </c>
      <c r="IU19" s="104">
        <v>109</v>
      </c>
      <c r="IV19" s="101">
        <v>12</v>
      </c>
      <c r="IW19" s="102">
        <v>19</v>
      </c>
      <c r="IX19" s="103">
        <v>31</v>
      </c>
      <c r="IY19" s="413">
        <v>0</v>
      </c>
      <c r="IZ19" s="102">
        <v>30</v>
      </c>
      <c r="JA19" s="102">
        <v>30</v>
      </c>
      <c r="JB19" s="102">
        <v>16</v>
      </c>
      <c r="JC19" s="102">
        <v>13</v>
      </c>
      <c r="JD19" s="102">
        <v>2</v>
      </c>
      <c r="JE19" s="103">
        <v>91</v>
      </c>
      <c r="JF19" s="104">
        <v>122</v>
      </c>
      <c r="JG19" s="101">
        <v>13</v>
      </c>
      <c r="JH19" s="102">
        <v>13</v>
      </c>
      <c r="JI19" s="103">
        <v>26</v>
      </c>
      <c r="JJ19" s="413">
        <v>0</v>
      </c>
      <c r="JK19" s="102">
        <v>26</v>
      </c>
      <c r="JL19" s="102">
        <v>42</v>
      </c>
      <c r="JM19" s="102">
        <v>22</v>
      </c>
      <c r="JN19" s="102">
        <v>29</v>
      </c>
      <c r="JO19" s="102">
        <v>7</v>
      </c>
      <c r="JP19" s="103">
        <v>126</v>
      </c>
      <c r="JQ19" s="104">
        <v>152</v>
      </c>
      <c r="JR19" s="101">
        <v>0</v>
      </c>
      <c r="JS19" s="102">
        <v>0</v>
      </c>
      <c r="JT19" s="103">
        <v>0</v>
      </c>
      <c r="JU19" s="413">
        <v>0</v>
      </c>
      <c r="JV19" s="102">
        <v>0</v>
      </c>
      <c r="JW19" s="102">
        <v>0</v>
      </c>
      <c r="JX19" s="102">
        <v>0</v>
      </c>
      <c r="JY19" s="102">
        <v>0</v>
      </c>
      <c r="JZ19" s="102">
        <v>0</v>
      </c>
      <c r="KA19" s="103">
        <v>0</v>
      </c>
      <c r="KB19" s="104">
        <v>0</v>
      </c>
      <c r="KC19" s="101">
        <v>52</v>
      </c>
      <c r="KD19" s="102">
        <v>63</v>
      </c>
      <c r="KE19" s="103">
        <v>115</v>
      </c>
      <c r="KF19" s="413">
        <v>0</v>
      </c>
      <c r="KG19" s="102">
        <v>97</v>
      </c>
      <c r="KH19" s="102">
        <v>111</v>
      </c>
      <c r="KI19" s="102">
        <v>66</v>
      </c>
      <c r="KJ19" s="102">
        <v>54</v>
      </c>
      <c r="KK19" s="102">
        <v>25</v>
      </c>
      <c r="KL19" s="103">
        <v>353</v>
      </c>
      <c r="KM19" s="104">
        <v>468</v>
      </c>
    </row>
    <row r="20" spans="2:299" s="70" customFormat="1" ht="21" customHeight="1" x14ac:dyDescent="0.2">
      <c r="B20" s="106" t="s">
        <v>17</v>
      </c>
      <c r="C20" s="96">
        <v>72</v>
      </c>
      <c r="D20" s="97">
        <v>63</v>
      </c>
      <c r="E20" s="98">
        <v>135</v>
      </c>
      <c r="F20" s="413">
        <v>0</v>
      </c>
      <c r="G20" s="97">
        <v>108</v>
      </c>
      <c r="H20" s="97">
        <v>121</v>
      </c>
      <c r="I20" s="97">
        <v>76</v>
      </c>
      <c r="J20" s="97">
        <v>37</v>
      </c>
      <c r="K20" s="97">
        <v>27</v>
      </c>
      <c r="L20" s="99">
        <v>369</v>
      </c>
      <c r="M20" s="100">
        <v>504</v>
      </c>
      <c r="N20" s="101">
        <v>2</v>
      </c>
      <c r="O20" s="102">
        <v>2</v>
      </c>
      <c r="P20" s="103">
        <v>4</v>
      </c>
      <c r="Q20" s="413">
        <v>0</v>
      </c>
      <c r="R20" s="102">
        <v>0</v>
      </c>
      <c r="S20" s="102">
        <v>0</v>
      </c>
      <c r="T20" s="102">
        <v>2</v>
      </c>
      <c r="U20" s="102">
        <v>0</v>
      </c>
      <c r="V20" s="102">
        <v>0</v>
      </c>
      <c r="W20" s="103">
        <v>2</v>
      </c>
      <c r="X20" s="104">
        <v>6</v>
      </c>
      <c r="Y20" s="101">
        <v>3</v>
      </c>
      <c r="Z20" s="102">
        <v>2</v>
      </c>
      <c r="AA20" s="103">
        <v>5</v>
      </c>
      <c r="AB20" s="413">
        <v>0</v>
      </c>
      <c r="AC20" s="102">
        <v>3</v>
      </c>
      <c r="AD20" s="102">
        <v>5</v>
      </c>
      <c r="AE20" s="102">
        <v>2</v>
      </c>
      <c r="AF20" s="102">
        <v>0</v>
      </c>
      <c r="AG20" s="102">
        <v>1</v>
      </c>
      <c r="AH20" s="103">
        <v>11</v>
      </c>
      <c r="AI20" s="104">
        <v>16</v>
      </c>
      <c r="AJ20" s="101">
        <v>5</v>
      </c>
      <c r="AK20" s="102">
        <v>11</v>
      </c>
      <c r="AL20" s="103">
        <v>16</v>
      </c>
      <c r="AM20" s="413">
        <v>0</v>
      </c>
      <c r="AN20" s="102">
        <v>12</v>
      </c>
      <c r="AO20" s="102">
        <v>11</v>
      </c>
      <c r="AP20" s="102">
        <v>8</v>
      </c>
      <c r="AQ20" s="102">
        <v>1</v>
      </c>
      <c r="AR20" s="102">
        <v>4</v>
      </c>
      <c r="AS20" s="103">
        <v>36</v>
      </c>
      <c r="AT20" s="104">
        <v>52</v>
      </c>
      <c r="AU20" s="101">
        <v>19</v>
      </c>
      <c r="AV20" s="102">
        <v>17</v>
      </c>
      <c r="AW20" s="103">
        <v>36</v>
      </c>
      <c r="AX20" s="413">
        <v>0</v>
      </c>
      <c r="AY20" s="102">
        <v>26</v>
      </c>
      <c r="AZ20" s="102">
        <v>31</v>
      </c>
      <c r="BA20" s="102">
        <v>9</v>
      </c>
      <c r="BB20" s="102">
        <v>11</v>
      </c>
      <c r="BC20" s="102">
        <v>2</v>
      </c>
      <c r="BD20" s="103">
        <v>79</v>
      </c>
      <c r="BE20" s="104">
        <v>115</v>
      </c>
      <c r="BF20" s="101">
        <v>27</v>
      </c>
      <c r="BG20" s="102">
        <v>15</v>
      </c>
      <c r="BH20" s="103">
        <v>42</v>
      </c>
      <c r="BI20" s="413">
        <v>0</v>
      </c>
      <c r="BJ20" s="102">
        <v>38</v>
      </c>
      <c r="BK20" s="102">
        <v>36</v>
      </c>
      <c r="BL20" s="102">
        <v>27</v>
      </c>
      <c r="BM20" s="102">
        <v>13</v>
      </c>
      <c r="BN20" s="102">
        <v>7</v>
      </c>
      <c r="BO20" s="103">
        <v>121</v>
      </c>
      <c r="BP20" s="104">
        <v>163</v>
      </c>
      <c r="BQ20" s="101">
        <v>16</v>
      </c>
      <c r="BR20" s="102">
        <v>16</v>
      </c>
      <c r="BS20" s="103">
        <v>32</v>
      </c>
      <c r="BT20" s="413">
        <v>0</v>
      </c>
      <c r="BU20" s="102">
        <v>29</v>
      </c>
      <c r="BV20" s="102">
        <v>38</v>
      </c>
      <c r="BW20" s="102">
        <v>28</v>
      </c>
      <c r="BX20" s="102">
        <v>12</v>
      </c>
      <c r="BY20" s="102">
        <v>13</v>
      </c>
      <c r="BZ20" s="103">
        <v>120</v>
      </c>
      <c r="CA20" s="104">
        <v>152</v>
      </c>
      <c r="CB20" s="101">
        <v>0</v>
      </c>
      <c r="CC20" s="102">
        <v>0</v>
      </c>
      <c r="CD20" s="103">
        <v>0</v>
      </c>
      <c r="CE20" s="413">
        <v>0</v>
      </c>
      <c r="CF20" s="102">
        <v>0</v>
      </c>
      <c r="CG20" s="102">
        <v>0</v>
      </c>
      <c r="CH20" s="102">
        <v>0</v>
      </c>
      <c r="CI20" s="102">
        <v>0</v>
      </c>
      <c r="CJ20" s="102">
        <v>0</v>
      </c>
      <c r="CK20" s="103">
        <v>0</v>
      </c>
      <c r="CL20" s="104">
        <v>0</v>
      </c>
      <c r="CM20" s="101">
        <v>72</v>
      </c>
      <c r="CN20" s="102">
        <v>63</v>
      </c>
      <c r="CO20" s="103">
        <v>135</v>
      </c>
      <c r="CP20" s="413">
        <v>0</v>
      </c>
      <c r="CQ20" s="102">
        <v>108</v>
      </c>
      <c r="CR20" s="102">
        <v>121</v>
      </c>
      <c r="CS20" s="102">
        <v>76</v>
      </c>
      <c r="CT20" s="102">
        <v>37</v>
      </c>
      <c r="CU20" s="102">
        <v>27</v>
      </c>
      <c r="CV20" s="103">
        <v>369</v>
      </c>
      <c r="CW20" s="104">
        <v>504</v>
      </c>
      <c r="CX20" s="105">
        <v>8</v>
      </c>
      <c r="CY20" s="97">
        <v>11</v>
      </c>
      <c r="CZ20" s="98">
        <v>19</v>
      </c>
      <c r="DA20" s="413">
        <v>0</v>
      </c>
      <c r="DB20" s="97">
        <v>8</v>
      </c>
      <c r="DC20" s="97">
        <v>23</v>
      </c>
      <c r="DD20" s="97">
        <v>8</v>
      </c>
      <c r="DE20" s="97">
        <v>6</v>
      </c>
      <c r="DF20" s="97">
        <v>8</v>
      </c>
      <c r="DG20" s="99">
        <v>53</v>
      </c>
      <c r="DH20" s="100">
        <v>72</v>
      </c>
      <c r="DI20" s="101">
        <v>0</v>
      </c>
      <c r="DJ20" s="102">
        <v>0</v>
      </c>
      <c r="DK20" s="103">
        <v>0</v>
      </c>
      <c r="DL20" s="413">
        <v>0</v>
      </c>
      <c r="DM20" s="102">
        <v>0</v>
      </c>
      <c r="DN20" s="102">
        <v>1</v>
      </c>
      <c r="DO20" s="102">
        <v>1</v>
      </c>
      <c r="DP20" s="102">
        <v>1</v>
      </c>
      <c r="DQ20" s="102">
        <v>0</v>
      </c>
      <c r="DR20" s="103">
        <v>3</v>
      </c>
      <c r="DS20" s="104">
        <v>3</v>
      </c>
      <c r="DT20" s="101">
        <v>0</v>
      </c>
      <c r="DU20" s="102">
        <v>0</v>
      </c>
      <c r="DV20" s="103">
        <v>0</v>
      </c>
      <c r="DW20" s="413">
        <v>0</v>
      </c>
      <c r="DX20" s="102">
        <v>0</v>
      </c>
      <c r="DY20" s="102">
        <v>0</v>
      </c>
      <c r="DZ20" s="102">
        <v>0</v>
      </c>
      <c r="EA20" s="102">
        <v>0</v>
      </c>
      <c r="EB20" s="102">
        <v>0</v>
      </c>
      <c r="EC20" s="103">
        <v>0</v>
      </c>
      <c r="ED20" s="104">
        <v>0</v>
      </c>
      <c r="EE20" s="101">
        <v>5</v>
      </c>
      <c r="EF20" s="102">
        <v>1</v>
      </c>
      <c r="EG20" s="103">
        <v>6</v>
      </c>
      <c r="EH20" s="413">
        <v>0</v>
      </c>
      <c r="EI20" s="102">
        <v>1</v>
      </c>
      <c r="EJ20" s="102">
        <v>2</v>
      </c>
      <c r="EK20" s="102">
        <v>0</v>
      </c>
      <c r="EL20" s="102">
        <v>0</v>
      </c>
      <c r="EM20" s="102">
        <v>2</v>
      </c>
      <c r="EN20" s="103">
        <v>5</v>
      </c>
      <c r="EO20" s="104">
        <v>11</v>
      </c>
      <c r="EP20" s="101">
        <v>2</v>
      </c>
      <c r="EQ20" s="102">
        <v>6</v>
      </c>
      <c r="ER20" s="103">
        <v>8</v>
      </c>
      <c r="ES20" s="413">
        <v>0</v>
      </c>
      <c r="ET20" s="102">
        <v>3</v>
      </c>
      <c r="EU20" s="102">
        <v>5</v>
      </c>
      <c r="EV20" s="102">
        <v>0</v>
      </c>
      <c r="EW20" s="102">
        <v>0</v>
      </c>
      <c r="EX20" s="102">
        <v>1</v>
      </c>
      <c r="EY20" s="103">
        <v>9</v>
      </c>
      <c r="EZ20" s="104">
        <v>17</v>
      </c>
      <c r="FA20" s="101">
        <v>1</v>
      </c>
      <c r="FB20" s="102">
        <v>2</v>
      </c>
      <c r="FC20" s="103">
        <v>3</v>
      </c>
      <c r="FD20" s="413">
        <v>0</v>
      </c>
      <c r="FE20" s="102">
        <v>2</v>
      </c>
      <c r="FF20" s="102">
        <v>8</v>
      </c>
      <c r="FG20" s="102">
        <v>3</v>
      </c>
      <c r="FH20" s="102">
        <v>3</v>
      </c>
      <c r="FI20" s="102">
        <v>0</v>
      </c>
      <c r="FJ20" s="103">
        <v>16</v>
      </c>
      <c r="FK20" s="104">
        <v>19</v>
      </c>
      <c r="FL20" s="101">
        <v>0</v>
      </c>
      <c r="FM20" s="102">
        <v>2</v>
      </c>
      <c r="FN20" s="103">
        <v>2</v>
      </c>
      <c r="FO20" s="413">
        <v>0</v>
      </c>
      <c r="FP20" s="102">
        <v>2</v>
      </c>
      <c r="FQ20" s="102">
        <v>7</v>
      </c>
      <c r="FR20" s="102">
        <v>4</v>
      </c>
      <c r="FS20" s="102">
        <v>2</v>
      </c>
      <c r="FT20" s="102">
        <v>5</v>
      </c>
      <c r="FU20" s="103">
        <v>20</v>
      </c>
      <c r="FV20" s="104">
        <v>22</v>
      </c>
      <c r="FW20" s="101">
        <v>0</v>
      </c>
      <c r="FX20" s="102">
        <v>0</v>
      </c>
      <c r="FY20" s="103">
        <v>0</v>
      </c>
      <c r="FZ20" s="413">
        <v>0</v>
      </c>
      <c r="GA20" s="102">
        <v>0</v>
      </c>
      <c r="GB20" s="102">
        <v>0</v>
      </c>
      <c r="GC20" s="102">
        <v>0</v>
      </c>
      <c r="GD20" s="102">
        <v>0</v>
      </c>
      <c r="GE20" s="102">
        <v>0</v>
      </c>
      <c r="GF20" s="103">
        <v>0</v>
      </c>
      <c r="GG20" s="104">
        <v>0</v>
      </c>
      <c r="GH20" s="101">
        <v>8</v>
      </c>
      <c r="GI20" s="102">
        <v>11</v>
      </c>
      <c r="GJ20" s="103">
        <v>19</v>
      </c>
      <c r="GK20" s="413">
        <v>0</v>
      </c>
      <c r="GL20" s="102">
        <v>8</v>
      </c>
      <c r="GM20" s="102">
        <v>23</v>
      </c>
      <c r="GN20" s="102">
        <v>8</v>
      </c>
      <c r="GO20" s="102">
        <v>6</v>
      </c>
      <c r="GP20" s="102">
        <v>8</v>
      </c>
      <c r="GQ20" s="103">
        <v>53</v>
      </c>
      <c r="GR20" s="104">
        <v>72</v>
      </c>
      <c r="GS20" s="105">
        <v>80</v>
      </c>
      <c r="GT20" s="97">
        <v>74</v>
      </c>
      <c r="GU20" s="98">
        <v>154</v>
      </c>
      <c r="GV20" s="413">
        <v>0</v>
      </c>
      <c r="GW20" s="97">
        <v>116</v>
      </c>
      <c r="GX20" s="97">
        <v>144</v>
      </c>
      <c r="GY20" s="97">
        <v>84</v>
      </c>
      <c r="GZ20" s="97">
        <v>43</v>
      </c>
      <c r="HA20" s="97">
        <v>35</v>
      </c>
      <c r="HB20" s="99">
        <v>422</v>
      </c>
      <c r="HC20" s="100">
        <v>576</v>
      </c>
      <c r="HD20" s="101">
        <v>2</v>
      </c>
      <c r="HE20" s="102">
        <v>2</v>
      </c>
      <c r="HF20" s="103">
        <v>4</v>
      </c>
      <c r="HG20" s="413">
        <v>0</v>
      </c>
      <c r="HH20" s="102">
        <v>0</v>
      </c>
      <c r="HI20" s="102">
        <v>1</v>
      </c>
      <c r="HJ20" s="102">
        <v>3</v>
      </c>
      <c r="HK20" s="102">
        <v>1</v>
      </c>
      <c r="HL20" s="102">
        <v>0</v>
      </c>
      <c r="HM20" s="103">
        <v>5</v>
      </c>
      <c r="HN20" s="104">
        <v>9</v>
      </c>
      <c r="HO20" s="101">
        <v>3</v>
      </c>
      <c r="HP20" s="102">
        <v>2</v>
      </c>
      <c r="HQ20" s="103">
        <v>5</v>
      </c>
      <c r="HR20" s="413">
        <v>0</v>
      </c>
      <c r="HS20" s="102">
        <v>3</v>
      </c>
      <c r="HT20" s="102">
        <v>5</v>
      </c>
      <c r="HU20" s="102">
        <v>2</v>
      </c>
      <c r="HV20" s="102">
        <v>0</v>
      </c>
      <c r="HW20" s="102">
        <v>1</v>
      </c>
      <c r="HX20" s="103">
        <v>11</v>
      </c>
      <c r="HY20" s="104">
        <v>16</v>
      </c>
      <c r="HZ20" s="101">
        <v>10</v>
      </c>
      <c r="IA20" s="102">
        <v>12</v>
      </c>
      <c r="IB20" s="103">
        <v>22</v>
      </c>
      <c r="IC20" s="413">
        <v>0</v>
      </c>
      <c r="ID20" s="102">
        <v>13</v>
      </c>
      <c r="IE20" s="102">
        <v>13</v>
      </c>
      <c r="IF20" s="102">
        <v>8</v>
      </c>
      <c r="IG20" s="102">
        <v>1</v>
      </c>
      <c r="IH20" s="102">
        <v>6</v>
      </c>
      <c r="II20" s="103">
        <v>41</v>
      </c>
      <c r="IJ20" s="104">
        <v>63</v>
      </c>
      <c r="IK20" s="101">
        <v>21</v>
      </c>
      <c r="IL20" s="102">
        <v>23</v>
      </c>
      <c r="IM20" s="103">
        <v>44</v>
      </c>
      <c r="IN20" s="413">
        <v>0</v>
      </c>
      <c r="IO20" s="102">
        <v>29</v>
      </c>
      <c r="IP20" s="102">
        <v>36</v>
      </c>
      <c r="IQ20" s="102">
        <v>9</v>
      </c>
      <c r="IR20" s="102">
        <v>11</v>
      </c>
      <c r="IS20" s="102">
        <v>3</v>
      </c>
      <c r="IT20" s="103">
        <v>88</v>
      </c>
      <c r="IU20" s="104">
        <v>132</v>
      </c>
      <c r="IV20" s="101">
        <v>28</v>
      </c>
      <c r="IW20" s="102">
        <v>17</v>
      </c>
      <c r="IX20" s="103">
        <v>45</v>
      </c>
      <c r="IY20" s="413">
        <v>0</v>
      </c>
      <c r="IZ20" s="102">
        <v>40</v>
      </c>
      <c r="JA20" s="102">
        <v>44</v>
      </c>
      <c r="JB20" s="102">
        <v>30</v>
      </c>
      <c r="JC20" s="102">
        <v>16</v>
      </c>
      <c r="JD20" s="102">
        <v>7</v>
      </c>
      <c r="JE20" s="103">
        <v>137</v>
      </c>
      <c r="JF20" s="104">
        <v>182</v>
      </c>
      <c r="JG20" s="101">
        <v>16</v>
      </c>
      <c r="JH20" s="102">
        <v>18</v>
      </c>
      <c r="JI20" s="103">
        <v>34</v>
      </c>
      <c r="JJ20" s="413">
        <v>0</v>
      </c>
      <c r="JK20" s="102">
        <v>31</v>
      </c>
      <c r="JL20" s="102">
        <v>45</v>
      </c>
      <c r="JM20" s="102">
        <v>32</v>
      </c>
      <c r="JN20" s="102">
        <v>14</v>
      </c>
      <c r="JO20" s="102">
        <v>18</v>
      </c>
      <c r="JP20" s="103">
        <v>140</v>
      </c>
      <c r="JQ20" s="104">
        <v>174</v>
      </c>
      <c r="JR20" s="101">
        <v>0</v>
      </c>
      <c r="JS20" s="102">
        <v>0</v>
      </c>
      <c r="JT20" s="103">
        <v>0</v>
      </c>
      <c r="JU20" s="413">
        <v>0</v>
      </c>
      <c r="JV20" s="102">
        <v>0</v>
      </c>
      <c r="JW20" s="102">
        <v>0</v>
      </c>
      <c r="JX20" s="102">
        <v>0</v>
      </c>
      <c r="JY20" s="102">
        <v>0</v>
      </c>
      <c r="JZ20" s="102">
        <v>0</v>
      </c>
      <c r="KA20" s="103">
        <v>0</v>
      </c>
      <c r="KB20" s="104">
        <v>0</v>
      </c>
      <c r="KC20" s="101">
        <v>80</v>
      </c>
      <c r="KD20" s="102">
        <v>74</v>
      </c>
      <c r="KE20" s="103">
        <v>154</v>
      </c>
      <c r="KF20" s="413">
        <v>0</v>
      </c>
      <c r="KG20" s="102">
        <v>116</v>
      </c>
      <c r="KH20" s="102">
        <v>144</v>
      </c>
      <c r="KI20" s="102">
        <v>84</v>
      </c>
      <c r="KJ20" s="102">
        <v>43</v>
      </c>
      <c r="KK20" s="102">
        <v>35</v>
      </c>
      <c r="KL20" s="103">
        <v>422</v>
      </c>
      <c r="KM20" s="104">
        <v>576</v>
      </c>
    </row>
    <row r="21" spans="2:299" s="70" customFormat="1" ht="21" customHeight="1" x14ac:dyDescent="0.2">
      <c r="B21" s="106" t="s">
        <v>18</v>
      </c>
      <c r="C21" s="96">
        <v>76</v>
      </c>
      <c r="D21" s="97">
        <v>71</v>
      </c>
      <c r="E21" s="98">
        <v>147</v>
      </c>
      <c r="F21" s="413">
        <v>0</v>
      </c>
      <c r="G21" s="97">
        <v>162</v>
      </c>
      <c r="H21" s="97">
        <v>110</v>
      </c>
      <c r="I21" s="97">
        <v>98</v>
      </c>
      <c r="J21" s="97">
        <v>57</v>
      </c>
      <c r="K21" s="97">
        <v>38</v>
      </c>
      <c r="L21" s="99">
        <v>465</v>
      </c>
      <c r="M21" s="100">
        <v>612</v>
      </c>
      <c r="N21" s="101">
        <v>3</v>
      </c>
      <c r="O21" s="102">
        <v>0</v>
      </c>
      <c r="P21" s="103">
        <v>3</v>
      </c>
      <c r="Q21" s="413">
        <v>0</v>
      </c>
      <c r="R21" s="102">
        <v>4</v>
      </c>
      <c r="S21" s="102">
        <v>0</v>
      </c>
      <c r="T21" s="102">
        <v>2</v>
      </c>
      <c r="U21" s="102">
        <v>1</v>
      </c>
      <c r="V21" s="102">
        <v>3</v>
      </c>
      <c r="W21" s="103">
        <v>10</v>
      </c>
      <c r="X21" s="104">
        <v>13</v>
      </c>
      <c r="Y21" s="101">
        <v>5</v>
      </c>
      <c r="Z21" s="102">
        <v>4</v>
      </c>
      <c r="AA21" s="103">
        <v>9</v>
      </c>
      <c r="AB21" s="413">
        <v>0</v>
      </c>
      <c r="AC21" s="102">
        <v>9</v>
      </c>
      <c r="AD21" s="102">
        <v>8</v>
      </c>
      <c r="AE21" s="102">
        <v>3</v>
      </c>
      <c r="AF21" s="102">
        <v>2</v>
      </c>
      <c r="AG21" s="102">
        <v>4</v>
      </c>
      <c r="AH21" s="103">
        <v>26</v>
      </c>
      <c r="AI21" s="104">
        <v>35</v>
      </c>
      <c r="AJ21" s="101">
        <v>7</v>
      </c>
      <c r="AK21" s="102">
        <v>13</v>
      </c>
      <c r="AL21" s="103">
        <v>20</v>
      </c>
      <c r="AM21" s="413">
        <v>0</v>
      </c>
      <c r="AN21" s="102">
        <v>13</v>
      </c>
      <c r="AO21" s="102">
        <v>8</v>
      </c>
      <c r="AP21" s="102">
        <v>8</v>
      </c>
      <c r="AQ21" s="102">
        <v>4</v>
      </c>
      <c r="AR21" s="102">
        <v>2</v>
      </c>
      <c r="AS21" s="103">
        <v>35</v>
      </c>
      <c r="AT21" s="104">
        <v>55</v>
      </c>
      <c r="AU21" s="101">
        <v>17</v>
      </c>
      <c r="AV21" s="102">
        <v>7</v>
      </c>
      <c r="AW21" s="103">
        <v>24</v>
      </c>
      <c r="AX21" s="413">
        <v>0</v>
      </c>
      <c r="AY21" s="102">
        <v>35</v>
      </c>
      <c r="AZ21" s="102">
        <v>19</v>
      </c>
      <c r="BA21" s="102">
        <v>12</v>
      </c>
      <c r="BB21" s="102">
        <v>10</v>
      </c>
      <c r="BC21" s="102">
        <v>7</v>
      </c>
      <c r="BD21" s="103">
        <v>83</v>
      </c>
      <c r="BE21" s="104">
        <v>107</v>
      </c>
      <c r="BF21" s="101">
        <v>29</v>
      </c>
      <c r="BG21" s="102">
        <v>21</v>
      </c>
      <c r="BH21" s="103">
        <v>50</v>
      </c>
      <c r="BI21" s="413">
        <v>0</v>
      </c>
      <c r="BJ21" s="102">
        <v>55</v>
      </c>
      <c r="BK21" s="102">
        <v>31</v>
      </c>
      <c r="BL21" s="102">
        <v>38</v>
      </c>
      <c r="BM21" s="102">
        <v>19</v>
      </c>
      <c r="BN21" s="102">
        <v>8</v>
      </c>
      <c r="BO21" s="103">
        <v>151</v>
      </c>
      <c r="BP21" s="104">
        <v>201</v>
      </c>
      <c r="BQ21" s="101">
        <v>15</v>
      </c>
      <c r="BR21" s="102">
        <v>26</v>
      </c>
      <c r="BS21" s="103">
        <v>41</v>
      </c>
      <c r="BT21" s="413">
        <v>0</v>
      </c>
      <c r="BU21" s="102">
        <v>46</v>
      </c>
      <c r="BV21" s="102">
        <v>44</v>
      </c>
      <c r="BW21" s="102">
        <v>35</v>
      </c>
      <c r="BX21" s="102">
        <v>21</v>
      </c>
      <c r="BY21" s="102">
        <v>14</v>
      </c>
      <c r="BZ21" s="103">
        <v>160</v>
      </c>
      <c r="CA21" s="104">
        <v>201</v>
      </c>
      <c r="CB21" s="101">
        <v>0</v>
      </c>
      <c r="CC21" s="102">
        <v>0</v>
      </c>
      <c r="CD21" s="103">
        <v>0</v>
      </c>
      <c r="CE21" s="413">
        <v>0</v>
      </c>
      <c r="CF21" s="102">
        <v>0</v>
      </c>
      <c r="CG21" s="102">
        <v>0</v>
      </c>
      <c r="CH21" s="102">
        <v>0</v>
      </c>
      <c r="CI21" s="102">
        <v>0</v>
      </c>
      <c r="CJ21" s="102">
        <v>0</v>
      </c>
      <c r="CK21" s="103">
        <v>0</v>
      </c>
      <c r="CL21" s="104">
        <v>0</v>
      </c>
      <c r="CM21" s="101">
        <v>76</v>
      </c>
      <c r="CN21" s="102">
        <v>71</v>
      </c>
      <c r="CO21" s="103">
        <v>147</v>
      </c>
      <c r="CP21" s="413">
        <v>0</v>
      </c>
      <c r="CQ21" s="102">
        <v>162</v>
      </c>
      <c r="CR21" s="102">
        <v>110</v>
      </c>
      <c r="CS21" s="102">
        <v>98</v>
      </c>
      <c r="CT21" s="102">
        <v>57</v>
      </c>
      <c r="CU21" s="102">
        <v>38</v>
      </c>
      <c r="CV21" s="103">
        <v>465</v>
      </c>
      <c r="CW21" s="104">
        <v>612</v>
      </c>
      <c r="CX21" s="105">
        <v>10</v>
      </c>
      <c r="CY21" s="97">
        <v>22</v>
      </c>
      <c r="CZ21" s="98">
        <v>32</v>
      </c>
      <c r="DA21" s="413">
        <v>0</v>
      </c>
      <c r="DB21" s="97">
        <v>23</v>
      </c>
      <c r="DC21" s="97">
        <v>15</v>
      </c>
      <c r="DD21" s="97">
        <v>13</v>
      </c>
      <c r="DE21" s="97">
        <v>9</v>
      </c>
      <c r="DF21" s="97">
        <v>7</v>
      </c>
      <c r="DG21" s="99">
        <v>67</v>
      </c>
      <c r="DH21" s="100">
        <v>99</v>
      </c>
      <c r="DI21" s="101">
        <v>1</v>
      </c>
      <c r="DJ21" s="102">
        <v>0</v>
      </c>
      <c r="DK21" s="103">
        <v>1</v>
      </c>
      <c r="DL21" s="413">
        <v>0</v>
      </c>
      <c r="DM21" s="102">
        <v>0</v>
      </c>
      <c r="DN21" s="102">
        <v>0</v>
      </c>
      <c r="DO21" s="102">
        <v>1</v>
      </c>
      <c r="DP21" s="102">
        <v>0</v>
      </c>
      <c r="DQ21" s="102">
        <v>1</v>
      </c>
      <c r="DR21" s="103">
        <v>2</v>
      </c>
      <c r="DS21" s="104">
        <v>3</v>
      </c>
      <c r="DT21" s="101">
        <v>0</v>
      </c>
      <c r="DU21" s="102">
        <v>4</v>
      </c>
      <c r="DV21" s="103">
        <v>4</v>
      </c>
      <c r="DW21" s="413">
        <v>0</v>
      </c>
      <c r="DX21" s="102">
        <v>2</v>
      </c>
      <c r="DY21" s="102">
        <v>1</v>
      </c>
      <c r="DZ21" s="102">
        <v>1</v>
      </c>
      <c r="EA21" s="102">
        <v>0</v>
      </c>
      <c r="EB21" s="102">
        <v>0</v>
      </c>
      <c r="EC21" s="103">
        <v>4</v>
      </c>
      <c r="ED21" s="104">
        <v>8</v>
      </c>
      <c r="EE21" s="101">
        <v>2</v>
      </c>
      <c r="EF21" s="102">
        <v>6</v>
      </c>
      <c r="EG21" s="103">
        <v>8</v>
      </c>
      <c r="EH21" s="413">
        <v>0</v>
      </c>
      <c r="EI21" s="102">
        <v>3</v>
      </c>
      <c r="EJ21" s="102">
        <v>0</v>
      </c>
      <c r="EK21" s="102">
        <v>0</v>
      </c>
      <c r="EL21" s="102">
        <v>0</v>
      </c>
      <c r="EM21" s="102">
        <v>0</v>
      </c>
      <c r="EN21" s="103">
        <v>3</v>
      </c>
      <c r="EO21" s="104">
        <v>11</v>
      </c>
      <c r="EP21" s="101">
        <v>2</v>
      </c>
      <c r="EQ21" s="102">
        <v>5</v>
      </c>
      <c r="ER21" s="103">
        <v>7</v>
      </c>
      <c r="ES21" s="413">
        <v>0</v>
      </c>
      <c r="ET21" s="102">
        <v>9</v>
      </c>
      <c r="EU21" s="102">
        <v>2</v>
      </c>
      <c r="EV21" s="102">
        <v>3</v>
      </c>
      <c r="EW21" s="102">
        <v>1</v>
      </c>
      <c r="EX21" s="102">
        <v>0</v>
      </c>
      <c r="EY21" s="103">
        <v>15</v>
      </c>
      <c r="EZ21" s="104">
        <v>22</v>
      </c>
      <c r="FA21" s="101">
        <v>2</v>
      </c>
      <c r="FB21" s="102">
        <v>5</v>
      </c>
      <c r="FC21" s="103">
        <v>7</v>
      </c>
      <c r="FD21" s="413">
        <v>0</v>
      </c>
      <c r="FE21" s="102">
        <v>0</v>
      </c>
      <c r="FF21" s="102">
        <v>9</v>
      </c>
      <c r="FG21" s="102">
        <v>3</v>
      </c>
      <c r="FH21" s="102">
        <v>1</v>
      </c>
      <c r="FI21" s="102">
        <v>1</v>
      </c>
      <c r="FJ21" s="103">
        <v>14</v>
      </c>
      <c r="FK21" s="104">
        <v>21</v>
      </c>
      <c r="FL21" s="101">
        <v>3</v>
      </c>
      <c r="FM21" s="102">
        <v>2</v>
      </c>
      <c r="FN21" s="103">
        <v>5</v>
      </c>
      <c r="FO21" s="413">
        <v>0</v>
      </c>
      <c r="FP21" s="102">
        <v>9</v>
      </c>
      <c r="FQ21" s="102">
        <v>3</v>
      </c>
      <c r="FR21" s="102">
        <v>5</v>
      </c>
      <c r="FS21" s="102">
        <v>7</v>
      </c>
      <c r="FT21" s="102">
        <v>5</v>
      </c>
      <c r="FU21" s="103">
        <v>29</v>
      </c>
      <c r="FV21" s="104">
        <v>34</v>
      </c>
      <c r="FW21" s="101">
        <v>0</v>
      </c>
      <c r="FX21" s="102">
        <v>0</v>
      </c>
      <c r="FY21" s="103">
        <v>0</v>
      </c>
      <c r="FZ21" s="413">
        <v>0</v>
      </c>
      <c r="GA21" s="102">
        <v>0</v>
      </c>
      <c r="GB21" s="102">
        <v>0</v>
      </c>
      <c r="GC21" s="102">
        <v>0</v>
      </c>
      <c r="GD21" s="102">
        <v>0</v>
      </c>
      <c r="GE21" s="102">
        <v>0</v>
      </c>
      <c r="GF21" s="103">
        <v>0</v>
      </c>
      <c r="GG21" s="104">
        <v>0</v>
      </c>
      <c r="GH21" s="101">
        <v>10</v>
      </c>
      <c r="GI21" s="102">
        <v>22</v>
      </c>
      <c r="GJ21" s="103">
        <v>32</v>
      </c>
      <c r="GK21" s="413">
        <v>0</v>
      </c>
      <c r="GL21" s="102">
        <v>23</v>
      </c>
      <c r="GM21" s="102">
        <v>15</v>
      </c>
      <c r="GN21" s="102">
        <v>13</v>
      </c>
      <c r="GO21" s="102">
        <v>9</v>
      </c>
      <c r="GP21" s="102">
        <v>7</v>
      </c>
      <c r="GQ21" s="103">
        <v>67</v>
      </c>
      <c r="GR21" s="104">
        <v>99</v>
      </c>
      <c r="GS21" s="105">
        <v>86</v>
      </c>
      <c r="GT21" s="97">
        <v>93</v>
      </c>
      <c r="GU21" s="98">
        <v>179</v>
      </c>
      <c r="GV21" s="413">
        <v>0</v>
      </c>
      <c r="GW21" s="97">
        <v>185</v>
      </c>
      <c r="GX21" s="97">
        <v>125</v>
      </c>
      <c r="GY21" s="97">
        <v>111</v>
      </c>
      <c r="GZ21" s="97">
        <v>66</v>
      </c>
      <c r="HA21" s="97">
        <v>45</v>
      </c>
      <c r="HB21" s="99">
        <v>532</v>
      </c>
      <c r="HC21" s="100">
        <v>711</v>
      </c>
      <c r="HD21" s="101">
        <v>4</v>
      </c>
      <c r="HE21" s="102">
        <v>0</v>
      </c>
      <c r="HF21" s="103">
        <v>4</v>
      </c>
      <c r="HG21" s="413">
        <v>0</v>
      </c>
      <c r="HH21" s="102">
        <v>4</v>
      </c>
      <c r="HI21" s="102">
        <v>0</v>
      </c>
      <c r="HJ21" s="102">
        <v>3</v>
      </c>
      <c r="HK21" s="102">
        <v>1</v>
      </c>
      <c r="HL21" s="102">
        <v>4</v>
      </c>
      <c r="HM21" s="103">
        <v>12</v>
      </c>
      <c r="HN21" s="104">
        <v>16</v>
      </c>
      <c r="HO21" s="101">
        <v>5</v>
      </c>
      <c r="HP21" s="102">
        <v>8</v>
      </c>
      <c r="HQ21" s="103">
        <v>13</v>
      </c>
      <c r="HR21" s="413">
        <v>0</v>
      </c>
      <c r="HS21" s="102">
        <v>11</v>
      </c>
      <c r="HT21" s="102">
        <v>9</v>
      </c>
      <c r="HU21" s="102">
        <v>4</v>
      </c>
      <c r="HV21" s="102">
        <v>2</v>
      </c>
      <c r="HW21" s="102">
        <v>4</v>
      </c>
      <c r="HX21" s="103">
        <v>30</v>
      </c>
      <c r="HY21" s="104">
        <v>43</v>
      </c>
      <c r="HZ21" s="101">
        <v>9</v>
      </c>
      <c r="IA21" s="102">
        <v>19</v>
      </c>
      <c r="IB21" s="103">
        <v>28</v>
      </c>
      <c r="IC21" s="413">
        <v>0</v>
      </c>
      <c r="ID21" s="102">
        <v>16</v>
      </c>
      <c r="IE21" s="102">
        <v>8</v>
      </c>
      <c r="IF21" s="102">
        <v>8</v>
      </c>
      <c r="IG21" s="102">
        <v>4</v>
      </c>
      <c r="IH21" s="102">
        <v>2</v>
      </c>
      <c r="II21" s="103">
        <v>38</v>
      </c>
      <c r="IJ21" s="104">
        <v>66</v>
      </c>
      <c r="IK21" s="101">
        <v>19</v>
      </c>
      <c r="IL21" s="102">
        <v>12</v>
      </c>
      <c r="IM21" s="103">
        <v>31</v>
      </c>
      <c r="IN21" s="413">
        <v>0</v>
      </c>
      <c r="IO21" s="102">
        <v>44</v>
      </c>
      <c r="IP21" s="102">
        <v>21</v>
      </c>
      <c r="IQ21" s="102">
        <v>15</v>
      </c>
      <c r="IR21" s="102">
        <v>11</v>
      </c>
      <c r="IS21" s="102">
        <v>7</v>
      </c>
      <c r="IT21" s="103">
        <v>98</v>
      </c>
      <c r="IU21" s="104">
        <v>129</v>
      </c>
      <c r="IV21" s="101">
        <v>31</v>
      </c>
      <c r="IW21" s="102">
        <v>26</v>
      </c>
      <c r="IX21" s="103">
        <v>57</v>
      </c>
      <c r="IY21" s="413">
        <v>0</v>
      </c>
      <c r="IZ21" s="102">
        <v>55</v>
      </c>
      <c r="JA21" s="102">
        <v>40</v>
      </c>
      <c r="JB21" s="102">
        <v>41</v>
      </c>
      <c r="JC21" s="102">
        <v>20</v>
      </c>
      <c r="JD21" s="102">
        <v>9</v>
      </c>
      <c r="JE21" s="103">
        <v>165</v>
      </c>
      <c r="JF21" s="104">
        <v>222</v>
      </c>
      <c r="JG21" s="101">
        <v>18</v>
      </c>
      <c r="JH21" s="102">
        <v>28</v>
      </c>
      <c r="JI21" s="103">
        <v>46</v>
      </c>
      <c r="JJ21" s="413">
        <v>0</v>
      </c>
      <c r="JK21" s="102">
        <v>55</v>
      </c>
      <c r="JL21" s="102">
        <v>47</v>
      </c>
      <c r="JM21" s="102">
        <v>40</v>
      </c>
      <c r="JN21" s="102">
        <v>28</v>
      </c>
      <c r="JO21" s="102">
        <v>19</v>
      </c>
      <c r="JP21" s="103">
        <v>189</v>
      </c>
      <c r="JQ21" s="104">
        <v>235</v>
      </c>
      <c r="JR21" s="101">
        <v>0</v>
      </c>
      <c r="JS21" s="102">
        <v>0</v>
      </c>
      <c r="JT21" s="103">
        <v>0</v>
      </c>
      <c r="JU21" s="413">
        <v>0</v>
      </c>
      <c r="JV21" s="102">
        <v>0</v>
      </c>
      <c r="JW21" s="102">
        <v>0</v>
      </c>
      <c r="JX21" s="102">
        <v>0</v>
      </c>
      <c r="JY21" s="102">
        <v>0</v>
      </c>
      <c r="JZ21" s="102">
        <v>0</v>
      </c>
      <c r="KA21" s="103">
        <v>0</v>
      </c>
      <c r="KB21" s="104">
        <v>0</v>
      </c>
      <c r="KC21" s="101">
        <v>86</v>
      </c>
      <c r="KD21" s="102">
        <v>93</v>
      </c>
      <c r="KE21" s="103">
        <v>179</v>
      </c>
      <c r="KF21" s="413">
        <v>0</v>
      </c>
      <c r="KG21" s="102">
        <v>185</v>
      </c>
      <c r="KH21" s="102">
        <v>125</v>
      </c>
      <c r="KI21" s="102">
        <v>111</v>
      </c>
      <c r="KJ21" s="102">
        <v>66</v>
      </c>
      <c r="KK21" s="102">
        <v>45</v>
      </c>
      <c r="KL21" s="103">
        <v>532</v>
      </c>
      <c r="KM21" s="104">
        <v>711</v>
      </c>
    </row>
    <row r="22" spans="2:299" s="70" customFormat="1" ht="21" customHeight="1" x14ac:dyDescent="0.2">
      <c r="B22" s="106" t="s">
        <v>19</v>
      </c>
      <c r="C22" s="96">
        <v>46</v>
      </c>
      <c r="D22" s="97">
        <v>40</v>
      </c>
      <c r="E22" s="98">
        <v>86</v>
      </c>
      <c r="F22" s="413">
        <v>0</v>
      </c>
      <c r="G22" s="97">
        <v>73</v>
      </c>
      <c r="H22" s="97">
        <v>52</v>
      </c>
      <c r="I22" s="97">
        <v>24</v>
      </c>
      <c r="J22" s="97">
        <v>16</v>
      </c>
      <c r="K22" s="97">
        <v>23</v>
      </c>
      <c r="L22" s="99">
        <v>188</v>
      </c>
      <c r="M22" s="100">
        <v>274</v>
      </c>
      <c r="N22" s="107">
        <v>0</v>
      </c>
      <c r="O22" s="102">
        <v>0</v>
      </c>
      <c r="P22" s="103">
        <v>0</v>
      </c>
      <c r="Q22" s="413">
        <v>0</v>
      </c>
      <c r="R22" s="102">
        <v>1</v>
      </c>
      <c r="S22" s="102">
        <v>1</v>
      </c>
      <c r="T22" s="102">
        <v>1</v>
      </c>
      <c r="U22" s="102">
        <v>1</v>
      </c>
      <c r="V22" s="102">
        <v>0</v>
      </c>
      <c r="W22" s="103">
        <v>4</v>
      </c>
      <c r="X22" s="104">
        <v>4</v>
      </c>
      <c r="Y22" s="101">
        <v>2</v>
      </c>
      <c r="Z22" s="102">
        <v>2</v>
      </c>
      <c r="AA22" s="103">
        <v>4</v>
      </c>
      <c r="AB22" s="413">
        <v>0</v>
      </c>
      <c r="AC22" s="102">
        <v>1</v>
      </c>
      <c r="AD22" s="102">
        <v>4</v>
      </c>
      <c r="AE22" s="102">
        <v>1</v>
      </c>
      <c r="AF22" s="102">
        <v>0</v>
      </c>
      <c r="AG22" s="102">
        <v>2</v>
      </c>
      <c r="AH22" s="103">
        <v>8</v>
      </c>
      <c r="AI22" s="104">
        <v>12</v>
      </c>
      <c r="AJ22" s="107">
        <v>4</v>
      </c>
      <c r="AK22" s="102">
        <v>3</v>
      </c>
      <c r="AL22" s="103">
        <v>7</v>
      </c>
      <c r="AM22" s="413">
        <v>0</v>
      </c>
      <c r="AN22" s="102">
        <v>4</v>
      </c>
      <c r="AO22" s="102">
        <v>4</v>
      </c>
      <c r="AP22" s="102">
        <v>1</v>
      </c>
      <c r="AQ22" s="102">
        <v>0</v>
      </c>
      <c r="AR22" s="102">
        <v>1</v>
      </c>
      <c r="AS22" s="103">
        <v>10</v>
      </c>
      <c r="AT22" s="104">
        <v>17</v>
      </c>
      <c r="AU22" s="101">
        <v>11</v>
      </c>
      <c r="AV22" s="102">
        <v>6</v>
      </c>
      <c r="AW22" s="103">
        <v>17</v>
      </c>
      <c r="AX22" s="413">
        <v>0</v>
      </c>
      <c r="AY22" s="102">
        <v>16</v>
      </c>
      <c r="AZ22" s="102">
        <v>10</v>
      </c>
      <c r="BA22" s="102">
        <v>3</v>
      </c>
      <c r="BB22" s="102">
        <v>6</v>
      </c>
      <c r="BC22" s="102">
        <v>7</v>
      </c>
      <c r="BD22" s="103">
        <v>42</v>
      </c>
      <c r="BE22" s="104">
        <v>59</v>
      </c>
      <c r="BF22" s="107">
        <v>11</v>
      </c>
      <c r="BG22" s="102">
        <v>13</v>
      </c>
      <c r="BH22" s="103">
        <v>24</v>
      </c>
      <c r="BI22" s="413">
        <v>0</v>
      </c>
      <c r="BJ22" s="102">
        <v>27</v>
      </c>
      <c r="BK22" s="102">
        <v>12</v>
      </c>
      <c r="BL22" s="102">
        <v>10</v>
      </c>
      <c r="BM22" s="102">
        <v>7</v>
      </c>
      <c r="BN22" s="102">
        <v>9</v>
      </c>
      <c r="BO22" s="103">
        <v>65</v>
      </c>
      <c r="BP22" s="104">
        <v>89</v>
      </c>
      <c r="BQ22" s="101">
        <v>18</v>
      </c>
      <c r="BR22" s="102">
        <v>16</v>
      </c>
      <c r="BS22" s="103">
        <v>34</v>
      </c>
      <c r="BT22" s="413">
        <v>0</v>
      </c>
      <c r="BU22" s="102">
        <v>24</v>
      </c>
      <c r="BV22" s="102">
        <v>21</v>
      </c>
      <c r="BW22" s="102">
        <v>8</v>
      </c>
      <c r="BX22" s="102">
        <v>2</v>
      </c>
      <c r="BY22" s="102">
        <v>4</v>
      </c>
      <c r="BZ22" s="103">
        <v>59</v>
      </c>
      <c r="CA22" s="104">
        <v>93</v>
      </c>
      <c r="CB22" s="101">
        <v>0</v>
      </c>
      <c r="CC22" s="102">
        <v>0</v>
      </c>
      <c r="CD22" s="103">
        <v>0</v>
      </c>
      <c r="CE22" s="413">
        <v>0</v>
      </c>
      <c r="CF22" s="102">
        <v>0</v>
      </c>
      <c r="CG22" s="102">
        <v>0</v>
      </c>
      <c r="CH22" s="102">
        <v>0</v>
      </c>
      <c r="CI22" s="102">
        <v>0</v>
      </c>
      <c r="CJ22" s="102">
        <v>0</v>
      </c>
      <c r="CK22" s="103">
        <v>0</v>
      </c>
      <c r="CL22" s="104">
        <v>0</v>
      </c>
      <c r="CM22" s="101">
        <v>46</v>
      </c>
      <c r="CN22" s="102">
        <v>40</v>
      </c>
      <c r="CO22" s="103">
        <v>86</v>
      </c>
      <c r="CP22" s="413">
        <v>0</v>
      </c>
      <c r="CQ22" s="102">
        <v>73</v>
      </c>
      <c r="CR22" s="102">
        <v>52</v>
      </c>
      <c r="CS22" s="102">
        <v>24</v>
      </c>
      <c r="CT22" s="102">
        <v>16</v>
      </c>
      <c r="CU22" s="102">
        <v>23</v>
      </c>
      <c r="CV22" s="103">
        <v>188</v>
      </c>
      <c r="CW22" s="104">
        <v>274</v>
      </c>
      <c r="CX22" s="105">
        <v>6</v>
      </c>
      <c r="CY22" s="97">
        <v>4</v>
      </c>
      <c r="CZ22" s="98">
        <v>10</v>
      </c>
      <c r="DA22" s="413">
        <v>0</v>
      </c>
      <c r="DB22" s="97">
        <v>13</v>
      </c>
      <c r="DC22" s="97">
        <v>4</v>
      </c>
      <c r="DD22" s="97">
        <v>6</v>
      </c>
      <c r="DE22" s="97">
        <v>5</v>
      </c>
      <c r="DF22" s="97">
        <v>2</v>
      </c>
      <c r="DG22" s="99">
        <v>30</v>
      </c>
      <c r="DH22" s="100">
        <v>40</v>
      </c>
      <c r="DI22" s="107">
        <v>1</v>
      </c>
      <c r="DJ22" s="102">
        <v>0</v>
      </c>
      <c r="DK22" s="103">
        <v>1</v>
      </c>
      <c r="DL22" s="413">
        <v>0</v>
      </c>
      <c r="DM22" s="102">
        <v>0</v>
      </c>
      <c r="DN22" s="102">
        <v>0</v>
      </c>
      <c r="DO22" s="102">
        <v>0</v>
      </c>
      <c r="DP22" s="102">
        <v>0</v>
      </c>
      <c r="DQ22" s="102">
        <v>0</v>
      </c>
      <c r="DR22" s="103">
        <v>0</v>
      </c>
      <c r="DS22" s="104">
        <v>1</v>
      </c>
      <c r="DT22" s="101">
        <v>0</v>
      </c>
      <c r="DU22" s="102">
        <v>1</v>
      </c>
      <c r="DV22" s="103">
        <v>1</v>
      </c>
      <c r="DW22" s="413">
        <v>0</v>
      </c>
      <c r="DX22" s="102">
        <v>1</v>
      </c>
      <c r="DY22" s="102">
        <v>0</v>
      </c>
      <c r="DZ22" s="102">
        <v>1</v>
      </c>
      <c r="EA22" s="102">
        <v>0</v>
      </c>
      <c r="EB22" s="102">
        <v>0</v>
      </c>
      <c r="EC22" s="103">
        <v>2</v>
      </c>
      <c r="ED22" s="104">
        <v>3</v>
      </c>
      <c r="EE22" s="107">
        <v>1</v>
      </c>
      <c r="EF22" s="102">
        <v>0</v>
      </c>
      <c r="EG22" s="103">
        <v>1</v>
      </c>
      <c r="EH22" s="413">
        <v>0</v>
      </c>
      <c r="EI22" s="102">
        <v>0</v>
      </c>
      <c r="EJ22" s="102">
        <v>0</v>
      </c>
      <c r="EK22" s="102">
        <v>1</v>
      </c>
      <c r="EL22" s="102">
        <v>0</v>
      </c>
      <c r="EM22" s="102">
        <v>0</v>
      </c>
      <c r="EN22" s="103">
        <v>1</v>
      </c>
      <c r="EO22" s="104">
        <v>2</v>
      </c>
      <c r="EP22" s="101">
        <v>2</v>
      </c>
      <c r="EQ22" s="102">
        <v>1</v>
      </c>
      <c r="ER22" s="103">
        <v>3</v>
      </c>
      <c r="ES22" s="413">
        <v>0</v>
      </c>
      <c r="ET22" s="102">
        <v>5</v>
      </c>
      <c r="EU22" s="102">
        <v>2</v>
      </c>
      <c r="EV22" s="102">
        <v>1</v>
      </c>
      <c r="EW22" s="102">
        <v>1</v>
      </c>
      <c r="EX22" s="102">
        <v>0</v>
      </c>
      <c r="EY22" s="103">
        <v>9</v>
      </c>
      <c r="EZ22" s="104">
        <v>12</v>
      </c>
      <c r="FA22" s="107">
        <v>2</v>
      </c>
      <c r="FB22" s="102">
        <v>2</v>
      </c>
      <c r="FC22" s="103">
        <v>4</v>
      </c>
      <c r="FD22" s="413">
        <v>0</v>
      </c>
      <c r="FE22" s="102">
        <v>4</v>
      </c>
      <c r="FF22" s="102">
        <v>1</v>
      </c>
      <c r="FG22" s="102">
        <v>1</v>
      </c>
      <c r="FH22" s="102">
        <v>2</v>
      </c>
      <c r="FI22" s="102">
        <v>1</v>
      </c>
      <c r="FJ22" s="103">
        <v>9</v>
      </c>
      <c r="FK22" s="104">
        <v>13</v>
      </c>
      <c r="FL22" s="101">
        <v>0</v>
      </c>
      <c r="FM22" s="102">
        <v>0</v>
      </c>
      <c r="FN22" s="103">
        <v>0</v>
      </c>
      <c r="FO22" s="413">
        <v>0</v>
      </c>
      <c r="FP22" s="102">
        <v>3</v>
      </c>
      <c r="FQ22" s="102">
        <v>1</v>
      </c>
      <c r="FR22" s="102">
        <v>2</v>
      </c>
      <c r="FS22" s="102">
        <v>2</v>
      </c>
      <c r="FT22" s="102">
        <v>1</v>
      </c>
      <c r="FU22" s="103">
        <v>9</v>
      </c>
      <c r="FV22" s="104">
        <v>9</v>
      </c>
      <c r="FW22" s="101">
        <v>0</v>
      </c>
      <c r="FX22" s="102">
        <v>0</v>
      </c>
      <c r="FY22" s="103">
        <v>0</v>
      </c>
      <c r="FZ22" s="413">
        <v>0</v>
      </c>
      <c r="GA22" s="102">
        <v>0</v>
      </c>
      <c r="GB22" s="102">
        <v>0</v>
      </c>
      <c r="GC22" s="102">
        <v>0</v>
      </c>
      <c r="GD22" s="102">
        <v>0</v>
      </c>
      <c r="GE22" s="102">
        <v>0</v>
      </c>
      <c r="GF22" s="103">
        <v>0</v>
      </c>
      <c r="GG22" s="104">
        <v>0</v>
      </c>
      <c r="GH22" s="101">
        <v>6</v>
      </c>
      <c r="GI22" s="102">
        <v>4</v>
      </c>
      <c r="GJ22" s="103">
        <v>10</v>
      </c>
      <c r="GK22" s="413">
        <v>0</v>
      </c>
      <c r="GL22" s="102">
        <v>13</v>
      </c>
      <c r="GM22" s="102">
        <v>4</v>
      </c>
      <c r="GN22" s="102">
        <v>6</v>
      </c>
      <c r="GO22" s="102">
        <v>5</v>
      </c>
      <c r="GP22" s="102">
        <v>2</v>
      </c>
      <c r="GQ22" s="103">
        <v>30</v>
      </c>
      <c r="GR22" s="104">
        <v>40</v>
      </c>
      <c r="GS22" s="105">
        <v>52</v>
      </c>
      <c r="GT22" s="97">
        <v>44</v>
      </c>
      <c r="GU22" s="98">
        <v>96</v>
      </c>
      <c r="GV22" s="413">
        <v>0</v>
      </c>
      <c r="GW22" s="97">
        <v>86</v>
      </c>
      <c r="GX22" s="97">
        <v>56</v>
      </c>
      <c r="GY22" s="97">
        <v>30</v>
      </c>
      <c r="GZ22" s="97">
        <v>21</v>
      </c>
      <c r="HA22" s="97">
        <v>25</v>
      </c>
      <c r="HB22" s="99">
        <v>218</v>
      </c>
      <c r="HC22" s="100">
        <v>314</v>
      </c>
      <c r="HD22" s="107">
        <v>1</v>
      </c>
      <c r="HE22" s="102">
        <v>0</v>
      </c>
      <c r="HF22" s="103">
        <v>1</v>
      </c>
      <c r="HG22" s="413">
        <v>0</v>
      </c>
      <c r="HH22" s="102">
        <v>1</v>
      </c>
      <c r="HI22" s="102">
        <v>1</v>
      </c>
      <c r="HJ22" s="102">
        <v>1</v>
      </c>
      <c r="HK22" s="102">
        <v>1</v>
      </c>
      <c r="HL22" s="102">
        <v>0</v>
      </c>
      <c r="HM22" s="103">
        <v>4</v>
      </c>
      <c r="HN22" s="104">
        <v>5</v>
      </c>
      <c r="HO22" s="101">
        <v>2</v>
      </c>
      <c r="HP22" s="102">
        <v>3</v>
      </c>
      <c r="HQ22" s="103">
        <v>5</v>
      </c>
      <c r="HR22" s="413">
        <v>0</v>
      </c>
      <c r="HS22" s="102">
        <v>2</v>
      </c>
      <c r="HT22" s="102">
        <v>4</v>
      </c>
      <c r="HU22" s="102">
        <v>2</v>
      </c>
      <c r="HV22" s="102">
        <v>0</v>
      </c>
      <c r="HW22" s="102">
        <v>2</v>
      </c>
      <c r="HX22" s="103">
        <v>10</v>
      </c>
      <c r="HY22" s="104">
        <v>15</v>
      </c>
      <c r="HZ22" s="107">
        <v>5</v>
      </c>
      <c r="IA22" s="102">
        <v>3</v>
      </c>
      <c r="IB22" s="103">
        <v>8</v>
      </c>
      <c r="IC22" s="413">
        <v>0</v>
      </c>
      <c r="ID22" s="102">
        <v>4</v>
      </c>
      <c r="IE22" s="102">
        <v>4</v>
      </c>
      <c r="IF22" s="102">
        <v>2</v>
      </c>
      <c r="IG22" s="102">
        <v>0</v>
      </c>
      <c r="IH22" s="102">
        <v>1</v>
      </c>
      <c r="II22" s="103">
        <v>11</v>
      </c>
      <c r="IJ22" s="104">
        <v>19</v>
      </c>
      <c r="IK22" s="101">
        <v>13</v>
      </c>
      <c r="IL22" s="102">
        <v>7</v>
      </c>
      <c r="IM22" s="103">
        <v>20</v>
      </c>
      <c r="IN22" s="413">
        <v>0</v>
      </c>
      <c r="IO22" s="102">
        <v>21</v>
      </c>
      <c r="IP22" s="102">
        <v>12</v>
      </c>
      <c r="IQ22" s="102">
        <v>4</v>
      </c>
      <c r="IR22" s="102">
        <v>7</v>
      </c>
      <c r="IS22" s="102">
        <v>7</v>
      </c>
      <c r="IT22" s="103">
        <v>51</v>
      </c>
      <c r="IU22" s="104">
        <v>71</v>
      </c>
      <c r="IV22" s="107">
        <v>13</v>
      </c>
      <c r="IW22" s="102">
        <v>15</v>
      </c>
      <c r="IX22" s="103">
        <v>28</v>
      </c>
      <c r="IY22" s="413">
        <v>0</v>
      </c>
      <c r="IZ22" s="102">
        <v>31</v>
      </c>
      <c r="JA22" s="102">
        <v>13</v>
      </c>
      <c r="JB22" s="102">
        <v>11</v>
      </c>
      <c r="JC22" s="102">
        <v>9</v>
      </c>
      <c r="JD22" s="102">
        <v>10</v>
      </c>
      <c r="JE22" s="103">
        <v>74</v>
      </c>
      <c r="JF22" s="104">
        <v>102</v>
      </c>
      <c r="JG22" s="101">
        <v>18</v>
      </c>
      <c r="JH22" s="102">
        <v>16</v>
      </c>
      <c r="JI22" s="103">
        <v>34</v>
      </c>
      <c r="JJ22" s="413">
        <v>0</v>
      </c>
      <c r="JK22" s="102">
        <v>27</v>
      </c>
      <c r="JL22" s="102">
        <v>22</v>
      </c>
      <c r="JM22" s="102">
        <v>10</v>
      </c>
      <c r="JN22" s="102">
        <v>4</v>
      </c>
      <c r="JO22" s="102">
        <v>5</v>
      </c>
      <c r="JP22" s="103">
        <v>68</v>
      </c>
      <c r="JQ22" s="104">
        <v>102</v>
      </c>
      <c r="JR22" s="101">
        <v>0</v>
      </c>
      <c r="JS22" s="102">
        <v>0</v>
      </c>
      <c r="JT22" s="103">
        <v>0</v>
      </c>
      <c r="JU22" s="413">
        <v>0</v>
      </c>
      <c r="JV22" s="102">
        <v>0</v>
      </c>
      <c r="JW22" s="102">
        <v>0</v>
      </c>
      <c r="JX22" s="102">
        <v>0</v>
      </c>
      <c r="JY22" s="102">
        <v>0</v>
      </c>
      <c r="JZ22" s="102">
        <v>0</v>
      </c>
      <c r="KA22" s="103">
        <v>0</v>
      </c>
      <c r="KB22" s="104">
        <v>0</v>
      </c>
      <c r="KC22" s="101">
        <v>52</v>
      </c>
      <c r="KD22" s="102">
        <v>44</v>
      </c>
      <c r="KE22" s="103">
        <v>96</v>
      </c>
      <c r="KF22" s="413">
        <v>0</v>
      </c>
      <c r="KG22" s="102">
        <v>86</v>
      </c>
      <c r="KH22" s="102">
        <v>56</v>
      </c>
      <c r="KI22" s="102">
        <v>30</v>
      </c>
      <c r="KJ22" s="102">
        <v>21</v>
      </c>
      <c r="KK22" s="102">
        <v>25</v>
      </c>
      <c r="KL22" s="103">
        <v>218</v>
      </c>
      <c r="KM22" s="104">
        <v>314</v>
      </c>
    </row>
    <row r="23" spans="2:299" s="70" customFormat="1" ht="21" customHeight="1" x14ac:dyDescent="0.2">
      <c r="B23" s="106" t="s">
        <v>20</v>
      </c>
      <c r="C23" s="96">
        <v>70</v>
      </c>
      <c r="D23" s="97">
        <v>65</v>
      </c>
      <c r="E23" s="98">
        <v>135</v>
      </c>
      <c r="F23" s="413">
        <v>0</v>
      </c>
      <c r="G23" s="97">
        <v>134</v>
      </c>
      <c r="H23" s="97">
        <v>85</v>
      </c>
      <c r="I23" s="97">
        <v>50</v>
      </c>
      <c r="J23" s="97">
        <v>38</v>
      </c>
      <c r="K23" s="97">
        <v>14</v>
      </c>
      <c r="L23" s="99">
        <v>321</v>
      </c>
      <c r="M23" s="100">
        <v>456</v>
      </c>
      <c r="N23" s="101">
        <v>1</v>
      </c>
      <c r="O23" s="102">
        <v>1</v>
      </c>
      <c r="P23" s="103">
        <v>2</v>
      </c>
      <c r="Q23" s="413">
        <v>0</v>
      </c>
      <c r="R23" s="102">
        <v>4</v>
      </c>
      <c r="S23" s="102">
        <v>0</v>
      </c>
      <c r="T23" s="102">
        <v>4</v>
      </c>
      <c r="U23" s="102">
        <v>0</v>
      </c>
      <c r="V23" s="102">
        <v>0</v>
      </c>
      <c r="W23" s="103">
        <v>8</v>
      </c>
      <c r="X23" s="104">
        <v>10</v>
      </c>
      <c r="Y23" s="101">
        <v>2</v>
      </c>
      <c r="Z23" s="102">
        <v>3</v>
      </c>
      <c r="AA23" s="103">
        <v>5</v>
      </c>
      <c r="AB23" s="413">
        <v>0</v>
      </c>
      <c r="AC23" s="102">
        <v>6</v>
      </c>
      <c r="AD23" s="102">
        <v>1</v>
      </c>
      <c r="AE23" s="102">
        <v>0</v>
      </c>
      <c r="AF23" s="102">
        <v>5</v>
      </c>
      <c r="AG23" s="102">
        <v>1</v>
      </c>
      <c r="AH23" s="103">
        <v>13</v>
      </c>
      <c r="AI23" s="104">
        <v>18</v>
      </c>
      <c r="AJ23" s="101">
        <v>9</v>
      </c>
      <c r="AK23" s="102">
        <v>4</v>
      </c>
      <c r="AL23" s="103">
        <v>13</v>
      </c>
      <c r="AM23" s="413">
        <v>0</v>
      </c>
      <c r="AN23" s="102">
        <v>12</v>
      </c>
      <c r="AO23" s="102">
        <v>5</v>
      </c>
      <c r="AP23" s="102">
        <v>6</v>
      </c>
      <c r="AQ23" s="102">
        <v>4</v>
      </c>
      <c r="AR23" s="102">
        <v>1</v>
      </c>
      <c r="AS23" s="103">
        <v>28</v>
      </c>
      <c r="AT23" s="104">
        <v>41</v>
      </c>
      <c r="AU23" s="101">
        <v>15</v>
      </c>
      <c r="AV23" s="102">
        <v>17</v>
      </c>
      <c r="AW23" s="103">
        <v>32</v>
      </c>
      <c r="AX23" s="413">
        <v>0</v>
      </c>
      <c r="AY23" s="102">
        <v>36</v>
      </c>
      <c r="AZ23" s="102">
        <v>17</v>
      </c>
      <c r="BA23" s="102">
        <v>9</v>
      </c>
      <c r="BB23" s="102">
        <v>7</v>
      </c>
      <c r="BC23" s="102">
        <v>6</v>
      </c>
      <c r="BD23" s="103">
        <v>75</v>
      </c>
      <c r="BE23" s="104">
        <v>107</v>
      </c>
      <c r="BF23" s="101">
        <v>22</v>
      </c>
      <c r="BG23" s="102">
        <v>22</v>
      </c>
      <c r="BH23" s="103">
        <v>44</v>
      </c>
      <c r="BI23" s="413">
        <v>0</v>
      </c>
      <c r="BJ23" s="102">
        <v>47</v>
      </c>
      <c r="BK23" s="102">
        <v>30</v>
      </c>
      <c r="BL23" s="102">
        <v>16</v>
      </c>
      <c r="BM23" s="102">
        <v>12</v>
      </c>
      <c r="BN23" s="102">
        <v>3</v>
      </c>
      <c r="BO23" s="103">
        <v>108</v>
      </c>
      <c r="BP23" s="104">
        <v>152</v>
      </c>
      <c r="BQ23" s="101">
        <v>21</v>
      </c>
      <c r="BR23" s="102">
        <v>18</v>
      </c>
      <c r="BS23" s="103">
        <v>39</v>
      </c>
      <c r="BT23" s="413">
        <v>0</v>
      </c>
      <c r="BU23" s="102">
        <v>29</v>
      </c>
      <c r="BV23" s="102">
        <v>32</v>
      </c>
      <c r="BW23" s="102">
        <v>15</v>
      </c>
      <c r="BX23" s="102">
        <v>10</v>
      </c>
      <c r="BY23" s="102">
        <v>3</v>
      </c>
      <c r="BZ23" s="103">
        <v>89</v>
      </c>
      <c r="CA23" s="104">
        <v>128</v>
      </c>
      <c r="CB23" s="101">
        <v>0</v>
      </c>
      <c r="CC23" s="102">
        <v>0</v>
      </c>
      <c r="CD23" s="103">
        <v>0</v>
      </c>
      <c r="CE23" s="413">
        <v>0</v>
      </c>
      <c r="CF23" s="102">
        <v>0</v>
      </c>
      <c r="CG23" s="102">
        <v>0</v>
      </c>
      <c r="CH23" s="102">
        <v>0</v>
      </c>
      <c r="CI23" s="102">
        <v>0</v>
      </c>
      <c r="CJ23" s="102">
        <v>0</v>
      </c>
      <c r="CK23" s="103">
        <v>0</v>
      </c>
      <c r="CL23" s="104">
        <v>0</v>
      </c>
      <c r="CM23" s="101">
        <v>70</v>
      </c>
      <c r="CN23" s="102">
        <v>65</v>
      </c>
      <c r="CO23" s="103">
        <v>135</v>
      </c>
      <c r="CP23" s="413">
        <v>0</v>
      </c>
      <c r="CQ23" s="102">
        <v>134</v>
      </c>
      <c r="CR23" s="102">
        <v>85</v>
      </c>
      <c r="CS23" s="102">
        <v>50</v>
      </c>
      <c r="CT23" s="102">
        <v>38</v>
      </c>
      <c r="CU23" s="102">
        <v>14</v>
      </c>
      <c r="CV23" s="103">
        <v>321</v>
      </c>
      <c r="CW23" s="104">
        <v>456</v>
      </c>
      <c r="CX23" s="105">
        <v>9</v>
      </c>
      <c r="CY23" s="97">
        <v>8</v>
      </c>
      <c r="CZ23" s="98">
        <v>17</v>
      </c>
      <c r="DA23" s="413">
        <v>0</v>
      </c>
      <c r="DB23" s="97">
        <v>16</v>
      </c>
      <c r="DC23" s="97">
        <v>2</v>
      </c>
      <c r="DD23" s="97">
        <v>7</v>
      </c>
      <c r="DE23" s="97">
        <v>6</v>
      </c>
      <c r="DF23" s="97">
        <v>4</v>
      </c>
      <c r="DG23" s="99">
        <v>35</v>
      </c>
      <c r="DH23" s="100">
        <v>52</v>
      </c>
      <c r="DI23" s="101">
        <v>1</v>
      </c>
      <c r="DJ23" s="102">
        <v>0</v>
      </c>
      <c r="DK23" s="103">
        <v>1</v>
      </c>
      <c r="DL23" s="413">
        <v>0</v>
      </c>
      <c r="DM23" s="102">
        <v>0</v>
      </c>
      <c r="DN23" s="102">
        <v>0</v>
      </c>
      <c r="DO23" s="102">
        <v>0</v>
      </c>
      <c r="DP23" s="102">
        <v>0</v>
      </c>
      <c r="DQ23" s="102">
        <v>0</v>
      </c>
      <c r="DR23" s="103">
        <v>0</v>
      </c>
      <c r="DS23" s="104">
        <v>1</v>
      </c>
      <c r="DT23" s="101">
        <v>1</v>
      </c>
      <c r="DU23" s="102">
        <v>0</v>
      </c>
      <c r="DV23" s="103">
        <v>1</v>
      </c>
      <c r="DW23" s="413">
        <v>0</v>
      </c>
      <c r="DX23" s="102">
        <v>0</v>
      </c>
      <c r="DY23" s="102">
        <v>0</v>
      </c>
      <c r="DZ23" s="102">
        <v>0</v>
      </c>
      <c r="EA23" s="102">
        <v>0</v>
      </c>
      <c r="EB23" s="102">
        <v>0</v>
      </c>
      <c r="EC23" s="103">
        <v>0</v>
      </c>
      <c r="ED23" s="104">
        <v>1</v>
      </c>
      <c r="EE23" s="101">
        <v>2</v>
      </c>
      <c r="EF23" s="102">
        <v>0</v>
      </c>
      <c r="EG23" s="103">
        <v>2</v>
      </c>
      <c r="EH23" s="413">
        <v>0</v>
      </c>
      <c r="EI23" s="102">
        <v>3</v>
      </c>
      <c r="EJ23" s="102">
        <v>1</v>
      </c>
      <c r="EK23" s="102">
        <v>4</v>
      </c>
      <c r="EL23" s="102">
        <v>0</v>
      </c>
      <c r="EM23" s="102">
        <v>0</v>
      </c>
      <c r="EN23" s="103">
        <v>8</v>
      </c>
      <c r="EO23" s="104">
        <v>10</v>
      </c>
      <c r="EP23" s="101">
        <v>3</v>
      </c>
      <c r="EQ23" s="102">
        <v>4</v>
      </c>
      <c r="ER23" s="103">
        <v>7</v>
      </c>
      <c r="ES23" s="413">
        <v>0</v>
      </c>
      <c r="ET23" s="102">
        <v>2</v>
      </c>
      <c r="EU23" s="102">
        <v>0</v>
      </c>
      <c r="EV23" s="102">
        <v>2</v>
      </c>
      <c r="EW23" s="102">
        <v>2</v>
      </c>
      <c r="EX23" s="102">
        <v>0</v>
      </c>
      <c r="EY23" s="103">
        <v>6</v>
      </c>
      <c r="EZ23" s="104">
        <v>13</v>
      </c>
      <c r="FA23" s="101">
        <v>2</v>
      </c>
      <c r="FB23" s="102">
        <v>3</v>
      </c>
      <c r="FC23" s="103">
        <v>5</v>
      </c>
      <c r="FD23" s="413">
        <v>0</v>
      </c>
      <c r="FE23" s="102">
        <v>2</v>
      </c>
      <c r="FF23" s="102">
        <v>0</v>
      </c>
      <c r="FG23" s="102">
        <v>0</v>
      </c>
      <c r="FH23" s="102">
        <v>2</v>
      </c>
      <c r="FI23" s="102">
        <v>2</v>
      </c>
      <c r="FJ23" s="103">
        <v>6</v>
      </c>
      <c r="FK23" s="104">
        <v>11</v>
      </c>
      <c r="FL23" s="101">
        <v>0</v>
      </c>
      <c r="FM23" s="102">
        <v>1</v>
      </c>
      <c r="FN23" s="103">
        <v>1</v>
      </c>
      <c r="FO23" s="413">
        <v>0</v>
      </c>
      <c r="FP23" s="102">
        <v>9</v>
      </c>
      <c r="FQ23" s="102">
        <v>1</v>
      </c>
      <c r="FR23" s="102">
        <v>1</v>
      </c>
      <c r="FS23" s="102">
        <v>2</v>
      </c>
      <c r="FT23" s="102">
        <v>2</v>
      </c>
      <c r="FU23" s="103">
        <v>15</v>
      </c>
      <c r="FV23" s="104">
        <v>16</v>
      </c>
      <c r="FW23" s="101">
        <v>0</v>
      </c>
      <c r="FX23" s="102">
        <v>0</v>
      </c>
      <c r="FY23" s="103">
        <v>0</v>
      </c>
      <c r="FZ23" s="413">
        <v>0</v>
      </c>
      <c r="GA23" s="102">
        <v>0</v>
      </c>
      <c r="GB23" s="102">
        <v>0</v>
      </c>
      <c r="GC23" s="102">
        <v>0</v>
      </c>
      <c r="GD23" s="102">
        <v>0</v>
      </c>
      <c r="GE23" s="102">
        <v>0</v>
      </c>
      <c r="GF23" s="103">
        <v>0</v>
      </c>
      <c r="GG23" s="104">
        <v>0</v>
      </c>
      <c r="GH23" s="101">
        <v>9</v>
      </c>
      <c r="GI23" s="102">
        <v>8</v>
      </c>
      <c r="GJ23" s="103">
        <v>17</v>
      </c>
      <c r="GK23" s="413">
        <v>0</v>
      </c>
      <c r="GL23" s="102">
        <v>16</v>
      </c>
      <c r="GM23" s="102">
        <v>2</v>
      </c>
      <c r="GN23" s="102">
        <v>7</v>
      </c>
      <c r="GO23" s="102">
        <v>6</v>
      </c>
      <c r="GP23" s="102">
        <v>4</v>
      </c>
      <c r="GQ23" s="103">
        <v>35</v>
      </c>
      <c r="GR23" s="104">
        <v>52</v>
      </c>
      <c r="GS23" s="105">
        <v>79</v>
      </c>
      <c r="GT23" s="97">
        <v>73</v>
      </c>
      <c r="GU23" s="98">
        <v>152</v>
      </c>
      <c r="GV23" s="413">
        <v>0</v>
      </c>
      <c r="GW23" s="97">
        <v>150</v>
      </c>
      <c r="GX23" s="97">
        <v>87</v>
      </c>
      <c r="GY23" s="97">
        <v>57</v>
      </c>
      <c r="GZ23" s="97">
        <v>44</v>
      </c>
      <c r="HA23" s="97">
        <v>18</v>
      </c>
      <c r="HB23" s="99">
        <v>356</v>
      </c>
      <c r="HC23" s="100">
        <v>508</v>
      </c>
      <c r="HD23" s="101">
        <v>2</v>
      </c>
      <c r="HE23" s="102">
        <v>1</v>
      </c>
      <c r="HF23" s="103">
        <v>3</v>
      </c>
      <c r="HG23" s="413">
        <v>0</v>
      </c>
      <c r="HH23" s="102">
        <v>4</v>
      </c>
      <c r="HI23" s="102">
        <v>0</v>
      </c>
      <c r="HJ23" s="102">
        <v>4</v>
      </c>
      <c r="HK23" s="102">
        <v>0</v>
      </c>
      <c r="HL23" s="102">
        <v>0</v>
      </c>
      <c r="HM23" s="103">
        <v>8</v>
      </c>
      <c r="HN23" s="104">
        <v>11</v>
      </c>
      <c r="HO23" s="101">
        <v>3</v>
      </c>
      <c r="HP23" s="102">
        <v>3</v>
      </c>
      <c r="HQ23" s="103">
        <v>6</v>
      </c>
      <c r="HR23" s="413">
        <v>0</v>
      </c>
      <c r="HS23" s="102">
        <v>6</v>
      </c>
      <c r="HT23" s="102">
        <v>1</v>
      </c>
      <c r="HU23" s="102">
        <v>0</v>
      </c>
      <c r="HV23" s="102">
        <v>5</v>
      </c>
      <c r="HW23" s="102">
        <v>1</v>
      </c>
      <c r="HX23" s="103">
        <v>13</v>
      </c>
      <c r="HY23" s="104">
        <v>19</v>
      </c>
      <c r="HZ23" s="101">
        <v>11</v>
      </c>
      <c r="IA23" s="102">
        <v>4</v>
      </c>
      <c r="IB23" s="103">
        <v>15</v>
      </c>
      <c r="IC23" s="413">
        <v>0</v>
      </c>
      <c r="ID23" s="102">
        <v>15</v>
      </c>
      <c r="IE23" s="102">
        <v>6</v>
      </c>
      <c r="IF23" s="102">
        <v>10</v>
      </c>
      <c r="IG23" s="102">
        <v>4</v>
      </c>
      <c r="IH23" s="102">
        <v>1</v>
      </c>
      <c r="II23" s="103">
        <v>36</v>
      </c>
      <c r="IJ23" s="104">
        <v>51</v>
      </c>
      <c r="IK23" s="101">
        <v>18</v>
      </c>
      <c r="IL23" s="102">
        <v>21</v>
      </c>
      <c r="IM23" s="103">
        <v>39</v>
      </c>
      <c r="IN23" s="413">
        <v>0</v>
      </c>
      <c r="IO23" s="102">
        <v>38</v>
      </c>
      <c r="IP23" s="102">
        <v>17</v>
      </c>
      <c r="IQ23" s="102">
        <v>11</v>
      </c>
      <c r="IR23" s="102">
        <v>9</v>
      </c>
      <c r="IS23" s="102">
        <v>6</v>
      </c>
      <c r="IT23" s="103">
        <v>81</v>
      </c>
      <c r="IU23" s="104">
        <v>120</v>
      </c>
      <c r="IV23" s="101">
        <v>24</v>
      </c>
      <c r="IW23" s="102">
        <v>25</v>
      </c>
      <c r="IX23" s="103">
        <v>49</v>
      </c>
      <c r="IY23" s="413">
        <v>0</v>
      </c>
      <c r="IZ23" s="102">
        <v>49</v>
      </c>
      <c r="JA23" s="102">
        <v>30</v>
      </c>
      <c r="JB23" s="102">
        <v>16</v>
      </c>
      <c r="JC23" s="102">
        <v>14</v>
      </c>
      <c r="JD23" s="102">
        <v>5</v>
      </c>
      <c r="JE23" s="103">
        <v>114</v>
      </c>
      <c r="JF23" s="104">
        <v>163</v>
      </c>
      <c r="JG23" s="101">
        <v>21</v>
      </c>
      <c r="JH23" s="102">
        <v>19</v>
      </c>
      <c r="JI23" s="103">
        <v>40</v>
      </c>
      <c r="JJ23" s="413">
        <v>0</v>
      </c>
      <c r="JK23" s="102">
        <v>38</v>
      </c>
      <c r="JL23" s="102">
        <v>33</v>
      </c>
      <c r="JM23" s="102">
        <v>16</v>
      </c>
      <c r="JN23" s="102">
        <v>12</v>
      </c>
      <c r="JO23" s="102">
        <v>5</v>
      </c>
      <c r="JP23" s="103">
        <v>104</v>
      </c>
      <c r="JQ23" s="104">
        <v>144</v>
      </c>
      <c r="JR23" s="101">
        <v>0</v>
      </c>
      <c r="JS23" s="102">
        <v>0</v>
      </c>
      <c r="JT23" s="103">
        <v>0</v>
      </c>
      <c r="JU23" s="413">
        <v>0</v>
      </c>
      <c r="JV23" s="102">
        <v>0</v>
      </c>
      <c r="JW23" s="102">
        <v>0</v>
      </c>
      <c r="JX23" s="102">
        <v>0</v>
      </c>
      <c r="JY23" s="102">
        <v>0</v>
      </c>
      <c r="JZ23" s="102">
        <v>0</v>
      </c>
      <c r="KA23" s="103">
        <v>0</v>
      </c>
      <c r="KB23" s="104">
        <v>0</v>
      </c>
      <c r="KC23" s="101">
        <v>79</v>
      </c>
      <c r="KD23" s="102">
        <v>73</v>
      </c>
      <c r="KE23" s="103">
        <v>152</v>
      </c>
      <c r="KF23" s="413">
        <v>0</v>
      </c>
      <c r="KG23" s="102">
        <v>150</v>
      </c>
      <c r="KH23" s="102">
        <v>87</v>
      </c>
      <c r="KI23" s="102">
        <v>57</v>
      </c>
      <c r="KJ23" s="102">
        <v>44</v>
      </c>
      <c r="KK23" s="102">
        <v>18</v>
      </c>
      <c r="KL23" s="103">
        <v>356</v>
      </c>
      <c r="KM23" s="104">
        <v>508</v>
      </c>
    </row>
    <row r="24" spans="2:299" s="70" customFormat="1" ht="21" customHeight="1" x14ac:dyDescent="0.2">
      <c r="B24" s="106" t="s">
        <v>21</v>
      </c>
      <c r="C24" s="96">
        <v>63</v>
      </c>
      <c r="D24" s="97">
        <v>49</v>
      </c>
      <c r="E24" s="98">
        <v>112</v>
      </c>
      <c r="F24" s="413">
        <v>0</v>
      </c>
      <c r="G24" s="97">
        <v>68</v>
      </c>
      <c r="H24" s="97">
        <v>67</v>
      </c>
      <c r="I24" s="97">
        <v>42</v>
      </c>
      <c r="J24" s="97">
        <v>25</v>
      </c>
      <c r="K24" s="97">
        <v>16</v>
      </c>
      <c r="L24" s="99">
        <v>218</v>
      </c>
      <c r="M24" s="100">
        <v>330</v>
      </c>
      <c r="N24" s="101">
        <v>2</v>
      </c>
      <c r="O24" s="102">
        <v>0</v>
      </c>
      <c r="P24" s="103">
        <v>2</v>
      </c>
      <c r="Q24" s="413">
        <v>0</v>
      </c>
      <c r="R24" s="102">
        <v>1</v>
      </c>
      <c r="S24" s="102">
        <v>3</v>
      </c>
      <c r="T24" s="102">
        <v>2</v>
      </c>
      <c r="U24" s="102">
        <v>0</v>
      </c>
      <c r="V24" s="102">
        <v>1</v>
      </c>
      <c r="W24" s="103">
        <v>7</v>
      </c>
      <c r="X24" s="104">
        <v>9</v>
      </c>
      <c r="Y24" s="101">
        <v>4</v>
      </c>
      <c r="Z24" s="102">
        <v>2</v>
      </c>
      <c r="AA24" s="103">
        <v>6</v>
      </c>
      <c r="AB24" s="413">
        <v>0</v>
      </c>
      <c r="AC24" s="102">
        <v>1</v>
      </c>
      <c r="AD24" s="102">
        <v>1</v>
      </c>
      <c r="AE24" s="102">
        <v>1</v>
      </c>
      <c r="AF24" s="102">
        <v>0</v>
      </c>
      <c r="AG24" s="102">
        <v>1</v>
      </c>
      <c r="AH24" s="103">
        <v>4</v>
      </c>
      <c r="AI24" s="104">
        <v>10</v>
      </c>
      <c r="AJ24" s="101">
        <v>8</v>
      </c>
      <c r="AK24" s="102">
        <v>6</v>
      </c>
      <c r="AL24" s="103">
        <v>14</v>
      </c>
      <c r="AM24" s="413">
        <v>0</v>
      </c>
      <c r="AN24" s="102">
        <v>6</v>
      </c>
      <c r="AO24" s="102">
        <v>11</v>
      </c>
      <c r="AP24" s="102">
        <v>4</v>
      </c>
      <c r="AQ24" s="102">
        <v>2</v>
      </c>
      <c r="AR24" s="102">
        <v>1</v>
      </c>
      <c r="AS24" s="103">
        <v>24</v>
      </c>
      <c r="AT24" s="104">
        <v>38</v>
      </c>
      <c r="AU24" s="101">
        <v>14</v>
      </c>
      <c r="AV24" s="102">
        <v>10</v>
      </c>
      <c r="AW24" s="103">
        <v>24</v>
      </c>
      <c r="AX24" s="413">
        <v>0</v>
      </c>
      <c r="AY24" s="102">
        <v>15</v>
      </c>
      <c r="AZ24" s="102">
        <v>14</v>
      </c>
      <c r="BA24" s="102">
        <v>13</v>
      </c>
      <c r="BB24" s="102">
        <v>6</v>
      </c>
      <c r="BC24" s="102">
        <v>3</v>
      </c>
      <c r="BD24" s="103">
        <v>51</v>
      </c>
      <c r="BE24" s="104">
        <v>75</v>
      </c>
      <c r="BF24" s="101">
        <v>16</v>
      </c>
      <c r="BG24" s="102">
        <v>14</v>
      </c>
      <c r="BH24" s="103">
        <v>30</v>
      </c>
      <c r="BI24" s="413">
        <v>0</v>
      </c>
      <c r="BJ24" s="102">
        <v>23</v>
      </c>
      <c r="BK24" s="102">
        <v>20</v>
      </c>
      <c r="BL24" s="102">
        <v>10</v>
      </c>
      <c r="BM24" s="102">
        <v>7</v>
      </c>
      <c r="BN24" s="102">
        <v>1</v>
      </c>
      <c r="BO24" s="103">
        <v>61</v>
      </c>
      <c r="BP24" s="104">
        <v>91</v>
      </c>
      <c r="BQ24" s="101">
        <v>19</v>
      </c>
      <c r="BR24" s="102">
        <v>17</v>
      </c>
      <c r="BS24" s="103">
        <v>36</v>
      </c>
      <c r="BT24" s="413">
        <v>0</v>
      </c>
      <c r="BU24" s="102">
        <v>22</v>
      </c>
      <c r="BV24" s="102">
        <v>18</v>
      </c>
      <c r="BW24" s="102">
        <v>12</v>
      </c>
      <c r="BX24" s="102">
        <v>10</v>
      </c>
      <c r="BY24" s="102">
        <v>9</v>
      </c>
      <c r="BZ24" s="103">
        <v>71</v>
      </c>
      <c r="CA24" s="104">
        <v>107</v>
      </c>
      <c r="CB24" s="101">
        <v>0</v>
      </c>
      <c r="CC24" s="102">
        <v>0</v>
      </c>
      <c r="CD24" s="103">
        <v>0</v>
      </c>
      <c r="CE24" s="413">
        <v>0</v>
      </c>
      <c r="CF24" s="102">
        <v>0</v>
      </c>
      <c r="CG24" s="102">
        <v>0</v>
      </c>
      <c r="CH24" s="102">
        <v>0</v>
      </c>
      <c r="CI24" s="102">
        <v>0</v>
      </c>
      <c r="CJ24" s="102">
        <v>0</v>
      </c>
      <c r="CK24" s="103">
        <v>0</v>
      </c>
      <c r="CL24" s="104">
        <v>0</v>
      </c>
      <c r="CM24" s="101">
        <v>63</v>
      </c>
      <c r="CN24" s="102">
        <v>49</v>
      </c>
      <c r="CO24" s="103">
        <v>112</v>
      </c>
      <c r="CP24" s="413">
        <v>0</v>
      </c>
      <c r="CQ24" s="102">
        <v>68</v>
      </c>
      <c r="CR24" s="102">
        <v>67</v>
      </c>
      <c r="CS24" s="102">
        <v>42</v>
      </c>
      <c r="CT24" s="102">
        <v>25</v>
      </c>
      <c r="CU24" s="102">
        <v>16</v>
      </c>
      <c r="CV24" s="103">
        <v>218</v>
      </c>
      <c r="CW24" s="104">
        <v>330</v>
      </c>
      <c r="CX24" s="105">
        <v>6</v>
      </c>
      <c r="CY24" s="97">
        <v>4</v>
      </c>
      <c r="CZ24" s="98">
        <v>10</v>
      </c>
      <c r="DA24" s="413">
        <v>0</v>
      </c>
      <c r="DB24" s="97">
        <v>11</v>
      </c>
      <c r="DC24" s="97">
        <v>10</v>
      </c>
      <c r="DD24" s="97">
        <v>3</v>
      </c>
      <c r="DE24" s="97">
        <v>7</v>
      </c>
      <c r="DF24" s="97">
        <v>4</v>
      </c>
      <c r="DG24" s="99">
        <v>35</v>
      </c>
      <c r="DH24" s="100">
        <v>45</v>
      </c>
      <c r="DI24" s="101">
        <v>0</v>
      </c>
      <c r="DJ24" s="102">
        <v>0</v>
      </c>
      <c r="DK24" s="103">
        <v>0</v>
      </c>
      <c r="DL24" s="413">
        <v>0</v>
      </c>
      <c r="DM24" s="102">
        <v>0</v>
      </c>
      <c r="DN24" s="102">
        <v>0</v>
      </c>
      <c r="DO24" s="102">
        <v>0</v>
      </c>
      <c r="DP24" s="102">
        <v>0</v>
      </c>
      <c r="DQ24" s="102">
        <v>0</v>
      </c>
      <c r="DR24" s="103">
        <v>0</v>
      </c>
      <c r="DS24" s="104">
        <v>0</v>
      </c>
      <c r="DT24" s="101">
        <v>1</v>
      </c>
      <c r="DU24" s="102">
        <v>0</v>
      </c>
      <c r="DV24" s="103">
        <v>1</v>
      </c>
      <c r="DW24" s="413">
        <v>0</v>
      </c>
      <c r="DX24" s="102">
        <v>1</v>
      </c>
      <c r="DY24" s="102">
        <v>1</v>
      </c>
      <c r="DZ24" s="102">
        <v>0</v>
      </c>
      <c r="EA24" s="102">
        <v>0</v>
      </c>
      <c r="EB24" s="102">
        <v>0</v>
      </c>
      <c r="EC24" s="103">
        <v>2</v>
      </c>
      <c r="ED24" s="104">
        <v>3</v>
      </c>
      <c r="EE24" s="101">
        <v>0</v>
      </c>
      <c r="EF24" s="102">
        <v>0</v>
      </c>
      <c r="EG24" s="103">
        <v>0</v>
      </c>
      <c r="EH24" s="413">
        <v>0</v>
      </c>
      <c r="EI24" s="102">
        <v>0</v>
      </c>
      <c r="EJ24" s="102">
        <v>0</v>
      </c>
      <c r="EK24" s="102">
        <v>0</v>
      </c>
      <c r="EL24" s="102">
        <v>0</v>
      </c>
      <c r="EM24" s="102">
        <v>0</v>
      </c>
      <c r="EN24" s="103">
        <v>0</v>
      </c>
      <c r="EO24" s="104">
        <v>0</v>
      </c>
      <c r="EP24" s="101">
        <v>1</v>
      </c>
      <c r="EQ24" s="102">
        <v>2</v>
      </c>
      <c r="ER24" s="103">
        <v>3</v>
      </c>
      <c r="ES24" s="413">
        <v>0</v>
      </c>
      <c r="ET24" s="102">
        <v>1</v>
      </c>
      <c r="EU24" s="102">
        <v>1</v>
      </c>
      <c r="EV24" s="102">
        <v>1</v>
      </c>
      <c r="EW24" s="102">
        <v>0</v>
      </c>
      <c r="EX24" s="102">
        <v>1</v>
      </c>
      <c r="EY24" s="103">
        <v>4</v>
      </c>
      <c r="EZ24" s="104">
        <v>7</v>
      </c>
      <c r="FA24" s="101">
        <v>2</v>
      </c>
      <c r="FB24" s="102">
        <v>1</v>
      </c>
      <c r="FC24" s="103">
        <v>3</v>
      </c>
      <c r="FD24" s="413">
        <v>0</v>
      </c>
      <c r="FE24" s="102">
        <v>7</v>
      </c>
      <c r="FF24" s="102">
        <v>3</v>
      </c>
      <c r="FG24" s="102">
        <v>1</v>
      </c>
      <c r="FH24" s="102">
        <v>2</v>
      </c>
      <c r="FI24" s="102">
        <v>2</v>
      </c>
      <c r="FJ24" s="103">
        <v>15</v>
      </c>
      <c r="FK24" s="104">
        <v>18</v>
      </c>
      <c r="FL24" s="101">
        <v>2</v>
      </c>
      <c r="FM24" s="102">
        <v>1</v>
      </c>
      <c r="FN24" s="103">
        <v>3</v>
      </c>
      <c r="FO24" s="413">
        <v>0</v>
      </c>
      <c r="FP24" s="102">
        <v>2</v>
      </c>
      <c r="FQ24" s="102">
        <v>5</v>
      </c>
      <c r="FR24" s="102">
        <v>1</v>
      </c>
      <c r="FS24" s="102">
        <v>5</v>
      </c>
      <c r="FT24" s="102">
        <v>1</v>
      </c>
      <c r="FU24" s="103">
        <v>14</v>
      </c>
      <c r="FV24" s="104">
        <v>17</v>
      </c>
      <c r="FW24" s="101">
        <v>0</v>
      </c>
      <c r="FX24" s="102">
        <v>0</v>
      </c>
      <c r="FY24" s="103">
        <v>0</v>
      </c>
      <c r="FZ24" s="413">
        <v>0</v>
      </c>
      <c r="GA24" s="102">
        <v>0</v>
      </c>
      <c r="GB24" s="102">
        <v>0</v>
      </c>
      <c r="GC24" s="102">
        <v>0</v>
      </c>
      <c r="GD24" s="102">
        <v>0</v>
      </c>
      <c r="GE24" s="102">
        <v>0</v>
      </c>
      <c r="GF24" s="103">
        <v>0</v>
      </c>
      <c r="GG24" s="104">
        <v>0</v>
      </c>
      <c r="GH24" s="101">
        <v>6</v>
      </c>
      <c r="GI24" s="102">
        <v>4</v>
      </c>
      <c r="GJ24" s="103">
        <v>10</v>
      </c>
      <c r="GK24" s="413">
        <v>0</v>
      </c>
      <c r="GL24" s="102">
        <v>11</v>
      </c>
      <c r="GM24" s="102">
        <v>10</v>
      </c>
      <c r="GN24" s="102">
        <v>3</v>
      </c>
      <c r="GO24" s="102">
        <v>7</v>
      </c>
      <c r="GP24" s="102">
        <v>4</v>
      </c>
      <c r="GQ24" s="103">
        <v>35</v>
      </c>
      <c r="GR24" s="104">
        <v>45</v>
      </c>
      <c r="GS24" s="105">
        <v>69</v>
      </c>
      <c r="GT24" s="97">
        <v>53</v>
      </c>
      <c r="GU24" s="98">
        <v>122</v>
      </c>
      <c r="GV24" s="413">
        <v>0</v>
      </c>
      <c r="GW24" s="97">
        <v>79</v>
      </c>
      <c r="GX24" s="97">
        <v>77</v>
      </c>
      <c r="GY24" s="97">
        <v>45</v>
      </c>
      <c r="GZ24" s="97">
        <v>32</v>
      </c>
      <c r="HA24" s="97">
        <v>20</v>
      </c>
      <c r="HB24" s="99">
        <v>253</v>
      </c>
      <c r="HC24" s="100">
        <v>375</v>
      </c>
      <c r="HD24" s="101">
        <v>2</v>
      </c>
      <c r="HE24" s="102">
        <v>0</v>
      </c>
      <c r="HF24" s="103">
        <v>2</v>
      </c>
      <c r="HG24" s="413">
        <v>0</v>
      </c>
      <c r="HH24" s="102">
        <v>1</v>
      </c>
      <c r="HI24" s="102">
        <v>3</v>
      </c>
      <c r="HJ24" s="102">
        <v>2</v>
      </c>
      <c r="HK24" s="102">
        <v>0</v>
      </c>
      <c r="HL24" s="102">
        <v>1</v>
      </c>
      <c r="HM24" s="103">
        <v>7</v>
      </c>
      <c r="HN24" s="104">
        <v>9</v>
      </c>
      <c r="HO24" s="101">
        <v>5</v>
      </c>
      <c r="HP24" s="102">
        <v>2</v>
      </c>
      <c r="HQ24" s="103">
        <v>7</v>
      </c>
      <c r="HR24" s="413">
        <v>0</v>
      </c>
      <c r="HS24" s="102">
        <v>2</v>
      </c>
      <c r="HT24" s="102">
        <v>2</v>
      </c>
      <c r="HU24" s="102">
        <v>1</v>
      </c>
      <c r="HV24" s="102">
        <v>0</v>
      </c>
      <c r="HW24" s="102">
        <v>1</v>
      </c>
      <c r="HX24" s="103">
        <v>6</v>
      </c>
      <c r="HY24" s="104">
        <v>13</v>
      </c>
      <c r="HZ24" s="101">
        <v>8</v>
      </c>
      <c r="IA24" s="102">
        <v>6</v>
      </c>
      <c r="IB24" s="103">
        <v>14</v>
      </c>
      <c r="IC24" s="413">
        <v>0</v>
      </c>
      <c r="ID24" s="102">
        <v>6</v>
      </c>
      <c r="IE24" s="102">
        <v>11</v>
      </c>
      <c r="IF24" s="102">
        <v>4</v>
      </c>
      <c r="IG24" s="102">
        <v>2</v>
      </c>
      <c r="IH24" s="102">
        <v>1</v>
      </c>
      <c r="II24" s="103">
        <v>24</v>
      </c>
      <c r="IJ24" s="104">
        <v>38</v>
      </c>
      <c r="IK24" s="101">
        <v>15</v>
      </c>
      <c r="IL24" s="102">
        <v>12</v>
      </c>
      <c r="IM24" s="103">
        <v>27</v>
      </c>
      <c r="IN24" s="413">
        <v>0</v>
      </c>
      <c r="IO24" s="102">
        <v>16</v>
      </c>
      <c r="IP24" s="102">
        <v>15</v>
      </c>
      <c r="IQ24" s="102">
        <v>14</v>
      </c>
      <c r="IR24" s="102">
        <v>6</v>
      </c>
      <c r="IS24" s="102">
        <v>4</v>
      </c>
      <c r="IT24" s="103">
        <v>55</v>
      </c>
      <c r="IU24" s="104">
        <v>82</v>
      </c>
      <c r="IV24" s="101">
        <v>18</v>
      </c>
      <c r="IW24" s="102">
        <v>15</v>
      </c>
      <c r="IX24" s="103">
        <v>33</v>
      </c>
      <c r="IY24" s="413">
        <v>0</v>
      </c>
      <c r="IZ24" s="102">
        <v>30</v>
      </c>
      <c r="JA24" s="102">
        <v>23</v>
      </c>
      <c r="JB24" s="102">
        <v>11</v>
      </c>
      <c r="JC24" s="102">
        <v>9</v>
      </c>
      <c r="JD24" s="102">
        <v>3</v>
      </c>
      <c r="JE24" s="103">
        <v>76</v>
      </c>
      <c r="JF24" s="104">
        <v>109</v>
      </c>
      <c r="JG24" s="101">
        <v>21</v>
      </c>
      <c r="JH24" s="102">
        <v>18</v>
      </c>
      <c r="JI24" s="103">
        <v>39</v>
      </c>
      <c r="JJ24" s="413">
        <v>0</v>
      </c>
      <c r="JK24" s="102">
        <v>24</v>
      </c>
      <c r="JL24" s="102">
        <v>23</v>
      </c>
      <c r="JM24" s="102">
        <v>13</v>
      </c>
      <c r="JN24" s="102">
        <v>15</v>
      </c>
      <c r="JO24" s="102">
        <v>10</v>
      </c>
      <c r="JP24" s="103">
        <v>85</v>
      </c>
      <c r="JQ24" s="104">
        <v>124</v>
      </c>
      <c r="JR24" s="101">
        <v>0</v>
      </c>
      <c r="JS24" s="102">
        <v>0</v>
      </c>
      <c r="JT24" s="103">
        <v>0</v>
      </c>
      <c r="JU24" s="413">
        <v>0</v>
      </c>
      <c r="JV24" s="102">
        <v>0</v>
      </c>
      <c r="JW24" s="102">
        <v>0</v>
      </c>
      <c r="JX24" s="102">
        <v>0</v>
      </c>
      <c r="JY24" s="102">
        <v>0</v>
      </c>
      <c r="JZ24" s="102">
        <v>0</v>
      </c>
      <c r="KA24" s="103">
        <v>0</v>
      </c>
      <c r="KB24" s="104">
        <v>0</v>
      </c>
      <c r="KC24" s="101">
        <v>69</v>
      </c>
      <c r="KD24" s="102">
        <v>53</v>
      </c>
      <c r="KE24" s="103">
        <v>122</v>
      </c>
      <c r="KF24" s="413">
        <v>0</v>
      </c>
      <c r="KG24" s="102">
        <v>79</v>
      </c>
      <c r="KH24" s="102">
        <v>77</v>
      </c>
      <c r="KI24" s="102">
        <v>45</v>
      </c>
      <c r="KJ24" s="102">
        <v>32</v>
      </c>
      <c r="KK24" s="102">
        <v>20</v>
      </c>
      <c r="KL24" s="103">
        <v>253</v>
      </c>
      <c r="KM24" s="104">
        <v>375</v>
      </c>
    </row>
    <row r="25" spans="2:299" s="70" customFormat="1" ht="21" customHeight="1" x14ac:dyDescent="0.2">
      <c r="B25" s="106" t="s">
        <v>22</v>
      </c>
      <c r="C25" s="96">
        <v>17</v>
      </c>
      <c r="D25" s="97">
        <v>13</v>
      </c>
      <c r="E25" s="98">
        <v>30</v>
      </c>
      <c r="F25" s="413">
        <v>0</v>
      </c>
      <c r="G25" s="97">
        <v>50</v>
      </c>
      <c r="H25" s="97">
        <v>27</v>
      </c>
      <c r="I25" s="97">
        <v>20</v>
      </c>
      <c r="J25" s="97">
        <v>18</v>
      </c>
      <c r="K25" s="97">
        <v>8</v>
      </c>
      <c r="L25" s="99">
        <v>123</v>
      </c>
      <c r="M25" s="100">
        <v>153</v>
      </c>
      <c r="N25" s="101">
        <v>0</v>
      </c>
      <c r="O25" s="102">
        <v>0</v>
      </c>
      <c r="P25" s="103">
        <v>0</v>
      </c>
      <c r="Q25" s="413">
        <v>0</v>
      </c>
      <c r="R25" s="102">
        <v>0</v>
      </c>
      <c r="S25" s="102">
        <v>0</v>
      </c>
      <c r="T25" s="102">
        <v>0</v>
      </c>
      <c r="U25" s="102">
        <v>0</v>
      </c>
      <c r="V25" s="102">
        <v>0</v>
      </c>
      <c r="W25" s="103">
        <v>0</v>
      </c>
      <c r="X25" s="104">
        <v>0</v>
      </c>
      <c r="Y25" s="101">
        <v>0</v>
      </c>
      <c r="Z25" s="102">
        <v>1</v>
      </c>
      <c r="AA25" s="103">
        <v>1</v>
      </c>
      <c r="AB25" s="413">
        <v>0</v>
      </c>
      <c r="AC25" s="102">
        <v>0</v>
      </c>
      <c r="AD25" s="102">
        <v>0</v>
      </c>
      <c r="AE25" s="102">
        <v>1</v>
      </c>
      <c r="AF25" s="102">
        <v>0</v>
      </c>
      <c r="AG25" s="102">
        <v>0</v>
      </c>
      <c r="AH25" s="103">
        <v>1</v>
      </c>
      <c r="AI25" s="104">
        <v>2</v>
      </c>
      <c r="AJ25" s="101">
        <v>0</v>
      </c>
      <c r="AK25" s="102">
        <v>0</v>
      </c>
      <c r="AL25" s="103">
        <v>0</v>
      </c>
      <c r="AM25" s="413">
        <v>0</v>
      </c>
      <c r="AN25" s="102">
        <v>5</v>
      </c>
      <c r="AO25" s="102">
        <v>3</v>
      </c>
      <c r="AP25" s="102">
        <v>2</v>
      </c>
      <c r="AQ25" s="102">
        <v>2</v>
      </c>
      <c r="AR25" s="102">
        <v>2</v>
      </c>
      <c r="AS25" s="103">
        <v>14</v>
      </c>
      <c r="AT25" s="104">
        <v>14</v>
      </c>
      <c r="AU25" s="101">
        <v>3</v>
      </c>
      <c r="AV25" s="102">
        <v>4</v>
      </c>
      <c r="AW25" s="103">
        <v>7</v>
      </c>
      <c r="AX25" s="413">
        <v>0</v>
      </c>
      <c r="AY25" s="102">
        <v>8</v>
      </c>
      <c r="AZ25" s="102">
        <v>2</v>
      </c>
      <c r="BA25" s="102">
        <v>2</v>
      </c>
      <c r="BB25" s="102">
        <v>1</v>
      </c>
      <c r="BC25" s="102">
        <v>3</v>
      </c>
      <c r="BD25" s="103">
        <v>16</v>
      </c>
      <c r="BE25" s="104">
        <v>23</v>
      </c>
      <c r="BF25" s="101">
        <v>9</v>
      </c>
      <c r="BG25" s="102">
        <v>6</v>
      </c>
      <c r="BH25" s="103">
        <v>15</v>
      </c>
      <c r="BI25" s="413">
        <v>0</v>
      </c>
      <c r="BJ25" s="102">
        <v>19</v>
      </c>
      <c r="BK25" s="102">
        <v>6</v>
      </c>
      <c r="BL25" s="102">
        <v>5</v>
      </c>
      <c r="BM25" s="102">
        <v>7</v>
      </c>
      <c r="BN25" s="102">
        <v>0</v>
      </c>
      <c r="BO25" s="103">
        <v>37</v>
      </c>
      <c r="BP25" s="104">
        <v>52</v>
      </c>
      <c r="BQ25" s="101">
        <v>5</v>
      </c>
      <c r="BR25" s="102">
        <v>2</v>
      </c>
      <c r="BS25" s="103">
        <v>7</v>
      </c>
      <c r="BT25" s="413">
        <v>0</v>
      </c>
      <c r="BU25" s="102">
        <v>18</v>
      </c>
      <c r="BV25" s="102">
        <v>16</v>
      </c>
      <c r="BW25" s="102">
        <v>10</v>
      </c>
      <c r="BX25" s="102">
        <v>8</v>
      </c>
      <c r="BY25" s="102">
        <v>3</v>
      </c>
      <c r="BZ25" s="103">
        <v>55</v>
      </c>
      <c r="CA25" s="104">
        <v>62</v>
      </c>
      <c r="CB25" s="101">
        <v>0</v>
      </c>
      <c r="CC25" s="102">
        <v>0</v>
      </c>
      <c r="CD25" s="103">
        <v>0</v>
      </c>
      <c r="CE25" s="413">
        <v>0</v>
      </c>
      <c r="CF25" s="102">
        <v>0</v>
      </c>
      <c r="CG25" s="102">
        <v>0</v>
      </c>
      <c r="CH25" s="102">
        <v>0</v>
      </c>
      <c r="CI25" s="102">
        <v>0</v>
      </c>
      <c r="CJ25" s="102">
        <v>0</v>
      </c>
      <c r="CK25" s="103">
        <v>0</v>
      </c>
      <c r="CL25" s="104">
        <v>0</v>
      </c>
      <c r="CM25" s="101">
        <v>17</v>
      </c>
      <c r="CN25" s="102">
        <v>13</v>
      </c>
      <c r="CO25" s="103">
        <v>30</v>
      </c>
      <c r="CP25" s="413">
        <v>0</v>
      </c>
      <c r="CQ25" s="102">
        <v>50</v>
      </c>
      <c r="CR25" s="102">
        <v>27</v>
      </c>
      <c r="CS25" s="102">
        <v>20</v>
      </c>
      <c r="CT25" s="102">
        <v>18</v>
      </c>
      <c r="CU25" s="102">
        <v>8</v>
      </c>
      <c r="CV25" s="103">
        <v>123</v>
      </c>
      <c r="CW25" s="104">
        <v>153</v>
      </c>
      <c r="CX25" s="105">
        <v>1</v>
      </c>
      <c r="CY25" s="97">
        <v>2</v>
      </c>
      <c r="CZ25" s="98">
        <v>3</v>
      </c>
      <c r="DA25" s="413">
        <v>0</v>
      </c>
      <c r="DB25" s="97">
        <v>6</v>
      </c>
      <c r="DC25" s="97">
        <v>9</v>
      </c>
      <c r="DD25" s="97">
        <v>7</v>
      </c>
      <c r="DE25" s="97">
        <v>2</v>
      </c>
      <c r="DF25" s="97">
        <v>0</v>
      </c>
      <c r="DG25" s="99">
        <v>24</v>
      </c>
      <c r="DH25" s="100">
        <v>27</v>
      </c>
      <c r="DI25" s="101">
        <v>0</v>
      </c>
      <c r="DJ25" s="102">
        <v>0</v>
      </c>
      <c r="DK25" s="103">
        <v>0</v>
      </c>
      <c r="DL25" s="413">
        <v>0</v>
      </c>
      <c r="DM25" s="102">
        <v>0</v>
      </c>
      <c r="DN25" s="102">
        <v>0</v>
      </c>
      <c r="DO25" s="102">
        <v>0</v>
      </c>
      <c r="DP25" s="102">
        <v>0</v>
      </c>
      <c r="DQ25" s="102">
        <v>0</v>
      </c>
      <c r="DR25" s="103">
        <v>0</v>
      </c>
      <c r="DS25" s="104">
        <v>0</v>
      </c>
      <c r="DT25" s="101">
        <v>0</v>
      </c>
      <c r="DU25" s="102">
        <v>1</v>
      </c>
      <c r="DV25" s="103">
        <v>1</v>
      </c>
      <c r="DW25" s="413">
        <v>0</v>
      </c>
      <c r="DX25" s="102">
        <v>0</v>
      </c>
      <c r="DY25" s="102">
        <v>0</v>
      </c>
      <c r="DZ25" s="102">
        <v>1</v>
      </c>
      <c r="EA25" s="102">
        <v>0</v>
      </c>
      <c r="EB25" s="102">
        <v>0</v>
      </c>
      <c r="EC25" s="103">
        <v>1</v>
      </c>
      <c r="ED25" s="104">
        <v>2</v>
      </c>
      <c r="EE25" s="101">
        <v>0</v>
      </c>
      <c r="EF25" s="102">
        <v>0</v>
      </c>
      <c r="EG25" s="103">
        <v>0</v>
      </c>
      <c r="EH25" s="413">
        <v>0</v>
      </c>
      <c r="EI25" s="102">
        <v>0</v>
      </c>
      <c r="EJ25" s="102">
        <v>1</v>
      </c>
      <c r="EK25" s="102">
        <v>1</v>
      </c>
      <c r="EL25" s="102">
        <v>0</v>
      </c>
      <c r="EM25" s="102">
        <v>0</v>
      </c>
      <c r="EN25" s="103">
        <v>2</v>
      </c>
      <c r="EO25" s="104">
        <v>2</v>
      </c>
      <c r="EP25" s="101">
        <v>0</v>
      </c>
      <c r="EQ25" s="102">
        <v>1</v>
      </c>
      <c r="ER25" s="103">
        <v>1</v>
      </c>
      <c r="ES25" s="413">
        <v>0</v>
      </c>
      <c r="ET25" s="102">
        <v>1</v>
      </c>
      <c r="EU25" s="102">
        <v>2</v>
      </c>
      <c r="EV25" s="102">
        <v>1</v>
      </c>
      <c r="EW25" s="102">
        <v>0</v>
      </c>
      <c r="EX25" s="102">
        <v>0</v>
      </c>
      <c r="EY25" s="103">
        <v>4</v>
      </c>
      <c r="EZ25" s="104">
        <v>5</v>
      </c>
      <c r="FA25" s="101">
        <v>1</v>
      </c>
      <c r="FB25" s="102">
        <v>0</v>
      </c>
      <c r="FC25" s="103">
        <v>1</v>
      </c>
      <c r="FD25" s="413">
        <v>0</v>
      </c>
      <c r="FE25" s="102">
        <v>2</v>
      </c>
      <c r="FF25" s="102">
        <v>3</v>
      </c>
      <c r="FG25" s="102">
        <v>0</v>
      </c>
      <c r="FH25" s="102">
        <v>0</v>
      </c>
      <c r="FI25" s="102">
        <v>0</v>
      </c>
      <c r="FJ25" s="103">
        <v>5</v>
      </c>
      <c r="FK25" s="104">
        <v>6</v>
      </c>
      <c r="FL25" s="101">
        <v>0</v>
      </c>
      <c r="FM25" s="102">
        <v>0</v>
      </c>
      <c r="FN25" s="103">
        <v>0</v>
      </c>
      <c r="FO25" s="413">
        <v>0</v>
      </c>
      <c r="FP25" s="102">
        <v>3</v>
      </c>
      <c r="FQ25" s="102">
        <v>3</v>
      </c>
      <c r="FR25" s="102">
        <v>4</v>
      </c>
      <c r="FS25" s="102">
        <v>2</v>
      </c>
      <c r="FT25" s="102">
        <v>0</v>
      </c>
      <c r="FU25" s="103">
        <v>12</v>
      </c>
      <c r="FV25" s="104">
        <v>12</v>
      </c>
      <c r="FW25" s="101">
        <v>0</v>
      </c>
      <c r="FX25" s="102">
        <v>0</v>
      </c>
      <c r="FY25" s="103">
        <v>0</v>
      </c>
      <c r="FZ25" s="413">
        <v>0</v>
      </c>
      <c r="GA25" s="102">
        <v>0</v>
      </c>
      <c r="GB25" s="102">
        <v>0</v>
      </c>
      <c r="GC25" s="102">
        <v>0</v>
      </c>
      <c r="GD25" s="102">
        <v>0</v>
      </c>
      <c r="GE25" s="102">
        <v>0</v>
      </c>
      <c r="GF25" s="103">
        <v>0</v>
      </c>
      <c r="GG25" s="104">
        <v>0</v>
      </c>
      <c r="GH25" s="101">
        <v>1</v>
      </c>
      <c r="GI25" s="102">
        <v>2</v>
      </c>
      <c r="GJ25" s="103">
        <v>3</v>
      </c>
      <c r="GK25" s="413">
        <v>0</v>
      </c>
      <c r="GL25" s="102">
        <v>6</v>
      </c>
      <c r="GM25" s="102">
        <v>9</v>
      </c>
      <c r="GN25" s="102">
        <v>7</v>
      </c>
      <c r="GO25" s="102">
        <v>2</v>
      </c>
      <c r="GP25" s="102">
        <v>0</v>
      </c>
      <c r="GQ25" s="103">
        <v>24</v>
      </c>
      <c r="GR25" s="104">
        <v>27</v>
      </c>
      <c r="GS25" s="105">
        <v>18</v>
      </c>
      <c r="GT25" s="97">
        <v>15</v>
      </c>
      <c r="GU25" s="98">
        <v>33</v>
      </c>
      <c r="GV25" s="413">
        <v>0</v>
      </c>
      <c r="GW25" s="97">
        <v>56</v>
      </c>
      <c r="GX25" s="97">
        <v>36</v>
      </c>
      <c r="GY25" s="97">
        <v>27</v>
      </c>
      <c r="GZ25" s="97">
        <v>20</v>
      </c>
      <c r="HA25" s="97">
        <v>8</v>
      </c>
      <c r="HB25" s="99">
        <v>147</v>
      </c>
      <c r="HC25" s="100">
        <v>180</v>
      </c>
      <c r="HD25" s="101">
        <v>0</v>
      </c>
      <c r="HE25" s="102">
        <v>0</v>
      </c>
      <c r="HF25" s="103">
        <v>0</v>
      </c>
      <c r="HG25" s="413">
        <v>0</v>
      </c>
      <c r="HH25" s="102">
        <v>0</v>
      </c>
      <c r="HI25" s="102">
        <v>0</v>
      </c>
      <c r="HJ25" s="102">
        <v>0</v>
      </c>
      <c r="HK25" s="102">
        <v>0</v>
      </c>
      <c r="HL25" s="102">
        <v>0</v>
      </c>
      <c r="HM25" s="103">
        <v>0</v>
      </c>
      <c r="HN25" s="104">
        <v>0</v>
      </c>
      <c r="HO25" s="101">
        <v>0</v>
      </c>
      <c r="HP25" s="102">
        <v>2</v>
      </c>
      <c r="HQ25" s="103">
        <v>2</v>
      </c>
      <c r="HR25" s="413">
        <v>0</v>
      </c>
      <c r="HS25" s="102">
        <v>0</v>
      </c>
      <c r="HT25" s="102">
        <v>0</v>
      </c>
      <c r="HU25" s="102">
        <v>2</v>
      </c>
      <c r="HV25" s="102">
        <v>0</v>
      </c>
      <c r="HW25" s="102">
        <v>0</v>
      </c>
      <c r="HX25" s="103">
        <v>2</v>
      </c>
      <c r="HY25" s="104">
        <v>4</v>
      </c>
      <c r="HZ25" s="101">
        <v>0</v>
      </c>
      <c r="IA25" s="102">
        <v>0</v>
      </c>
      <c r="IB25" s="103">
        <v>0</v>
      </c>
      <c r="IC25" s="413">
        <v>0</v>
      </c>
      <c r="ID25" s="102">
        <v>5</v>
      </c>
      <c r="IE25" s="102">
        <v>4</v>
      </c>
      <c r="IF25" s="102">
        <v>3</v>
      </c>
      <c r="IG25" s="102">
        <v>2</v>
      </c>
      <c r="IH25" s="102">
        <v>2</v>
      </c>
      <c r="II25" s="103">
        <v>16</v>
      </c>
      <c r="IJ25" s="104">
        <v>16</v>
      </c>
      <c r="IK25" s="101">
        <v>3</v>
      </c>
      <c r="IL25" s="102">
        <v>5</v>
      </c>
      <c r="IM25" s="103">
        <v>8</v>
      </c>
      <c r="IN25" s="413">
        <v>0</v>
      </c>
      <c r="IO25" s="102">
        <v>9</v>
      </c>
      <c r="IP25" s="102">
        <v>4</v>
      </c>
      <c r="IQ25" s="102">
        <v>3</v>
      </c>
      <c r="IR25" s="102">
        <v>1</v>
      </c>
      <c r="IS25" s="102">
        <v>3</v>
      </c>
      <c r="IT25" s="103">
        <v>20</v>
      </c>
      <c r="IU25" s="104">
        <v>28</v>
      </c>
      <c r="IV25" s="101">
        <v>10</v>
      </c>
      <c r="IW25" s="102">
        <v>6</v>
      </c>
      <c r="IX25" s="103">
        <v>16</v>
      </c>
      <c r="IY25" s="413">
        <v>0</v>
      </c>
      <c r="IZ25" s="102">
        <v>21</v>
      </c>
      <c r="JA25" s="102">
        <v>9</v>
      </c>
      <c r="JB25" s="102">
        <v>5</v>
      </c>
      <c r="JC25" s="102">
        <v>7</v>
      </c>
      <c r="JD25" s="102">
        <v>0</v>
      </c>
      <c r="JE25" s="103">
        <v>42</v>
      </c>
      <c r="JF25" s="104">
        <v>58</v>
      </c>
      <c r="JG25" s="101">
        <v>5</v>
      </c>
      <c r="JH25" s="102">
        <v>2</v>
      </c>
      <c r="JI25" s="103">
        <v>7</v>
      </c>
      <c r="JJ25" s="413">
        <v>0</v>
      </c>
      <c r="JK25" s="102">
        <v>21</v>
      </c>
      <c r="JL25" s="102">
        <v>19</v>
      </c>
      <c r="JM25" s="102">
        <v>14</v>
      </c>
      <c r="JN25" s="102">
        <v>10</v>
      </c>
      <c r="JO25" s="102">
        <v>3</v>
      </c>
      <c r="JP25" s="103">
        <v>67</v>
      </c>
      <c r="JQ25" s="104">
        <v>74</v>
      </c>
      <c r="JR25" s="101">
        <v>0</v>
      </c>
      <c r="JS25" s="102">
        <v>0</v>
      </c>
      <c r="JT25" s="103">
        <v>0</v>
      </c>
      <c r="JU25" s="413">
        <v>0</v>
      </c>
      <c r="JV25" s="102">
        <v>0</v>
      </c>
      <c r="JW25" s="102">
        <v>0</v>
      </c>
      <c r="JX25" s="102">
        <v>0</v>
      </c>
      <c r="JY25" s="102">
        <v>0</v>
      </c>
      <c r="JZ25" s="102">
        <v>0</v>
      </c>
      <c r="KA25" s="103">
        <v>0</v>
      </c>
      <c r="KB25" s="104">
        <v>0</v>
      </c>
      <c r="KC25" s="101">
        <v>18</v>
      </c>
      <c r="KD25" s="102">
        <v>15</v>
      </c>
      <c r="KE25" s="103">
        <v>33</v>
      </c>
      <c r="KF25" s="413">
        <v>0</v>
      </c>
      <c r="KG25" s="102">
        <v>56</v>
      </c>
      <c r="KH25" s="102">
        <v>36</v>
      </c>
      <c r="KI25" s="102">
        <v>27</v>
      </c>
      <c r="KJ25" s="102">
        <v>20</v>
      </c>
      <c r="KK25" s="102">
        <v>8</v>
      </c>
      <c r="KL25" s="103">
        <v>147</v>
      </c>
      <c r="KM25" s="104">
        <v>180</v>
      </c>
    </row>
    <row r="26" spans="2:299" s="70" customFormat="1" ht="21" customHeight="1" x14ac:dyDescent="0.2">
      <c r="B26" s="106" t="s">
        <v>23</v>
      </c>
      <c r="C26" s="96">
        <v>34</v>
      </c>
      <c r="D26" s="97">
        <v>34</v>
      </c>
      <c r="E26" s="98">
        <v>68</v>
      </c>
      <c r="F26" s="413">
        <v>0</v>
      </c>
      <c r="G26" s="97">
        <v>54</v>
      </c>
      <c r="H26" s="97">
        <v>43</v>
      </c>
      <c r="I26" s="97">
        <v>18</v>
      </c>
      <c r="J26" s="97">
        <v>22</v>
      </c>
      <c r="K26" s="97">
        <v>15</v>
      </c>
      <c r="L26" s="99">
        <v>152</v>
      </c>
      <c r="M26" s="100">
        <v>220</v>
      </c>
      <c r="N26" s="101">
        <v>0</v>
      </c>
      <c r="O26" s="102">
        <v>1</v>
      </c>
      <c r="P26" s="103">
        <v>1</v>
      </c>
      <c r="Q26" s="413">
        <v>0</v>
      </c>
      <c r="R26" s="102">
        <v>0</v>
      </c>
      <c r="S26" s="102">
        <v>2</v>
      </c>
      <c r="T26" s="102">
        <v>0</v>
      </c>
      <c r="U26" s="102">
        <v>1</v>
      </c>
      <c r="V26" s="102">
        <v>0</v>
      </c>
      <c r="W26" s="103">
        <v>3</v>
      </c>
      <c r="X26" s="104">
        <v>4</v>
      </c>
      <c r="Y26" s="101">
        <v>0</v>
      </c>
      <c r="Z26" s="102">
        <v>1</v>
      </c>
      <c r="AA26" s="103">
        <v>1</v>
      </c>
      <c r="AB26" s="413">
        <v>0</v>
      </c>
      <c r="AC26" s="102">
        <v>0</v>
      </c>
      <c r="AD26" s="102">
        <v>1</v>
      </c>
      <c r="AE26" s="102">
        <v>0</v>
      </c>
      <c r="AF26" s="102">
        <v>0</v>
      </c>
      <c r="AG26" s="102">
        <v>0</v>
      </c>
      <c r="AH26" s="103">
        <v>1</v>
      </c>
      <c r="AI26" s="104">
        <v>2</v>
      </c>
      <c r="AJ26" s="101">
        <v>4</v>
      </c>
      <c r="AK26" s="102">
        <v>3</v>
      </c>
      <c r="AL26" s="103">
        <v>7</v>
      </c>
      <c r="AM26" s="413">
        <v>0</v>
      </c>
      <c r="AN26" s="102">
        <v>4</v>
      </c>
      <c r="AO26" s="102">
        <v>4</v>
      </c>
      <c r="AP26" s="102">
        <v>1</v>
      </c>
      <c r="AQ26" s="102">
        <v>1</v>
      </c>
      <c r="AR26" s="102">
        <v>3</v>
      </c>
      <c r="AS26" s="103">
        <v>13</v>
      </c>
      <c r="AT26" s="104">
        <v>20</v>
      </c>
      <c r="AU26" s="101">
        <v>9</v>
      </c>
      <c r="AV26" s="102">
        <v>12</v>
      </c>
      <c r="AW26" s="103">
        <v>21</v>
      </c>
      <c r="AX26" s="413">
        <v>0</v>
      </c>
      <c r="AY26" s="102">
        <v>13</v>
      </c>
      <c r="AZ26" s="102">
        <v>14</v>
      </c>
      <c r="BA26" s="102">
        <v>7</v>
      </c>
      <c r="BB26" s="102">
        <v>6</v>
      </c>
      <c r="BC26" s="102">
        <v>5</v>
      </c>
      <c r="BD26" s="103">
        <v>45</v>
      </c>
      <c r="BE26" s="104">
        <v>66</v>
      </c>
      <c r="BF26" s="101">
        <v>13</v>
      </c>
      <c r="BG26" s="102">
        <v>15</v>
      </c>
      <c r="BH26" s="103">
        <v>28</v>
      </c>
      <c r="BI26" s="413">
        <v>0</v>
      </c>
      <c r="BJ26" s="102">
        <v>26</v>
      </c>
      <c r="BK26" s="102">
        <v>12</v>
      </c>
      <c r="BL26" s="102">
        <v>4</v>
      </c>
      <c r="BM26" s="102">
        <v>6</v>
      </c>
      <c r="BN26" s="102">
        <v>5</v>
      </c>
      <c r="BO26" s="103">
        <v>53</v>
      </c>
      <c r="BP26" s="104">
        <v>81</v>
      </c>
      <c r="BQ26" s="101">
        <v>8</v>
      </c>
      <c r="BR26" s="102">
        <v>2</v>
      </c>
      <c r="BS26" s="103">
        <v>10</v>
      </c>
      <c r="BT26" s="413">
        <v>0</v>
      </c>
      <c r="BU26" s="102">
        <v>11</v>
      </c>
      <c r="BV26" s="102">
        <v>10</v>
      </c>
      <c r="BW26" s="102">
        <v>6</v>
      </c>
      <c r="BX26" s="102">
        <v>8</v>
      </c>
      <c r="BY26" s="102">
        <v>2</v>
      </c>
      <c r="BZ26" s="103">
        <v>37</v>
      </c>
      <c r="CA26" s="104">
        <v>47</v>
      </c>
      <c r="CB26" s="101">
        <v>0</v>
      </c>
      <c r="CC26" s="102">
        <v>0</v>
      </c>
      <c r="CD26" s="103">
        <v>0</v>
      </c>
      <c r="CE26" s="413">
        <v>0</v>
      </c>
      <c r="CF26" s="102">
        <v>0</v>
      </c>
      <c r="CG26" s="102">
        <v>0</v>
      </c>
      <c r="CH26" s="102">
        <v>0</v>
      </c>
      <c r="CI26" s="102">
        <v>0</v>
      </c>
      <c r="CJ26" s="102">
        <v>0</v>
      </c>
      <c r="CK26" s="103">
        <v>0</v>
      </c>
      <c r="CL26" s="104">
        <v>0</v>
      </c>
      <c r="CM26" s="101">
        <v>34</v>
      </c>
      <c r="CN26" s="102">
        <v>34</v>
      </c>
      <c r="CO26" s="103">
        <v>68</v>
      </c>
      <c r="CP26" s="413">
        <v>0</v>
      </c>
      <c r="CQ26" s="102">
        <v>54</v>
      </c>
      <c r="CR26" s="102">
        <v>43</v>
      </c>
      <c r="CS26" s="102">
        <v>18</v>
      </c>
      <c r="CT26" s="102">
        <v>22</v>
      </c>
      <c r="CU26" s="102">
        <v>15</v>
      </c>
      <c r="CV26" s="103">
        <v>152</v>
      </c>
      <c r="CW26" s="104">
        <v>220</v>
      </c>
      <c r="CX26" s="105">
        <v>2</v>
      </c>
      <c r="CY26" s="97">
        <v>2</v>
      </c>
      <c r="CZ26" s="98">
        <v>4</v>
      </c>
      <c r="DA26" s="413">
        <v>0</v>
      </c>
      <c r="DB26" s="97">
        <v>6</v>
      </c>
      <c r="DC26" s="97">
        <v>7</v>
      </c>
      <c r="DD26" s="97">
        <v>2</v>
      </c>
      <c r="DE26" s="97">
        <v>3</v>
      </c>
      <c r="DF26" s="97">
        <v>0</v>
      </c>
      <c r="DG26" s="99">
        <v>18</v>
      </c>
      <c r="DH26" s="100">
        <v>22</v>
      </c>
      <c r="DI26" s="101">
        <v>1</v>
      </c>
      <c r="DJ26" s="102">
        <v>0</v>
      </c>
      <c r="DK26" s="103">
        <v>1</v>
      </c>
      <c r="DL26" s="413">
        <v>0</v>
      </c>
      <c r="DM26" s="102">
        <v>0</v>
      </c>
      <c r="DN26" s="102">
        <v>0</v>
      </c>
      <c r="DO26" s="102">
        <v>0</v>
      </c>
      <c r="DP26" s="102">
        <v>0</v>
      </c>
      <c r="DQ26" s="102">
        <v>0</v>
      </c>
      <c r="DR26" s="103">
        <v>0</v>
      </c>
      <c r="DS26" s="104">
        <v>1</v>
      </c>
      <c r="DT26" s="101">
        <v>0</v>
      </c>
      <c r="DU26" s="102">
        <v>2</v>
      </c>
      <c r="DV26" s="103">
        <v>2</v>
      </c>
      <c r="DW26" s="413">
        <v>0</v>
      </c>
      <c r="DX26" s="102">
        <v>0</v>
      </c>
      <c r="DY26" s="102">
        <v>0</v>
      </c>
      <c r="DZ26" s="102">
        <v>0</v>
      </c>
      <c r="EA26" s="102">
        <v>0</v>
      </c>
      <c r="EB26" s="102">
        <v>0</v>
      </c>
      <c r="EC26" s="103">
        <v>0</v>
      </c>
      <c r="ED26" s="104">
        <v>2</v>
      </c>
      <c r="EE26" s="101">
        <v>0</v>
      </c>
      <c r="EF26" s="102">
        <v>0</v>
      </c>
      <c r="EG26" s="103">
        <v>0</v>
      </c>
      <c r="EH26" s="413">
        <v>0</v>
      </c>
      <c r="EI26" s="102">
        <v>1</v>
      </c>
      <c r="EJ26" s="102">
        <v>1</v>
      </c>
      <c r="EK26" s="102">
        <v>0</v>
      </c>
      <c r="EL26" s="102">
        <v>0</v>
      </c>
      <c r="EM26" s="102">
        <v>0</v>
      </c>
      <c r="EN26" s="103">
        <v>2</v>
      </c>
      <c r="EO26" s="104">
        <v>2</v>
      </c>
      <c r="EP26" s="101">
        <v>1</v>
      </c>
      <c r="EQ26" s="102">
        <v>0</v>
      </c>
      <c r="ER26" s="103">
        <v>1</v>
      </c>
      <c r="ES26" s="413">
        <v>0</v>
      </c>
      <c r="ET26" s="102">
        <v>2</v>
      </c>
      <c r="EU26" s="102">
        <v>1</v>
      </c>
      <c r="EV26" s="102">
        <v>0</v>
      </c>
      <c r="EW26" s="102">
        <v>1</v>
      </c>
      <c r="EX26" s="102">
        <v>0</v>
      </c>
      <c r="EY26" s="103">
        <v>4</v>
      </c>
      <c r="EZ26" s="104">
        <v>5</v>
      </c>
      <c r="FA26" s="101">
        <v>0</v>
      </c>
      <c r="FB26" s="102">
        <v>0</v>
      </c>
      <c r="FC26" s="103">
        <v>0</v>
      </c>
      <c r="FD26" s="413">
        <v>0</v>
      </c>
      <c r="FE26" s="102">
        <v>3</v>
      </c>
      <c r="FF26" s="102">
        <v>4</v>
      </c>
      <c r="FG26" s="102">
        <v>1</v>
      </c>
      <c r="FH26" s="102">
        <v>0</v>
      </c>
      <c r="FI26" s="102">
        <v>0</v>
      </c>
      <c r="FJ26" s="103">
        <v>8</v>
      </c>
      <c r="FK26" s="104">
        <v>8</v>
      </c>
      <c r="FL26" s="101">
        <v>0</v>
      </c>
      <c r="FM26" s="102">
        <v>0</v>
      </c>
      <c r="FN26" s="103">
        <v>0</v>
      </c>
      <c r="FO26" s="413">
        <v>0</v>
      </c>
      <c r="FP26" s="102">
        <v>0</v>
      </c>
      <c r="FQ26" s="102">
        <v>1</v>
      </c>
      <c r="FR26" s="102">
        <v>1</v>
      </c>
      <c r="FS26" s="102">
        <v>2</v>
      </c>
      <c r="FT26" s="102">
        <v>0</v>
      </c>
      <c r="FU26" s="103">
        <v>4</v>
      </c>
      <c r="FV26" s="104">
        <v>4</v>
      </c>
      <c r="FW26" s="101">
        <v>0</v>
      </c>
      <c r="FX26" s="102">
        <v>0</v>
      </c>
      <c r="FY26" s="103">
        <v>0</v>
      </c>
      <c r="FZ26" s="413">
        <v>0</v>
      </c>
      <c r="GA26" s="102">
        <v>0</v>
      </c>
      <c r="GB26" s="102">
        <v>0</v>
      </c>
      <c r="GC26" s="102">
        <v>0</v>
      </c>
      <c r="GD26" s="102">
        <v>0</v>
      </c>
      <c r="GE26" s="102">
        <v>0</v>
      </c>
      <c r="GF26" s="103">
        <v>0</v>
      </c>
      <c r="GG26" s="104">
        <v>0</v>
      </c>
      <c r="GH26" s="101">
        <v>2</v>
      </c>
      <c r="GI26" s="102">
        <v>2</v>
      </c>
      <c r="GJ26" s="103">
        <v>4</v>
      </c>
      <c r="GK26" s="413">
        <v>0</v>
      </c>
      <c r="GL26" s="102">
        <v>6</v>
      </c>
      <c r="GM26" s="102">
        <v>7</v>
      </c>
      <c r="GN26" s="102">
        <v>2</v>
      </c>
      <c r="GO26" s="102">
        <v>3</v>
      </c>
      <c r="GP26" s="102">
        <v>0</v>
      </c>
      <c r="GQ26" s="103">
        <v>18</v>
      </c>
      <c r="GR26" s="104">
        <v>22</v>
      </c>
      <c r="GS26" s="105">
        <v>36</v>
      </c>
      <c r="GT26" s="97">
        <v>36</v>
      </c>
      <c r="GU26" s="98">
        <v>72</v>
      </c>
      <c r="GV26" s="413">
        <v>0</v>
      </c>
      <c r="GW26" s="97">
        <v>60</v>
      </c>
      <c r="GX26" s="97">
        <v>50</v>
      </c>
      <c r="GY26" s="97">
        <v>20</v>
      </c>
      <c r="GZ26" s="97">
        <v>25</v>
      </c>
      <c r="HA26" s="97">
        <v>15</v>
      </c>
      <c r="HB26" s="99">
        <v>170</v>
      </c>
      <c r="HC26" s="100">
        <v>242</v>
      </c>
      <c r="HD26" s="101">
        <v>1</v>
      </c>
      <c r="HE26" s="102">
        <v>1</v>
      </c>
      <c r="HF26" s="103">
        <v>2</v>
      </c>
      <c r="HG26" s="413">
        <v>0</v>
      </c>
      <c r="HH26" s="102">
        <v>0</v>
      </c>
      <c r="HI26" s="102">
        <v>2</v>
      </c>
      <c r="HJ26" s="102">
        <v>0</v>
      </c>
      <c r="HK26" s="102">
        <v>1</v>
      </c>
      <c r="HL26" s="102">
        <v>0</v>
      </c>
      <c r="HM26" s="103">
        <v>3</v>
      </c>
      <c r="HN26" s="104">
        <v>5</v>
      </c>
      <c r="HO26" s="101">
        <v>0</v>
      </c>
      <c r="HP26" s="102">
        <v>3</v>
      </c>
      <c r="HQ26" s="103">
        <v>3</v>
      </c>
      <c r="HR26" s="413">
        <v>0</v>
      </c>
      <c r="HS26" s="102">
        <v>0</v>
      </c>
      <c r="HT26" s="102">
        <v>1</v>
      </c>
      <c r="HU26" s="102">
        <v>0</v>
      </c>
      <c r="HV26" s="102">
        <v>0</v>
      </c>
      <c r="HW26" s="102">
        <v>0</v>
      </c>
      <c r="HX26" s="103">
        <v>1</v>
      </c>
      <c r="HY26" s="104">
        <v>4</v>
      </c>
      <c r="HZ26" s="101">
        <v>4</v>
      </c>
      <c r="IA26" s="102">
        <v>3</v>
      </c>
      <c r="IB26" s="103">
        <v>7</v>
      </c>
      <c r="IC26" s="413">
        <v>0</v>
      </c>
      <c r="ID26" s="102">
        <v>5</v>
      </c>
      <c r="IE26" s="102">
        <v>5</v>
      </c>
      <c r="IF26" s="102">
        <v>1</v>
      </c>
      <c r="IG26" s="102">
        <v>1</v>
      </c>
      <c r="IH26" s="102">
        <v>3</v>
      </c>
      <c r="II26" s="103">
        <v>15</v>
      </c>
      <c r="IJ26" s="104">
        <v>22</v>
      </c>
      <c r="IK26" s="101">
        <v>10</v>
      </c>
      <c r="IL26" s="102">
        <v>12</v>
      </c>
      <c r="IM26" s="103">
        <v>22</v>
      </c>
      <c r="IN26" s="413">
        <v>0</v>
      </c>
      <c r="IO26" s="102">
        <v>15</v>
      </c>
      <c r="IP26" s="102">
        <v>15</v>
      </c>
      <c r="IQ26" s="102">
        <v>7</v>
      </c>
      <c r="IR26" s="102">
        <v>7</v>
      </c>
      <c r="IS26" s="102">
        <v>5</v>
      </c>
      <c r="IT26" s="103">
        <v>49</v>
      </c>
      <c r="IU26" s="104">
        <v>71</v>
      </c>
      <c r="IV26" s="101">
        <v>13</v>
      </c>
      <c r="IW26" s="102">
        <v>15</v>
      </c>
      <c r="IX26" s="103">
        <v>28</v>
      </c>
      <c r="IY26" s="413">
        <v>0</v>
      </c>
      <c r="IZ26" s="102">
        <v>29</v>
      </c>
      <c r="JA26" s="102">
        <v>16</v>
      </c>
      <c r="JB26" s="102">
        <v>5</v>
      </c>
      <c r="JC26" s="102">
        <v>6</v>
      </c>
      <c r="JD26" s="102">
        <v>5</v>
      </c>
      <c r="JE26" s="103">
        <v>61</v>
      </c>
      <c r="JF26" s="104">
        <v>89</v>
      </c>
      <c r="JG26" s="101">
        <v>8</v>
      </c>
      <c r="JH26" s="102">
        <v>2</v>
      </c>
      <c r="JI26" s="103">
        <v>10</v>
      </c>
      <c r="JJ26" s="413">
        <v>0</v>
      </c>
      <c r="JK26" s="102">
        <v>11</v>
      </c>
      <c r="JL26" s="102">
        <v>11</v>
      </c>
      <c r="JM26" s="102">
        <v>7</v>
      </c>
      <c r="JN26" s="102">
        <v>10</v>
      </c>
      <c r="JO26" s="102">
        <v>2</v>
      </c>
      <c r="JP26" s="103">
        <v>41</v>
      </c>
      <c r="JQ26" s="104">
        <v>51</v>
      </c>
      <c r="JR26" s="101">
        <v>0</v>
      </c>
      <c r="JS26" s="102">
        <v>0</v>
      </c>
      <c r="JT26" s="103">
        <v>0</v>
      </c>
      <c r="JU26" s="413">
        <v>0</v>
      </c>
      <c r="JV26" s="102">
        <v>0</v>
      </c>
      <c r="JW26" s="102">
        <v>0</v>
      </c>
      <c r="JX26" s="102">
        <v>0</v>
      </c>
      <c r="JY26" s="102">
        <v>0</v>
      </c>
      <c r="JZ26" s="102">
        <v>0</v>
      </c>
      <c r="KA26" s="103">
        <v>0</v>
      </c>
      <c r="KB26" s="104">
        <v>0</v>
      </c>
      <c r="KC26" s="101">
        <v>36</v>
      </c>
      <c r="KD26" s="102">
        <v>36</v>
      </c>
      <c r="KE26" s="103">
        <v>72</v>
      </c>
      <c r="KF26" s="413">
        <v>0</v>
      </c>
      <c r="KG26" s="102">
        <v>60</v>
      </c>
      <c r="KH26" s="102">
        <v>50</v>
      </c>
      <c r="KI26" s="102">
        <v>20</v>
      </c>
      <c r="KJ26" s="102">
        <v>25</v>
      </c>
      <c r="KK26" s="102">
        <v>15</v>
      </c>
      <c r="KL26" s="103">
        <v>170</v>
      </c>
      <c r="KM26" s="104">
        <v>242</v>
      </c>
    </row>
    <row r="27" spans="2:299" s="70" customFormat="1" ht="21" customHeight="1" x14ac:dyDescent="0.2">
      <c r="B27" s="106" t="s">
        <v>24</v>
      </c>
      <c r="C27" s="96">
        <v>26</v>
      </c>
      <c r="D27" s="97">
        <v>19</v>
      </c>
      <c r="E27" s="98">
        <v>45</v>
      </c>
      <c r="F27" s="413">
        <v>0</v>
      </c>
      <c r="G27" s="97">
        <v>44</v>
      </c>
      <c r="H27" s="97">
        <v>27</v>
      </c>
      <c r="I27" s="97">
        <v>23</v>
      </c>
      <c r="J27" s="97">
        <v>20</v>
      </c>
      <c r="K27" s="97">
        <v>10</v>
      </c>
      <c r="L27" s="99">
        <v>124</v>
      </c>
      <c r="M27" s="100">
        <v>169</v>
      </c>
      <c r="N27" s="101">
        <v>0</v>
      </c>
      <c r="O27" s="102">
        <v>0</v>
      </c>
      <c r="P27" s="103">
        <v>0</v>
      </c>
      <c r="Q27" s="413">
        <v>0</v>
      </c>
      <c r="R27" s="102">
        <v>0</v>
      </c>
      <c r="S27" s="102">
        <v>0</v>
      </c>
      <c r="T27" s="102">
        <v>0</v>
      </c>
      <c r="U27" s="102">
        <v>0</v>
      </c>
      <c r="V27" s="102">
        <v>0</v>
      </c>
      <c r="W27" s="103">
        <v>0</v>
      </c>
      <c r="X27" s="104">
        <v>0</v>
      </c>
      <c r="Y27" s="101">
        <v>0</v>
      </c>
      <c r="Z27" s="102">
        <v>0</v>
      </c>
      <c r="AA27" s="103">
        <v>0</v>
      </c>
      <c r="AB27" s="413">
        <v>0</v>
      </c>
      <c r="AC27" s="102">
        <v>2</v>
      </c>
      <c r="AD27" s="102">
        <v>0</v>
      </c>
      <c r="AE27" s="102">
        <v>1</v>
      </c>
      <c r="AF27" s="102">
        <v>1</v>
      </c>
      <c r="AG27" s="102">
        <v>1</v>
      </c>
      <c r="AH27" s="103">
        <v>5</v>
      </c>
      <c r="AI27" s="104">
        <v>5</v>
      </c>
      <c r="AJ27" s="101">
        <v>1</v>
      </c>
      <c r="AK27" s="102">
        <v>4</v>
      </c>
      <c r="AL27" s="103">
        <v>5</v>
      </c>
      <c r="AM27" s="413">
        <v>0</v>
      </c>
      <c r="AN27" s="102">
        <v>1</v>
      </c>
      <c r="AO27" s="102">
        <v>2</v>
      </c>
      <c r="AP27" s="102">
        <v>3</v>
      </c>
      <c r="AQ27" s="102">
        <v>3</v>
      </c>
      <c r="AR27" s="102">
        <v>0</v>
      </c>
      <c r="AS27" s="103">
        <v>9</v>
      </c>
      <c r="AT27" s="104">
        <v>14</v>
      </c>
      <c r="AU27" s="101">
        <v>4</v>
      </c>
      <c r="AV27" s="102">
        <v>2</v>
      </c>
      <c r="AW27" s="103">
        <v>6</v>
      </c>
      <c r="AX27" s="413">
        <v>0</v>
      </c>
      <c r="AY27" s="102">
        <v>8</v>
      </c>
      <c r="AZ27" s="102">
        <v>5</v>
      </c>
      <c r="BA27" s="102">
        <v>2</v>
      </c>
      <c r="BB27" s="102">
        <v>4</v>
      </c>
      <c r="BC27" s="102">
        <v>1</v>
      </c>
      <c r="BD27" s="103">
        <v>20</v>
      </c>
      <c r="BE27" s="104">
        <v>26</v>
      </c>
      <c r="BF27" s="101">
        <v>9</v>
      </c>
      <c r="BG27" s="102">
        <v>6</v>
      </c>
      <c r="BH27" s="103">
        <v>15</v>
      </c>
      <c r="BI27" s="413">
        <v>0</v>
      </c>
      <c r="BJ27" s="102">
        <v>14</v>
      </c>
      <c r="BK27" s="102">
        <v>7</v>
      </c>
      <c r="BL27" s="102">
        <v>6</v>
      </c>
      <c r="BM27" s="102">
        <v>5</v>
      </c>
      <c r="BN27" s="102">
        <v>2</v>
      </c>
      <c r="BO27" s="103">
        <v>34</v>
      </c>
      <c r="BP27" s="104">
        <v>49</v>
      </c>
      <c r="BQ27" s="101">
        <v>12</v>
      </c>
      <c r="BR27" s="102">
        <v>7</v>
      </c>
      <c r="BS27" s="103">
        <v>19</v>
      </c>
      <c r="BT27" s="413">
        <v>0</v>
      </c>
      <c r="BU27" s="102">
        <v>19</v>
      </c>
      <c r="BV27" s="102">
        <v>13</v>
      </c>
      <c r="BW27" s="102">
        <v>11</v>
      </c>
      <c r="BX27" s="102">
        <v>7</v>
      </c>
      <c r="BY27" s="102">
        <v>6</v>
      </c>
      <c r="BZ27" s="103">
        <v>56</v>
      </c>
      <c r="CA27" s="104">
        <v>75</v>
      </c>
      <c r="CB27" s="101">
        <v>0</v>
      </c>
      <c r="CC27" s="102">
        <v>0</v>
      </c>
      <c r="CD27" s="103">
        <v>0</v>
      </c>
      <c r="CE27" s="413">
        <v>0</v>
      </c>
      <c r="CF27" s="102">
        <v>0</v>
      </c>
      <c r="CG27" s="102">
        <v>0</v>
      </c>
      <c r="CH27" s="102">
        <v>0</v>
      </c>
      <c r="CI27" s="102">
        <v>0</v>
      </c>
      <c r="CJ27" s="102">
        <v>0</v>
      </c>
      <c r="CK27" s="103">
        <v>0</v>
      </c>
      <c r="CL27" s="104">
        <v>0</v>
      </c>
      <c r="CM27" s="101">
        <v>26</v>
      </c>
      <c r="CN27" s="102">
        <v>19</v>
      </c>
      <c r="CO27" s="103">
        <v>45</v>
      </c>
      <c r="CP27" s="413">
        <v>0</v>
      </c>
      <c r="CQ27" s="102">
        <v>44</v>
      </c>
      <c r="CR27" s="102">
        <v>27</v>
      </c>
      <c r="CS27" s="102">
        <v>23</v>
      </c>
      <c r="CT27" s="102">
        <v>20</v>
      </c>
      <c r="CU27" s="102">
        <v>10</v>
      </c>
      <c r="CV27" s="103">
        <v>124</v>
      </c>
      <c r="CW27" s="104">
        <v>169</v>
      </c>
      <c r="CX27" s="105">
        <v>6</v>
      </c>
      <c r="CY27" s="97">
        <v>2</v>
      </c>
      <c r="CZ27" s="98">
        <v>8</v>
      </c>
      <c r="DA27" s="413">
        <v>0</v>
      </c>
      <c r="DB27" s="97">
        <v>6</v>
      </c>
      <c r="DC27" s="97">
        <v>3</v>
      </c>
      <c r="DD27" s="97">
        <v>5</v>
      </c>
      <c r="DE27" s="97">
        <v>3</v>
      </c>
      <c r="DF27" s="97">
        <v>0</v>
      </c>
      <c r="DG27" s="99">
        <v>17</v>
      </c>
      <c r="DH27" s="100">
        <v>25</v>
      </c>
      <c r="DI27" s="101">
        <v>0</v>
      </c>
      <c r="DJ27" s="102">
        <v>0</v>
      </c>
      <c r="DK27" s="103">
        <v>0</v>
      </c>
      <c r="DL27" s="413">
        <v>0</v>
      </c>
      <c r="DM27" s="102">
        <v>1</v>
      </c>
      <c r="DN27" s="102">
        <v>0</v>
      </c>
      <c r="DO27" s="102">
        <v>0</v>
      </c>
      <c r="DP27" s="102">
        <v>0</v>
      </c>
      <c r="DQ27" s="102">
        <v>0</v>
      </c>
      <c r="DR27" s="103">
        <v>1</v>
      </c>
      <c r="DS27" s="104">
        <v>1</v>
      </c>
      <c r="DT27" s="101">
        <v>1</v>
      </c>
      <c r="DU27" s="102">
        <v>0</v>
      </c>
      <c r="DV27" s="103">
        <v>1</v>
      </c>
      <c r="DW27" s="413">
        <v>0</v>
      </c>
      <c r="DX27" s="102">
        <v>0</v>
      </c>
      <c r="DY27" s="102">
        <v>0</v>
      </c>
      <c r="DZ27" s="102">
        <v>0</v>
      </c>
      <c r="EA27" s="102">
        <v>0</v>
      </c>
      <c r="EB27" s="102">
        <v>0</v>
      </c>
      <c r="EC27" s="103">
        <v>0</v>
      </c>
      <c r="ED27" s="104">
        <v>1</v>
      </c>
      <c r="EE27" s="101">
        <v>0</v>
      </c>
      <c r="EF27" s="102">
        <v>0</v>
      </c>
      <c r="EG27" s="103">
        <v>0</v>
      </c>
      <c r="EH27" s="413">
        <v>0</v>
      </c>
      <c r="EI27" s="102">
        <v>1</v>
      </c>
      <c r="EJ27" s="102">
        <v>1</v>
      </c>
      <c r="EK27" s="102">
        <v>0</v>
      </c>
      <c r="EL27" s="102">
        <v>0</v>
      </c>
      <c r="EM27" s="102">
        <v>0</v>
      </c>
      <c r="EN27" s="103">
        <v>2</v>
      </c>
      <c r="EO27" s="104">
        <v>2</v>
      </c>
      <c r="EP27" s="101">
        <v>0</v>
      </c>
      <c r="EQ27" s="102">
        <v>1</v>
      </c>
      <c r="ER27" s="103">
        <v>1</v>
      </c>
      <c r="ES27" s="413">
        <v>0</v>
      </c>
      <c r="ET27" s="102">
        <v>0</v>
      </c>
      <c r="EU27" s="102">
        <v>0</v>
      </c>
      <c r="EV27" s="102">
        <v>0</v>
      </c>
      <c r="EW27" s="102">
        <v>1</v>
      </c>
      <c r="EX27" s="102">
        <v>0</v>
      </c>
      <c r="EY27" s="103">
        <v>1</v>
      </c>
      <c r="EZ27" s="104">
        <v>2</v>
      </c>
      <c r="FA27" s="101">
        <v>5</v>
      </c>
      <c r="FB27" s="102">
        <v>1</v>
      </c>
      <c r="FC27" s="103">
        <v>6</v>
      </c>
      <c r="FD27" s="413">
        <v>0</v>
      </c>
      <c r="FE27" s="102">
        <v>2</v>
      </c>
      <c r="FF27" s="102">
        <v>1</v>
      </c>
      <c r="FG27" s="102">
        <v>1</v>
      </c>
      <c r="FH27" s="102">
        <v>0</v>
      </c>
      <c r="FI27" s="102">
        <v>0</v>
      </c>
      <c r="FJ27" s="103">
        <v>4</v>
      </c>
      <c r="FK27" s="104">
        <v>10</v>
      </c>
      <c r="FL27" s="101">
        <v>0</v>
      </c>
      <c r="FM27" s="102">
        <v>0</v>
      </c>
      <c r="FN27" s="103">
        <v>0</v>
      </c>
      <c r="FO27" s="413">
        <v>0</v>
      </c>
      <c r="FP27" s="102">
        <v>2</v>
      </c>
      <c r="FQ27" s="102">
        <v>1</v>
      </c>
      <c r="FR27" s="102">
        <v>4</v>
      </c>
      <c r="FS27" s="102">
        <v>2</v>
      </c>
      <c r="FT27" s="102">
        <v>0</v>
      </c>
      <c r="FU27" s="103">
        <v>9</v>
      </c>
      <c r="FV27" s="104">
        <v>9</v>
      </c>
      <c r="FW27" s="101">
        <v>0</v>
      </c>
      <c r="FX27" s="102">
        <v>0</v>
      </c>
      <c r="FY27" s="103">
        <v>0</v>
      </c>
      <c r="FZ27" s="413">
        <v>0</v>
      </c>
      <c r="GA27" s="102">
        <v>0</v>
      </c>
      <c r="GB27" s="102">
        <v>0</v>
      </c>
      <c r="GC27" s="102">
        <v>0</v>
      </c>
      <c r="GD27" s="102">
        <v>0</v>
      </c>
      <c r="GE27" s="102">
        <v>0</v>
      </c>
      <c r="GF27" s="103">
        <v>0</v>
      </c>
      <c r="GG27" s="104">
        <v>0</v>
      </c>
      <c r="GH27" s="101">
        <v>6</v>
      </c>
      <c r="GI27" s="102">
        <v>2</v>
      </c>
      <c r="GJ27" s="103">
        <v>8</v>
      </c>
      <c r="GK27" s="413">
        <v>0</v>
      </c>
      <c r="GL27" s="102">
        <v>6</v>
      </c>
      <c r="GM27" s="102">
        <v>3</v>
      </c>
      <c r="GN27" s="102">
        <v>5</v>
      </c>
      <c r="GO27" s="102">
        <v>3</v>
      </c>
      <c r="GP27" s="102">
        <v>0</v>
      </c>
      <c r="GQ27" s="103">
        <v>17</v>
      </c>
      <c r="GR27" s="104">
        <v>25</v>
      </c>
      <c r="GS27" s="105">
        <v>32</v>
      </c>
      <c r="GT27" s="97">
        <v>21</v>
      </c>
      <c r="GU27" s="98">
        <v>53</v>
      </c>
      <c r="GV27" s="413">
        <v>0</v>
      </c>
      <c r="GW27" s="97">
        <v>50</v>
      </c>
      <c r="GX27" s="97">
        <v>30</v>
      </c>
      <c r="GY27" s="97">
        <v>28</v>
      </c>
      <c r="GZ27" s="97">
        <v>23</v>
      </c>
      <c r="HA27" s="97">
        <v>10</v>
      </c>
      <c r="HB27" s="99">
        <v>141</v>
      </c>
      <c r="HC27" s="100">
        <v>194</v>
      </c>
      <c r="HD27" s="101">
        <v>0</v>
      </c>
      <c r="HE27" s="102">
        <v>0</v>
      </c>
      <c r="HF27" s="103">
        <v>0</v>
      </c>
      <c r="HG27" s="413">
        <v>0</v>
      </c>
      <c r="HH27" s="102">
        <v>1</v>
      </c>
      <c r="HI27" s="102">
        <v>0</v>
      </c>
      <c r="HJ27" s="102">
        <v>0</v>
      </c>
      <c r="HK27" s="102">
        <v>0</v>
      </c>
      <c r="HL27" s="102">
        <v>0</v>
      </c>
      <c r="HM27" s="103">
        <v>1</v>
      </c>
      <c r="HN27" s="104">
        <v>1</v>
      </c>
      <c r="HO27" s="101">
        <v>1</v>
      </c>
      <c r="HP27" s="102">
        <v>0</v>
      </c>
      <c r="HQ27" s="103">
        <v>1</v>
      </c>
      <c r="HR27" s="413">
        <v>0</v>
      </c>
      <c r="HS27" s="102">
        <v>2</v>
      </c>
      <c r="HT27" s="102">
        <v>0</v>
      </c>
      <c r="HU27" s="102">
        <v>1</v>
      </c>
      <c r="HV27" s="102">
        <v>1</v>
      </c>
      <c r="HW27" s="102">
        <v>1</v>
      </c>
      <c r="HX27" s="103">
        <v>5</v>
      </c>
      <c r="HY27" s="104">
        <v>6</v>
      </c>
      <c r="HZ27" s="101">
        <v>1</v>
      </c>
      <c r="IA27" s="102">
        <v>4</v>
      </c>
      <c r="IB27" s="103">
        <v>5</v>
      </c>
      <c r="IC27" s="413">
        <v>0</v>
      </c>
      <c r="ID27" s="102">
        <v>2</v>
      </c>
      <c r="IE27" s="102">
        <v>3</v>
      </c>
      <c r="IF27" s="102">
        <v>3</v>
      </c>
      <c r="IG27" s="102">
        <v>3</v>
      </c>
      <c r="IH27" s="102">
        <v>0</v>
      </c>
      <c r="II27" s="103">
        <v>11</v>
      </c>
      <c r="IJ27" s="104">
        <v>16</v>
      </c>
      <c r="IK27" s="101">
        <v>4</v>
      </c>
      <c r="IL27" s="102">
        <v>3</v>
      </c>
      <c r="IM27" s="103">
        <v>7</v>
      </c>
      <c r="IN27" s="413">
        <v>0</v>
      </c>
      <c r="IO27" s="102">
        <v>8</v>
      </c>
      <c r="IP27" s="102">
        <v>5</v>
      </c>
      <c r="IQ27" s="102">
        <v>2</v>
      </c>
      <c r="IR27" s="102">
        <v>5</v>
      </c>
      <c r="IS27" s="102">
        <v>1</v>
      </c>
      <c r="IT27" s="103">
        <v>21</v>
      </c>
      <c r="IU27" s="104">
        <v>28</v>
      </c>
      <c r="IV27" s="101">
        <v>14</v>
      </c>
      <c r="IW27" s="102">
        <v>7</v>
      </c>
      <c r="IX27" s="103">
        <v>21</v>
      </c>
      <c r="IY27" s="413">
        <v>0</v>
      </c>
      <c r="IZ27" s="102">
        <v>16</v>
      </c>
      <c r="JA27" s="102">
        <v>8</v>
      </c>
      <c r="JB27" s="102">
        <v>7</v>
      </c>
      <c r="JC27" s="102">
        <v>5</v>
      </c>
      <c r="JD27" s="102">
        <v>2</v>
      </c>
      <c r="JE27" s="103">
        <v>38</v>
      </c>
      <c r="JF27" s="104">
        <v>59</v>
      </c>
      <c r="JG27" s="101">
        <v>12</v>
      </c>
      <c r="JH27" s="102">
        <v>7</v>
      </c>
      <c r="JI27" s="103">
        <v>19</v>
      </c>
      <c r="JJ27" s="413">
        <v>0</v>
      </c>
      <c r="JK27" s="102">
        <v>21</v>
      </c>
      <c r="JL27" s="102">
        <v>14</v>
      </c>
      <c r="JM27" s="102">
        <v>15</v>
      </c>
      <c r="JN27" s="102">
        <v>9</v>
      </c>
      <c r="JO27" s="102">
        <v>6</v>
      </c>
      <c r="JP27" s="103">
        <v>65</v>
      </c>
      <c r="JQ27" s="104">
        <v>84</v>
      </c>
      <c r="JR27" s="101">
        <v>0</v>
      </c>
      <c r="JS27" s="102">
        <v>0</v>
      </c>
      <c r="JT27" s="103">
        <v>0</v>
      </c>
      <c r="JU27" s="413">
        <v>0</v>
      </c>
      <c r="JV27" s="102">
        <v>0</v>
      </c>
      <c r="JW27" s="102">
        <v>0</v>
      </c>
      <c r="JX27" s="102">
        <v>0</v>
      </c>
      <c r="JY27" s="102">
        <v>0</v>
      </c>
      <c r="JZ27" s="102">
        <v>0</v>
      </c>
      <c r="KA27" s="103">
        <v>0</v>
      </c>
      <c r="KB27" s="104">
        <v>0</v>
      </c>
      <c r="KC27" s="101">
        <v>32</v>
      </c>
      <c r="KD27" s="102">
        <v>21</v>
      </c>
      <c r="KE27" s="103">
        <v>53</v>
      </c>
      <c r="KF27" s="413">
        <v>0</v>
      </c>
      <c r="KG27" s="102">
        <v>50</v>
      </c>
      <c r="KH27" s="102">
        <v>30</v>
      </c>
      <c r="KI27" s="102">
        <v>28</v>
      </c>
      <c r="KJ27" s="102">
        <v>23</v>
      </c>
      <c r="KK27" s="102">
        <v>10</v>
      </c>
      <c r="KL27" s="103">
        <v>141</v>
      </c>
      <c r="KM27" s="104">
        <v>194</v>
      </c>
    </row>
    <row r="28" spans="2:299" s="70" customFormat="1" ht="21" customHeight="1" x14ac:dyDescent="0.2">
      <c r="B28" s="106" t="s">
        <v>25</v>
      </c>
      <c r="C28" s="96">
        <v>15</v>
      </c>
      <c r="D28" s="97">
        <v>31</v>
      </c>
      <c r="E28" s="98">
        <v>46</v>
      </c>
      <c r="F28" s="413">
        <v>0</v>
      </c>
      <c r="G28" s="97">
        <v>22</v>
      </c>
      <c r="H28" s="97">
        <v>18</v>
      </c>
      <c r="I28" s="97">
        <v>13</v>
      </c>
      <c r="J28" s="97">
        <v>8</v>
      </c>
      <c r="K28" s="97">
        <v>3</v>
      </c>
      <c r="L28" s="99">
        <v>64</v>
      </c>
      <c r="M28" s="100">
        <v>110</v>
      </c>
      <c r="N28" s="101">
        <v>0</v>
      </c>
      <c r="O28" s="102">
        <v>0</v>
      </c>
      <c r="P28" s="103">
        <v>0</v>
      </c>
      <c r="Q28" s="413">
        <v>0</v>
      </c>
      <c r="R28" s="102">
        <v>1</v>
      </c>
      <c r="S28" s="102">
        <v>1</v>
      </c>
      <c r="T28" s="102">
        <v>0</v>
      </c>
      <c r="U28" s="102">
        <v>0</v>
      </c>
      <c r="V28" s="102">
        <v>0</v>
      </c>
      <c r="W28" s="103">
        <v>2</v>
      </c>
      <c r="X28" s="104">
        <v>2</v>
      </c>
      <c r="Y28" s="101">
        <v>2</v>
      </c>
      <c r="Z28" s="102">
        <v>1</v>
      </c>
      <c r="AA28" s="103">
        <v>3</v>
      </c>
      <c r="AB28" s="413">
        <v>0</v>
      </c>
      <c r="AC28" s="102">
        <v>0</v>
      </c>
      <c r="AD28" s="102">
        <v>1</v>
      </c>
      <c r="AE28" s="102">
        <v>0</v>
      </c>
      <c r="AF28" s="102">
        <v>2</v>
      </c>
      <c r="AG28" s="102">
        <v>0</v>
      </c>
      <c r="AH28" s="103">
        <v>3</v>
      </c>
      <c r="AI28" s="104">
        <v>6</v>
      </c>
      <c r="AJ28" s="101">
        <v>1</v>
      </c>
      <c r="AK28" s="102">
        <v>3</v>
      </c>
      <c r="AL28" s="103">
        <v>4</v>
      </c>
      <c r="AM28" s="413">
        <v>0</v>
      </c>
      <c r="AN28" s="102">
        <v>2</v>
      </c>
      <c r="AO28" s="102">
        <v>2</v>
      </c>
      <c r="AP28" s="102">
        <v>2</v>
      </c>
      <c r="AQ28" s="102">
        <v>1</v>
      </c>
      <c r="AR28" s="102">
        <v>0</v>
      </c>
      <c r="AS28" s="103">
        <v>7</v>
      </c>
      <c r="AT28" s="104">
        <v>11</v>
      </c>
      <c r="AU28" s="101">
        <v>4</v>
      </c>
      <c r="AV28" s="102">
        <v>16</v>
      </c>
      <c r="AW28" s="103">
        <v>20</v>
      </c>
      <c r="AX28" s="413">
        <v>0</v>
      </c>
      <c r="AY28" s="102">
        <v>7</v>
      </c>
      <c r="AZ28" s="102">
        <v>3</v>
      </c>
      <c r="BA28" s="102">
        <v>3</v>
      </c>
      <c r="BB28" s="102">
        <v>0</v>
      </c>
      <c r="BC28" s="102">
        <v>1</v>
      </c>
      <c r="BD28" s="103">
        <v>14</v>
      </c>
      <c r="BE28" s="104">
        <v>34</v>
      </c>
      <c r="BF28" s="101">
        <v>4</v>
      </c>
      <c r="BG28" s="102">
        <v>5</v>
      </c>
      <c r="BH28" s="103">
        <v>9</v>
      </c>
      <c r="BI28" s="413">
        <v>0</v>
      </c>
      <c r="BJ28" s="102">
        <v>7</v>
      </c>
      <c r="BK28" s="102">
        <v>7</v>
      </c>
      <c r="BL28" s="102">
        <v>3</v>
      </c>
      <c r="BM28" s="102">
        <v>1</v>
      </c>
      <c r="BN28" s="102">
        <v>0</v>
      </c>
      <c r="BO28" s="103">
        <v>18</v>
      </c>
      <c r="BP28" s="104">
        <v>27</v>
      </c>
      <c r="BQ28" s="101">
        <v>4</v>
      </c>
      <c r="BR28" s="102">
        <v>6</v>
      </c>
      <c r="BS28" s="103">
        <v>10</v>
      </c>
      <c r="BT28" s="413">
        <v>0</v>
      </c>
      <c r="BU28" s="102">
        <v>5</v>
      </c>
      <c r="BV28" s="102">
        <v>4</v>
      </c>
      <c r="BW28" s="102">
        <v>5</v>
      </c>
      <c r="BX28" s="102">
        <v>4</v>
      </c>
      <c r="BY28" s="102">
        <v>2</v>
      </c>
      <c r="BZ28" s="103">
        <v>20</v>
      </c>
      <c r="CA28" s="104">
        <v>30</v>
      </c>
      <c r="CB28" s="101">
        <v>0</v>
      </c>
      <c r="CC28" s="102">
        <v>0</v>
      </c>
      <c r="CD28" s="103">
        <v>0</v>
      </c>
      <c r="CE28" s="413">
        <v>0</v>
      </c>
      <c r="CF28" s="102">
        <v>0</v>
      </c>
      <c r="CG28" s="102">
        <v>0</v>
      </c>
      <c r="CH28" s="102">
        <v>0</v>
      </c>
      <c r="CI28" s="102">
        <v>0</v>
      </c>
      <c r="CJ28" s="102">
        <v>0</v>
      </c>
      <c r="CK28" s="103">
        <v>0</v>
      </c>
      <c r="CL28" s="104">
        <v>0</v>
      </c>
      <c r="CM28" s="101">
        <v>15</v>
      </c>
      <c r="CN28" s="102">
        <v>31</v>
      </c>
      <c r="CO28" s="103">
        <v>46</v>
      </c>
      <c r="CP28" s="413">
        <v>0</v>
      </c>
      <c r="CQ28" s="102">
        <v>22</v>
      </c>
      <c r="CR28" s="102">
        <v>18</v>
      </c>
      <c r="CS28" s="102">
        <v>13</v>
      </c>
      <c r="CT28" s="102">
        <v>8</v>
      </c>
      <c r="CU28" s="102">
        <v>3</v>
      </c>
      <c r="CV28" s="103">
        <v>64</v>
      </c>
      <c r="CW28" s="104">
        <v>110</v>
      </c>
      <c r="CX28" s="105">
        <v>2</v>
      </c>
      <c r="CY28" s="97">
        <v>1</v>
      </c>
      <c r="CZ28" s="98">
        <v>3</v>
      </c>
      <c r="DA28" s="413">
        <v>0</v>
      </c>
      <c r="DB28" s="97">
        <v>5</v>
      </c>
      <c r="DC28" s="97">
        <v>2</v>
      </c>
      <c r="DD28" s="97">
        <v>2</v>
      </c>
      <c r="DE28" s="97">
        <v>1</v>
      </c>
      <c r="DF28" s="97">
        <v>0</v>
      </c>
      <c r="DG28" s="99">
        <v>10</v>
      </c>
      <c r="DH28" s="100">
        <v>13</v>
      </c>
      <c r="DI28" s="101">
        <v>0</v>
      </c>
      <c r="DJ28" s="102">
        <v>1</v>
      </c>
      <c r="DK28" s="103">
        <v>1</v>
      </c>
      <c r="DL28" s="413">
        <v>0</v>
      </c>
      <c r="DM28" s="102">
        <v>0</v>
      </c>
      <c r="DN28" s="102">
        <v>0</v>
      </c>
      <c r="DO28" s="102">
        <v>0</v>
      </c>
      <c r="DP28" s="102">
        <v>0</v>
      </c>
      <c r="DQ28" s="102">
        <v>0</v>
      </c>
      <c r="DR28" s="103">
        <v>0</v>
      </c>
      <c r="DS28" s="104">
        <v>1</v>
      </c>
      <c r="DT28" s="101">
        <v>0</v>
      </c>
      <c r="DU28" s="102">
        <v>0</v>
      </c>
      <c r="DV28" s="103">
        <v>0</v>
      </c>
      <c r="DW28" s="413">
        <v>0</v>
      </c>
      <c r="DX28" s="102">
        <v>0</v>
      </c>
      <c r="DY28" s="102">
        <v>0</v>
      </c>
      <c r="DZ28" s="102">
        <v>0</v>
      </c>
      <c r="EA28" s="102">
        <v>0</v>
      </c>
      <c r="EB28" s="102">
        <v>0</v>
      </c>
      <c r="EC28" s="103">
        <v>0</v>
      </c>
      <c r="ED28" s="104">
        <v>0</v>
      </c>
      <c r="EE28" s="101">
        <v>0</v>
      </c>
      <c r="EF28" s="102">
        <v>0</v>
      </c>
      <c r="EG28" s="103">
        <v>0</v>
      </c>
      <c r="EH28" s="413">
        <v>0</v>
      </c>
      <c r="EI28" s="102">
        <v>0</v>
      </c>
      <c r="EJ28" s="102">
        <v>1</v>
      </c>
      <c r="EK28" s="102">
        <v>0</v>
      </c>
      <c r="EL28" s="102">
        <v>0</v>
      </c>
      <c r="EM28" s="102">
        <v>0</v>
      </c>
      <c r="EN28" s="103">
        <v>1</v>
      </c>
      <c r="EO28" s="104">
        <v>1</v>
      </c>
      <c r="EP28" s="101">
        <v>0</v>
      </c>
      <c r="EQ28" s="102">
        <v>0</v>
      </c>
      <c r="ER28" s="103">
        <v>0</v>
      </c>
      <c r="ES28" s="413">
        <v>0</v>
      </c>
      <c r="ET28" s="102">
        <v>0</v>
      </c>
      <c r="EU28" s="102">
        <v>1</v>
      </c>
      <c r="EV28" s="102">
        <v>0</v>
      </c>
      <c r="EW28" s="102">
        <v>0</v>
      </c>
      <c r="EX28" s="102">
        <v>0</v>
      </c>
      <c r="EY28" s="103">
        <v>1</v>
      </c>
      <c r="EZ28" s="104">
        <v>1</v>
      </c>
      <c r="FA28" s="101">
        <v>0</v>
      </c>
      <c r="FB28" s="102">
        <v>0</v>
      </c>
      <c r="FC28" s="103">
        <v>0</v>
      </c>
      <c r="FD28" s="413">
        <v>0</v>
      </c>
      <c r="FE28" s="102">
        <v>1</v>
      </c>
      <c r="FF28" s="102">
        <v>0</v>
      </c>
      <c r="FG28" s="102">
        <v>1</v>
      </c>
      <c r="FH28" s="102">
        <v>0</v>
      </c>
      <c r="FI28" s="102">
        <v>0</v>
      </c>
      <c r="FJ28" s="103">
        <v>2</v>
      </c>
      <c r="FK28" s="104">
        <v>2</v>
      </c>
      <c r="FL28" s="101">
        <v>2</v>
      </c>
      <c r="FM28" s="102">
        <v>0</v>
      </c>
      <c r="FN28" s="103">
        <v>2</v>
      </c>
      <c r="FO28" s="413">
        <v>0</v>
      </c>
      <c r="FP28" s="102">
        <v>4</v>
      </c>
      <c r="FQ28" s="102">
        <v>0</v>
      </c>
      <c r="FR28" s="102">
        <v>1</v>
      </c>
      <c r="FS28" s="102">
        <v>1</v>
      </c>
      <c r="FT28" s="102">
        <v>0</v>
      </c>
      <c r="FU28" s="103">
        <v>6</v>
      </c>
      <c r="FV28" s="104">
        <v>8</v>
      </c>
      <c r="FW28" s="101">
        <v>0</v>
      </c>
      <c r="FX28" s="102">
        <v>0</v>
      </c>
      <c r="FY28" s="103">
        <v>0</v>
      </c>
      <c r="FZ28" s="413">
        <v>0</v>
      </c>
      <c r="GA28" s="102">
        <v>0</v>
      </c>
      <c r="GB28" s="102">
        <v>0</v>
      </c>
      <c r="GC28" s="102">
        <v>0</v>
      </c>
      <c r="GD28" s="102">
        <v>0</v>
      </c>
      <c r="GE28" s="102">
        <v>0</v>
      </c>
      <c r="GF28" s="103">
        <v>0</v>
      </c>
      <c r="GG28" s="104">
        <v>0</v>
      </c>
      <c r="GH28" s="101">
        <v>2</v>
      </c>
      <c r="GI28" s="102">
        <v>1</v>
      </c>
      <c r="GJ28" s="103">
        <v>3</v>
      </c>
      <c r="GK28" s="413">
        <v>0</v>
      </c>
      <c r="GL28" s="102">
        <v>5</v>
      </c>
      <c r="GM28" s="102">
        <v>2</v>
      </c>
      <c r="GN28" s="102">
        <v>2</v>
      </c>
      <c r="GO28" s="102">
        <v>1</v>
      </c>
      <c r="GP28" s="102">
        <v>0</v>
      </c>
      <c r="GQ28" s="103">
        <v>10</v>
      </c>
      <c r="GR28" s="104">
        <v>13</v>
      </c>
      <c r="GS28" s="105">
        <v>17</v>
      </c>
      <c r="GT28" s="97">
        <v>32</v>
      </c>
      <c r="GU28" s="98">
        <v>49</v>
      </c>
      <c r="GV28" s="413">
        <v>0</v>
      </c>
      <c r="GW28" s="97">
        <v>27</v>
      </c>
      <c r="GX28" s="97">
        <v>20</v>
      </c>
      <c r="GY28" s="97">
        <v>15</v>
      </c>
      <c r="GZ28" s="97">
        <v>9</v>
      </c>
      <c r="HA28" s="97">
        <v>3</v>
      </c>
      <c r="HB28" s="99">
        <v>74</v>
      </c>
      <c r="HC28" s="100">
        <v>123</v>
      </c>
      <c r="HD28" s="101">
        <v>0</v>
      </c>
      <c r="HE28" s="102">
        <v>1</v>
      </c>
      <c r="HF28" s="103">
        <v>1</v>
      </c>
      <c r="HG28" s="413">
        <v>0</v>
      </c>
      <c r="HH28" s="102">
        <v>1</v>
      </c>
      <c r="HI28" s="102">
        <v>1</v>
      </c>
      <c r="HJ28" s="102">
        <v>0</v>
      </c>
      <c r="HK28" s="102">
        <v>0</v>
      </c>
      <c r="HL28" s="102">
        <v>0</v>
      </c>
      <c r="HM28" s="103">
        <v>2</v>
      </c>
      <c r="HN28" s="104">
        <v>3</v>
      </c>
      <c r="HO28" s="101">
        <v>2</v>
      </c>
      <c r="HP28" s="102">
        <v>1</v>
      </c>
      <c r="HQ28" s="103">
        <v>3</v>
      </c>
      <c r="HR28" s="413">
        <v>0</v>
      </c>
      <c r="HS28" s="102">
        <v>0</v>
      </c>
      <c r="HT28" s="102">
        <v>1</v>
      </c>
      <c r="HU28" s="102">
        <v>0</v>
      </c>
      <c r="HV28" s="102">
        <v>2</v>
      </c>
      <c r="HW28" s="102">
        <v>0</v>
      </c>
      <c r="HX28" s="103">
        <v>3</v>
      </c>
      <c r="HY28" s="104">
        <v>6</v>
      </c>
      <c r="HZ28" s="101">
        <v>1</v>
      </c>
      <c r="IA28" s="102">
        <v>3</v>
      </c>
      <c r="IB28" s="103">
        <v>4</v>
      </c>
      <c r="IC28" s="413">
        <v>0</v>
      </c>
      <c r="ID28" s="102">
        <v>2</v>
      </c>
      <c r="IE28" s="102">
        <v>3</v>
      </c>
      <c r="IF28" s="102">
        <v>2</v>
      </c>
      <c r="IG28" s="102">
        <v>1</v>
      </c>
      <c r="IH28" s="102">
        <v>0</v>
      </c>
      <c r="II28" s="103">
        <v>8</v>
      </c>
      <c r="IJ28" s="104">
        <v>12</v>
      </c>
      <c r="IK28" s="101">
        <v>4</v>
      </c>
      <c r="IL28" s="102">
        <v>16</v>
      </c>
      <c r="IM28" s="103">
        <v>20</v>
      </c>
      <c r="IN28" s="413">
        <v>0</v>
      </c>
      <c r="IO28" s="102">
        <v>7</v>
      </c>
      <c r="IP28" s="102">
        <v>4</v>
      </c>
      <c r="IQ28" s="102">
        <v>3</v>
      </c>
      <c r="IR28" s="102">
        <v>0</v>
      </c>
      <c r="IS28" s="102">
        <v>1</v>
      </c>
      <c r="IT28" s="103">
        <v>15</v>
      </c>
      <c r="IU28" s="104">
        <v>35</v>
      </c>
      <c r="IV28" s="101">
        <v>4</v>
      </c>
      <c r="IW28" s="102">
        <v>5</v>
      </c>
      <c r="IX28" s="103">
        <v>9</v>
      </c>
      <c r="IY28" s="413">
        <v>0</v>
      </c>
      <c r="IZ28" s="102">
        <v>8</v>
      </c>
      <c r="JA28" s="102">
        <v>7</v>
      </c>
      <c r="JB28" s="102">
        <v>4</v>
      </c>
      <c r="JC28" s="102">
        <v>1</v>
      </c>
      <c r="JD28" s="102">
        <v>0</v>
      </c>
      <c r="JE28" s="103">
        <v>20</v>
      </c>
      <c r="JF28" s="104">
        <v>29</v>
      </c>
      <c r="JG28" s="101">
        <v>6</v>
      </c>
      <c r="JH28" s="102">
        <v>6</v>
      </c>
      <c r="JI28" s="103">
        <v>12</v>
      </c>
      <c r="JJ28" s="413">
        <v>0</v>
      </c>
      <c r="JK28" s="102">
        <v>9</v>
      </c>
      <c r="JL28" s="102">
        <v>4</v>
      </c>
      <c r="JM28" s="102">
        <v>6</v>
      </c>
      <c r="JN28" s="102">
        <v>5</v>
      </c>
      <c r="JO28" s="102">
        <v>2</v>
      </c>
      <c r="JP28" s="103">
        <v>26</v>
      </c>
      <c r="JQ28" s="104">
        <v>38</v>
      </c>
      <c r="JR28" s="101">
        <v>0</v>
      </c>
      <c r="JS28" s="102">
        <v>0</v>
      </c>
      <c r="JT28" s="103">
        <v>0</v>
      </c>
      <c r="JU28" s="413">
        <v>0</v>
      </c>
      <c r="JV28" s="102">
        <v>0</v>
      </c>
      <c r="JW28" s="102">
        <v>0</v>
      </c>
      <c r="JX28" s="102">
        <v>0</v>
      </c>
      <c r="JY28" s="102">
        <v>0</v>
      </c>
      <c r="JZ28" s="102">
        <v>0</v>
      </c>
      <c r="KA28" s="103">
        <v>0</v>
      </c>
      <c r="KB28" s="104">
        <v>0</v>
      </c>
      <c r="KC28" s="101">
        <v>17</v>
      </c>
      <c r="KD28" s="102">
        <v>32</v>
      </c>
      <c r="KE28" s="103">
        <v>49</v>
      </c>
      <c r="KF28" s="413">
        <v>0</v>
      </c>
      <c r="KG28" s="102">
        <v>27</v>
      </c>
      <c r="KH28" s="102">
        <v>20</v>
      </c>
      <c r="KI28" s="102">
        <v>15</v>
      </c>
      <c r="KJ28" s="102">
        <v>9</v>
      </c>
      <c r="KK28" s="102">
        <v>3</v>
      </c>
      <c r="KL28" s="103">
        <v>74</v>
      </c>
      <c r="KM28" s="104">
        <v>123</v>
      </c>
    </row>
    <row r="29" spans="2:299" s="70" customFormat="1" ht="21" customHeight="1" x14ac:dyDescent="0.2">
      <c r="B29" s="106" t="s">
        <v>26</v>
      </c>
      <c r="C29" s="96">
        <v>29</v>
      </c>
      <c r="D29" s="97">
        <v>21</v>
      </c>
      <c r="E29" s="98">
        <v>50</v>
      </c>
      <c r="F29" s="413">
        <v>0</v>
      </c>
      <c r="G29" s="97">
        <v>32</v>
      </c>
      <c r="H29" s="97">
        <v>22</v>
      </c>
      <c r="I29" s="97">
        <v>14</v>
      </c>
      <c r="J29" s="97">
        <v>14</v>
      </c>
      <c r="K29" s="97">
        <v>9</v>
      </c>
      <c r="L29" s="99">
        <v>91</v>
      </c>
      <c r="M29" s="100">
        <v>141</v>
      </c>
      <c r="N29" s="101">
        <v>0</v>
      </c>
      <c r="O29" s="102">
        <v>0</v>
      </c>
      <c r="P29" s="103">
        <v>0</v>
      </c>
      <c r="Q29" s="413">
        <v>0</v>
      </c>
      <c r="R29" s="102">
        <v>0</v>
      </c>
      <c r="S29" s="102">
        <v>0</v>
      </c>
      <c r="T29" s="102">
        <v>1</v>
      </c>
      <c r="U29" s="102">
        <v>0</v>
      </c>
      <c r="V29" s="102">
        <v>0</v>
      </c>
      <c r="W29" s="103">
        <v>1</v>
      </c>
      <c r="X29" s="104">
        <v>1</v>
      </c>
      <c r="Y29" s="101">
        <v>0</v>
      </c>
      <c r="Z29" s="102">
        <v>0</v>
      </c>
      <c r="AA29" s="103">
        <v>0</v>
      </c>
      <c r="AB29" s="413">
        <v>0</v>
      </c>
      <c r="AC29" s="102">
        <v>2</v>
      </c>
      <c r="AD29" s="102">
        <v>1</v>
      </c>
      <c r="AE29" s="102">
        <v>0</v>
      </c>
      <c r="AF29" s="102">
        <v>0</v>
      </c>
      <c r="AG29" s="102">
        <v>0</v>
      </c>
      <c r="AH29" s="103">
        <v>3</v>
      </c>
      <c r="AI29" s="104">
        <v>3</v>
      </c>
      <c r="AJ29" s="101">
        <v>1</v>
      </c>
      <c r="AK29" s="102">
        <v>4</v>
      </c>
      <c r="AL29" s="103">
        <v>5</v>
      </c>
      <c r="AM29" s="413">
        <v>0</v>
      </c>
      <c r="AN29" s="102">
        <v>5</v>
      </c>
      <c r="AO29" s="102">
        <v>0</v>
      </c>
      <c r="AP29" s="102">
        <v>0</v>
      </c>
      <c r="AQ29" s="102">
        <v>0</v>
      </c>
      <c r="AR29" s="102">
        <v>1</v>
      </c>
      <c r="AS29" s="103">
        <v>6</v>
      </c>
      <c r="AT29" s="104">
        <v>11</v>
      </c>
      <c r="AU29" s="101">
        <v>8</v>
      </c>
      <c r="AV29" s="102">
        <v>8</v>
      </c>
      <c r="AW29" s="103">
        <v>16</v>
      </c>
      <c r="AX29" s="413">
        <v>0</v>
      </c>
      <c r="AY29" s="102">
        <v>5</v>
      </c>
      <c r="AZ29" s="102">
        <v>8</v>
      </c>
      <c r="BA29" s="102">
        <v>3</v>
      </c>
      <c r="BB29" s="102">
        <v>6</v>
      </c>
      <c r="BC29" s="102">
        <v>1</v>
      </c>
      <c r="BD29" s="103">
        <v>23</v>
      </c>
      <c r="BE29" s="104">
        <v>39</v>
      </c>
      <c r="BF29" s="101">
        <v>9</v>
      </c>
      <c r="BG29" s="102">
        <v>4</v>
      </c>
      <c r="BH29" s="103">
        <v>13</v>
      </c>
      <c r="BI29" s="413">
        <v>0</v>
      </c>
      <c r="BJ29" s="102">
        <v>10</v>
      </c>
      <c r="BK29" s="102">
        <v>6</v>
      </c>
      <c r="BL29" s="102">
        <v>5</v>
      </c>
      <c r="BM29" s="102">
        <v>4</v>
      </c>
      <c r="BN29" s="102">
        <v>4</v>
      </c>
      <c r="BO29" s="103">
        <v>29</v>
      </c>
      <c r="BP29" s="104">
        <v>42</v>
      </c>
      <c r="BQ29" s="101">
        <v>11</v>
      </c>
      <c r="BR29" s="102">
        <v>5</v>
      </c>
      <c r="BS29" s="103">
        <v>16</v>
      </c>
      <c r="BT29" s="413">
        <v>0</v>
      </c>
      <c r="BU29" s="102">
        <v>10</v>
      </c>
      <c r="BV29" s="102">
        <v>7</v>
      </c>
      <c r="BW29" s="102">
        <v>5</v>
      </c>
      <c r="BX29" s="102">
        <v>4</v>
      </c>
      <c r="BY29" s="102">
        <v>3</v>
      </c>
      <c r="BZ29" s="103">
        <v>29</v>
      </c>
      <c r="CA29" s="104">
        <v>45</v>
      </c>
      <c r="CB29" s="101">
        <v>0</v>
      </c>
      <c r="CC29" s="102">
        <v>0</v>
      </c>
      <c r="CD29" s="103">
        <v>0</v>
      </c>
      <c r="CE29" s="413">
        <v>0</v>
      </c>
      <c r="CF29" s="102">
        <v>0</v>
      </c>
      <c r="CG29" s="102">
        <v>0</v>
      </c>
      <c r="CH29" s="102">
        <v>0</v>
      </c>
      <c r="CI29" s="102">
        <v>0</v>
      </c>
      <c r="CJ29" s="102">
        <v>0</v>
      </c>
      <c r="CK29" s="103">
        <v>0</v>
      </c>
      <c r="CL29" s="104">
        <v>0</v>
      </c>
      <c r="CM29" s="101">
        <v>29</v>
      </c>
      <c r="CN29" s="102">
        <v>21</v>
      </c>
      <c r="CO29" s="103">
        <v>50</v>
      </c>
      <c r="CP29" s="413">
        <v>0</v>
      </c>
      <c r="CQ29" s="102">
        <v>32</v>
      </c>
      <c r="CR29" s="102">
        <v>22</v>
      </c>
      <c r="CS29" s="102">
        <v>14</v>
      </c>
      <c r="CT29" s="102">
        <v>14</v>
      </c>
      <c r="CU29" s="102">
        <v>9</v>
      </c>
      <c r="CV29" s="103">
        <v>91</v>
      </c>
      <c r="CW29" s="104">
        <v>141</v>
      </c>
      <c r="CX29" s="105">
        <v>2</v>
      </c>
      <c r="CY29" s="97">
        <v>5</v>
      </c>
      <c r="CZ29" s="98">
        <v>7</v>
      </c>
      <c r="DA29" s="413">
        <v>0</v>
      </c>
      <c r="DB29" s="97">
        <v>7</v>
      </c>
      <c r="DC29" s="97">
        <v>2</v>
      </c>
      <c r="DD29" s="97">
        <v>2</v>
      </c>
      <c r="DE29" s="97">
        <v>3</v>
      </c>
      <c r="DF29" s="97">
        <v>2</v>
      </c>
      <c r="DG29" s="99">
        <v>16</v>
      </c>
      <c r="DH29" s="100">
        <v>23</v>
      </c>
      <c r="DI29" s="101">
        <v>0</v>
      </c>
      <c r="DJ29" s="102">
        <v>1</v>
      </c>
      <c r="DK29" s="103">
        <v>1</v>
      </c>
      <c r="DL29" s="413">
        <v>0</v>
      </c>
      <c r="DM29" s="102">
        <v>0</v>
      </c>
      <c r="DN29" s="102">
        <v>0</v>
      </c>
      <c r="DO29" s="102">
        <v>0</v>
      </c>
      <c r="DP29" s="102">
        <v>0</v>
      </c>
      <c r="DQ29" s="102">
        <v>0</v>
      </c>
      <c r="DR29" s="103">
        <v>0</v>
      </c>
      <c r="DS29" s="104">
        <v>1</v>
      </c>
      <c r="DT29" s="101">
        <v>0</v>
      </c>
      <c r="DU29" s="102">
        <v>0</v>
      </c>
      <c r="DV29" s="103">
        <v>0</v>
      </c>
      <c r="DW29" s="413">
        <v>0</v>
      </c>
      <c r="DX29" s="102">
        <v>0</v>
      </c>
      <c r="DY29" s="102">
        <v>0</v>
      </c>
      <c r="DZ29" s="102">
        <v>0</v>
      </c>
      <c r="EA29" s="102">
        <v>1</v>
      </c>
      <c r="EB29" s="102">
        <v>0</v>
      </c>
      <c r="EC29" s="103">
        <v>1</v>
      </c>
      <c r="ED29" s="104">
        <v>1</v>
      </c>
      <c r="EE29" s="101">
        <v>1</v>
      </c>
      <c r="EF29" s="102">
        <v>0</v>
      </c>
      <c r="EG29" s="103">
        <v>1</v>
      </c>
      <c r="EH29" s="413">
        <v>0</v>
      </c>
      <c r="EI29" s="102">
        <v>0</v>
      </c>
      <c r="EJ29" s="102">
        <v>0</v>
      </c>
      <c r="EK29" s="102">
        <v>0</v>
      </c>
      <c r="EL29" s="102">
        <v>0</v>
      </c>
      <c r="EM29" s="102">
        <v>0</v>
      </c>
      <c r="EN29" s="103">
        <v>0</v>
      </c>
      <c r="EO29" s="104">
        <v>1</v>
      </c>
      <c r="EP29" s="101">
        <v>0</v>
      </c>
      <c r="EQ29" s="102">
        <v>1</v>
      </c>
      <c r="ER29" s="103">
        <v>1</v>
      </c>
      <c r="ES29" s="413">
        <v>0</v>
      </c>
      <c r="ET29" s="102">
        <v>2</v>
      </c>
      <c r="EU29" s="102">
        <v>1</v>
      </c>
      <c r="EV29" s="102">
        <v>0</v>
      </c>
      <c r="EW29" s="102">
        <v>1</v>
      </c>
      <c r="EX29" s="102">
        <v>0</v>
      </c>
      <c r="EY29" s="103">
        <v>4</v>
      </c>
      <c r="EZ29" s="104">
        <v>5</v>
      </c>
      <c r="FA29" s="101">
        <v>1</v>
      </c>
      <c r="FB29" s="102">
        <v>1</v>
      </c>
      <c r="FC29" s="103">
        <v>2</v>
      </c>
      <c r="FD29" s="413">
        <v>0</v>
      </c>
      <c r="FE29" s="102">
        <v>2</v>
      </c>
      <c r="FF29" s="102">
        <v>1</v>
      </c>
      <c r="FG29" s="102">
        <v>0</v>
      </c>
      <c r="FH29" s="102">
        <v>0</v>
      </c>
      <c r="FI29" s="102">
        <v>0</v>
      </c>
      <c r="FJ29" s="103">
        <v>3</v>
      </c>
      <c r="FK29" s="104">
        <v>5</v>
      </c>
      <c r="FL29" s="101">
        <v>0</v>
      </c>
      <c r="FM29" s="102">
        <v>2</v>
      </c>
      <c r="FN29" s="103">
        <v>2</v>
      </c>
      <c r="FO29" s="413">
        <v>0</v>
      </c>
      <c r="FP29" s="102">
        <v>3</v>
      </c>
      <c r="FQ29" s="102">
        <v>0</v>
      </c>
      <c r="FR29" s="102">
        <v>2</v>
      </c>
      <c r="FS29" s="102">
        <v>1</v>
      </c>
      <c r="FT29" s="102">
        <v>2</v>
      </c>
      <c r="FU29" s="103">
        <v>8</v>
      </c>
      <c r="FV29" s="104">
        <v>10</v>
      </c>
      <c r="FW29" s="101">
        <v>0</v>
      </c>
      <c r="FX29" s="102">
        <v>0</v>
      </c>
      <c r="FY29" s="103">
        <v>0</v>
      </c>
      <c r="FZ29" s="413">
        <v>0</v>
      </c>
      <c r="GA29" s="102">
        <v>0</v>
      </c>
      <c r="GB29" s="102">
        <v>0</v>
      </c>
      <c r="GC29" s="102">
        <v>0</v>
      </c>
      <c r="GD29" s="102">
        <v>0</v>
      </c>
      <c r="GE29" s="102">
        <v>0</v>
      </c>
      <c r="GF29" s="103">
        <v>0</v>
      </c>
      <c r="GG29" s="104">
        <v>0</v>
      </c>
      <c r="GH29" s="101">
        <v>2</v>
      </c>
      <c r="GI29" s="102">
        <v>5</v>
      </c>
      <c r="GJ29" s="103">
        <v>7</v>
      </c>
      <c r="GK29" s="413">
        <v>0</v>
      </c>
      <c r="GL29" s="102">
        <v>7</v>
      </c>
      <c r="GM29" s="102">
        <v>2</v>
      </c>
      <c r="GN29" s="102">
        <v>2</v>
      </c>
      <c r="GO29" s="102">
        <v>3</v>
      </c>
      <c r="GP29" s="102">
        <v>2</v>
      </c>
      <c r="GQ29" s="103">
        <v>16</v>
      </c>
      <c r="GR29" s="104">
        <v>23</v>
      </c>
      <c r="GS29" s="105">
        <v>31</v>
      </c>
      <c r="GT29" s="97">
        <v>26</v>
      </c>
      <c r="GU29" s="98">
        <v>57</v>
      </c>
      <c r="GV29" s="413">
        <v>0</v>
      </c>
      <c r="GW29" s="97">
        <v>39</v>
      </c>
      <c r="GX29" s="97">
        <v>24</v>
      </c>
      <c r="GY29" s="97">
        <v>16</v>
      </c>
      <c r="GZ29" s="97">
        <v>17</v>
      </c>
      <c r="HA29" s="97">
        <v>11</v>
      </c>
      <c r="HB29" s="99">
        <v>107</v>
      </c>
      <c r="HC29" s="100">
        <v>164</v>
      </c>
      <c r="HD29" s="101">
        <v>0</v>
      </c>
      <c r="HE29" s="102">
        <v>1</v>
      </c>
      <c r="HF29" s="103">
        <v>1</v>
      </c>
      <c r="HG29" s="413">
        <v>0</v>
      </c>
      <c r="HH29" s="102">
        <v>0</v>
      </c>
      <c r="HI29" s="102">
        <v>0</v>
      </c>
      <c r="HJ29" s="102">
        <v>1</v>
      </c>
      <c r="HK29" s="102">
        <v>0</v>
      </c>
      <c r="HL29" s="102">
        <v>0</v>
      </c>
      <c r="HM29" s="103">
        <v>1</v>
      </c>
      <c r="HN29" s="104">
        <v>2</v>
      </c>
      <c r="HO29" s="101">
        <v>0</v>
      </c>
      <c r="HP29" s="102">
        <v>0</v>
      </c>
      <c r="HQ29" s="103">
        <v>0</v>
      </c>
      <c r="HR29" s="413">
        <v>0</v>
      </c>
      <c r="HS29" s="102">
        <v>2</v>
      </c>
      <c r="HT29" s="102">
        <v>1</v>
      </c>
      <c r="HU29" s="102">
        <v>0</v>
      </c>
      <c r="HV29" s="102">
        <v>1</v>
      </c>
      <c r="HW29" s="102">
        <v>0</v>
      </c>
      <c r="HX29" s="103">
        <v>4</v>
      </c>
      <c r="HY29" s="104">
        <v>4</v>
      </c>
      <c r="HZ29" s="101">
        <v>2</v>
      </c>
      <c r="IA29" s="102">
        <v>4</v>
      </c>
      <c r="IB29" s="103">
        <v>6</v>
      </c>
      <c r="IC29" s="413">
        <v>0</v>
      </c>
      <c r="ID29" s="102">
        <v>5</v>
      </c>
      <c r="IE29" s="102">
        <v>0</v>
      </c>
      <c r="IF29" s="102">
        <v>0</v>
      </c>
      <c r="IG29" s="102">
        <v>0</v>
      </c>
      <c r="IH29" s="102">
        <v>1</v>
      </c>
      <c r="II29" s="103">
        <v>6</v>
      </c>
      <c r="IJ29" s="104">
        <v>12</v>
      </c>
      <c r="IK29" s="101">
        <v>8</v>
      </c>
      <c r="IL29" s="102">
        <v>9</v>
      </c>
      <c r="IM29" s="103">
        <v>17</v>
      </c>
      <c r="IN29" s="413">
        <v>0</v>
      </c>
      <c r="IO29" s="102">
        <v>7</v>
      </c>
      <c r="IP29" s="102">
        <v>9</v>
      </c>
      <c r="IQ29" s="102">
        <v>3</v>
      </c>
      <c r="IR29" s="102">
        <v>7</v>
      </c>
      <c r="IS29" s="102">
        <v>1</v>
      </c>
      <c r="IT29" s="103">
        <v>27</v>
      </c>
      <c r="IU29" s="104">
        <v>44</v>
      </c>
      <c r="IV29" s="101">
        <v>10</v>
      </c>
      <c r="IW29" s="102">
        <v>5</v>
      </c>
      <c r="IX29" s="103">
        <v>15</v>
      </c>
      <c r="IY29" s="413">
        <v>0</v>
      </c>
      <c r="IZ29" s="102">
        <v>12</v>
      </c>
      <c r="JA29" s="102">
        <v>7</v>
      </c>
      <c r="JB29" s="102">
        <v>5</v>
      </c>
      <c r="JC29" s="102">
        <v>4</v>
      </c>
      <c r="JD29" s="102">
        <v>4</v>
      </c>
      <c r="JE29" s="103">
        <v>32</v>
      </c>
      <c r="JF29" s="104">
        <v>47</v>
      </c>
      <c r="JG29" s="101">
        <v>11</v>
      </c>
      <c r="JH29" s="102">
        <v>7</v>
      </c>
      <c r="JI29" s="103">
        <v>18</v>
      </c>
      <c r="JJ29" s="413">
        <v>0</v>
      </c>
      <c r="JK29" s="102">
        <v>13</v>
      </c>
      <c r="JL29" s="102">
        <v>7</v>
      </c>
      <c r="JM29" s="102">
        <v>7</v>
      </c>
      <c r="JN29" s="102">
        <v>5</v>
      </c>
      <c r="JO29" s="102">
        <v>5</v>
      </c>
      <c r="JP29" s="103">
        <v>37</v>
      </c>
      <c r="JQ29" s="104">
        <v>55</v>
      </c>
      <c r="JR29" s="101">
        <v>0</v>
      </c>
      <c r="JS29" s="102">
        <v>0</v>
      </c>
      <c r="JT29" s="103">
        <v>0</v>
      </c>
      <c r="JU29" s="413">
        <v>0</v>
      </c>
      <c r="JV29" s="102">
        <v>0</v>
      </c>
      <c r="JW29" s="102">
        <v>0</v>
      </c>
      <c r="JX29" s="102">
        <v>0</v>
      </c>
      <c r="JY29" s="102">
        <v>0</v>
      </c>
      <c r="JZ29" s="102">
        <v>0</v>
      </c>
      <c r="KA29" s="103">
        <v>0</v>
      </c>
      <c r="KB29" s="104">
        <v>0</v>
      </c>
      <c r="KC29" s="101">
        <v>31</v>
      </c>
      <c r="KD29" s="102">
        <v>26</v>
      </c>
      <c r="KE29" s="103">
        <v>57</v>
      </c>
      <c r="KF29" s="413">
        <v>0</v>
      </c>
      <c r="KG29" s="102">
        <v>39</v>
      </c>
      <c r="KH29" s="102">
        <v>24</v>
      </c>
      <c r="KI29" s="102">
        <v>16</v>
      </c>
      <c r="KJ29" s="102">
        <v>17</v>
      </c>
      <c r="KK29" s="102">
        <v>11</v>
      </c>
      <c r="KL29" s="103">
        <v>107</v>
      </c>
      <c r="KM29" s="104">
        <v>164</v>
      </c>
    </row>
    <row r="30" spans="2:299" s="70" customFormat="1" ht="21" customHeight="1" x14ac:dyDescent="0.2">
      <c r="B30" s="106" t="s">
        <v>27</v>
      </c>
      <c r="C30" s="96">
        <v>28</v>
      </c>
      <c r="D30" s="97">
        <v>25</v>
      </c>
      <c r="E30" s="98">
        <v>53</v>
      </c>
      <c r="F30" s="413">
        <v>0</v>
      </c>
      <c r="G30" s="97">
        <v>20</v>
      </c>
      <c r="H30" s="97">
        <v>20</v>
      </c>
      <c r="I30" s="97">
        <v>11</v>
      </c>
      <c r="J30" s="97">
        <v>19</v>
      </c>
      <c r="K30" s="97">
        <v>11</v>
      </c>
      <c r="L30" s="99">
        <v>81</v>
      </c>
      <c r="M30" s="100">
        <v>134</v>
      </c>
      <c r="N30" s="101">
        <v>0</v>
      </c>
      <c r="O30" s="102">
        <v>1</v>
      </c>
      <c r="P30" s="103">
        <v>1</v>
      </c>
      <c r="Q30" s="413">
        <v>0</v>
      </c>
      <c r="R30" s="102">
        <v>0</v>
      </c>
      <c r="S30" s="102">
        <v>0</v>
      </c>
      <c r="T30" s="102">
        <v>0</v>
      </c>
      <c r="U30" s="102">
        <v>0</v>
      </c>
      <c r="V30" s="102">
        <v>1</v>
      </c>
      <c r="W30" s="103">
        <v>1</v>
      </c>
      <c r="X30" s="104">
        <v>2</v>
      </c>
      <c r="Y30" s="101">
        <v>1</v>
      </c>
      <c r="Z30" s="102">
        <v>0</v>
      </c>
      <c r="AA30" s="103">
        <v>1</v>
      </c>
      <c r="AB30" s="413">
        <v>0</v>
      </c>
      <c r="AC30" s="102">
        <v>0</v>
      </c>
      <c r="AD30" s="102">
        <v>1</v>
      </c>
      <c r="AE30" s="102">
        <v>1</v>
      </c>
      <c r="AF30" s="102">
        <v>0</v>
      </c>
      <c r="AG30" s="102">
        <v>1</v>
      </c>
      <c r="AH30" s="103">
        <v>3</v>
      </c>
      <c r="AI30" s="104">
        <v>4</v>
      </c>
      <c r="AJ30" s="101">
        <v>2</v>
      </c>
      <c r="AK30" s="102">
        <v>5</v>
      </c>
      <c r="AL30" s="103">
        <v>7</v>
      </c>
      <c r="AM30" s="413">
        <v>0</v>
      </c>
      <c r="AN30" s="102">
        <v>1</v>
      </c>
      <c r="AO30" s="102">
        <v>1</v>
      </c>
      <c r="AP30" s="102">
        <v>0</v>
      </c>
      <c r="AQ30" s="102">
        <v>3</v>
      </c>
      <c r="AR30" s="102">
        <v>1</v>
      </c>
      <c r="AS30" s="103">
        <v>6</v>
      </c>
      <c r="AT30" s="104">
        <v>13</v>
      </c>
      <c r="AU30" s="101">
        <v>9</v>
      </c>
      <c r="AV30" s="102">
        <v>5</v>
      </c>
      <c r="AW30" s="103">
        <v>14</v>
      </c>
      <c r="AX30" s="413">
        <v>0</v>
      </c>
      <c r="AY30" s="102">
        <v>4</v>
      </c>
      <c r="AZ30" s="102">
        <v>5</v>
      </c>
      <c r="BA30" s="102">
        <v>5</v>
      </c>
      <c r="BB30" s="102">
        <v>0</v>
      </c>
      <c r="BC30" s="102">
        <v>2</v>
      </c>
      <c r="BD30" s="103">
        <v>16</v>
      </c>
      <c r="BE30" s="104">
        <v>30</v>
      </c>
      <c r="BF30" s="101">
        <v>7</v>
      </c>
      <c r="BG30" s="102">
        <v>6</v>
      </c>
      <c r="BH30" s="103">
        <v>13</v>
      </c>
      <c r="BI30" s="413">
        <v>0</v>
      </c>
      <c r="BJ30" s="102">
        <v>8</v>
      </c>
      <c r="BK30" s="102">
        <v>5</v>
      </c>
      <c r="BL30" s="102">
        <v>4</v>
      </c>
      <c r="BM30" s="102">
        <v>5</v>
      </c>
      <c r="BN30" s="102">
        <v>3</v>
      </c>
      <c r="BO30" s="103">
        <v>25</v>
      </c>
      <c r="BP30" s="104">
        <v>38</v>
      </c>
      <c r="BQ30" s="101">
        <v>9</v>
      </c>
      <c r="BR30" s="102">
        <v>8</v>
      </c>
      <c r="BS30" s="103">
        <v>17</v>
      </c>
      <c r="BT30" s="413">
        <v>0</v>
      </c>
      <c r="BU30" s="102">
        <v>7</v>
      </c>
      <c r="BV30" s="102">
        <v>8</v>
      </c>
      <c r="BW30" s="102">
        <v>1</v>
      </c>
      <c r="BX30" s="102">
        <v>11</v>
      </c>
      <c r="BY30" s="102">
        <v>3</v>
      </c>
      <c r="BZ30" s="103">
        <v>30</v>
      </c>
      <c r="CA30" s="104">
        <v>47</v>
      </c>
      <c r="CB30" s="101">
        <v>0</v>
      </c>
      <c r="CC30" s="102">
        <v>0</v>
      </c>
      <c r="CD30" s="103">
        <v>0</v>
      </c>
      <c r="CE30" s="413">
        <v>0</v>
      </c>
      <c r="CF30" s="102">
        <v>0</v>
      </c>
      <c r="CG30" s="102">
        <v>0</v>
      </c>
      <c r="CH30" s="102">
        <v>0</v>
      </c>
      <c r="CI30" s="102">
        <v>0</v>
      </c>
      <c r="CJ30" s="102">
        <v>0</v>
      </c>
      <c r="CK30" s="103">
        <v>0</v>
      </c>
      <c r="CL30" s="104">
        <v>0</v>
      </c>
      <c r="CM30" s="101">
        <v>28</v>
      </c>
      <c r="CN30" s="102">
        <v>25</v>
      </c>
      <c r="CO30" s="103">
        <v>53</v>
      </c>
      <c r="CP30" s="413">
        <v>0</v>
      </c>
      <c r="CQ30" s="102">
        <v>20</v>
      </c>
      <c r="CR30" s="102">
        <v>20</v>
      </c>
      <c r="CS30" s="102">
        <v>11</v>
      </c>
      <c r="CT30" s="102">
        <v>19</v>
      </c>
      <c r="CU30" s="102">
        <v>11</v>
      </c>
      <c r="CV30" s="103">
        <v>81</v>
      </c>
      <c r="CW30" s="104">
        <v>134</v>
      </c>
      <c r="CX30" s="105">
        <v>4</v>
      </c>
      <c r="CY30" s="97">
        <v>4</v>
      </c>
      <c r="CZ30" s="98">
        <v>8</v>
      </c>
      <c r="DA30" s="413">
        <v>0</v>
      </c>
      <c r="DB30" s="97">
        <v>3</v>
      </c>
      <c r="DC30" s="97">
        <v>1</v>
      </c>
      <c r="DD30" s="97">
        <v>3</v>
      </c>
      <c r="DE30" s="97">
        <v>1</v>
      </c>
      <c r="DF30" s="97">
        <v>0</v>
      </c>
      <c r="DG30" s="99">
        <v>8</v>
      </c>
      <c r="DH30" s="100">
        <v>16</v>
      </c>
      <c r="DI30" s="101">
        <v>0</v>
      </c>
      <c r="DJ30" s="102">
        <v>0</v>
      </c>
      <c r="DK30" s="103">
        <v>0</v>
      </c>
      <c r="DL30" s="413">
        <v>0</v>
      </c>
      <c r="DM30" s="102">
        <v>0</v>
      </c>
      <c r="DN30" s="102">
        <v>0</v>
      </c>
      <c r="DO30" s="102">
        <v>0</v>
      </c>
      <c r="DP30" s="102">
        <v>0</v>
      </c>
      <c r="DQ30" s="102">
        <v>0</v>
      </c>
      <c r="DR30" s="103">
        <v>0</v>
      </c>
      <c r="DS30" s="104">
        <v>0</v>
      </c>
      <c r="DT30" s="101">
        <v>1</v>
      </c>
      <c r="DU30" s="102">
        <v>0</v>
      </c>
      <c r="DV30" s="103">
        <v>1</v>
      </c>
      <c r="DW30" s="413">
        <v>0</v>
      </c>
      <c r="DX30" s="102">
        <v>0</v>
      </c>
      <c r="DY30" s="102">
        <v>0</v>
      </c>
      <c r="DZ30" s="102">
        <v>0</v>
      </c>
      <c r="EA30" s="102">
        <v>0</v>
      </c>
      <c r="EB30" s="102">
        <v>0</v>
      </c>
      <c r="EC30" s="103">
        <v>0</v>
      </c>
      <c r="ED30" s="104">
        <v>1</v>
      </c>
      <c r="EE30" s="101">
        <v>0</v>
      </c>
      <c r="EF30" s="102">
        <v>0</v>
      </c>
      <c r="EG30" s="103">
        <v>0</v>
      </c>
      <c r="EH30" s="413">
        <v>0</v>
      </c>
      <c r="EI30" s="102">
        <v>0</v>
      </c>
      <c r="EJ30" s="102">
        <v>0</v>
      </c>
      <c r="EK30" s="102">
        <v>0</v>
      </c>
      <c r="EL30" s="102">
        <v>0</v>
      </c>
      <c r="EM30" s="102">
        <v>0</v>
      </c>
      <c r="EN30" s="103">
        <v>0</v>
      </c>
      <c r="EO30" s="104">
        <v>0</v>
      </c>
      <c r="EP30" s="101">
        <v>0</v>
      </c>
      <c r="EQ30" s="102">
        <v>1</v>
      </c>
      <c r="ER30" s="103">
        <v>1</v>
      </c>
      <c r="ES30" s="413">
        <v>0</v>
      </c>
      <c r="ET30" s="102">
        <v>0</v>
      </c>
      <c r="EU30" s="102">
        <v>0</v>
      </c>
      <c r="EV30" s="102">
        <v>0</v>
      </c>
      <c r="EW30" s="102">
        <v>0</v>
      </c>
      <c r="EX30" s="102">
        <v>0</v>
      </c>
      <c r="EY30" s="103">
        <v>0</v>
      </c>
      <c r="EZ30" s="104">
        <v>1</v>
      </c>
      <c r="FA30" s="101">
        <v>1</v>
      </c>
      <c r="FB30" s="102">
        <v>1</v>
      </c>
      <c r="FC30" s="103">
        <v>2</v>
      </c>
      <c r="FD30" s="413">
        <v>0</v>
      </c>
      <c r="FE30" s="102">
        <v>2</v>
      </c>
      <c r="FF30" s="102">
        <v>1</v>
      </c>
      <c r="FG30" s="102">
        <v>1</v>
      </c>
      <c r="FH30" s="102">
        <v>0</v>
      </c>
      <c r="FI30" s="102">
        <v>0</v>
      </c>
      <c r="FJ30" s="103">
        <v>4</v>
      </c>
      <c r="FK30" s="104">
        <v>6</v>
      </c>
      <c r="FL30" s="101">
        <v>2</v>
      </c>
      <c r="FM30" s="102">
        <v>2</v>
      </c>
      <c r="FN30" s="103">
        <v>4</v>
      </c>
      <c r="FO30" s="413">
        <v>0</v>
      </c>
      <c r="FP30" s="102">
        <v>1</v>
      </c>
      <c r="FQ30" s="102">
        <v>0</v>
      </c>
      <c r="FR30" s="102">
        <v>2</v>
      </c>
      <c r="FS30" s="102">
        <v>1</v>
      </c>
      <c r="FT30" s="102">
        <v>0</v>
      </c>
      <c r="FU30" s="103">
        <v>4</v>
      </c>
      <c r="FV30" s="104">
        <v>8</v>
      </c>
      <c r="FW30" s="101">
        <v>0</v>
      </c>
      <c r="FX30" s="102">
        <v>0</v>
      </c>
      <c r="FY30" s="103">
        <v>0</v>
      </c>
      <c r="FZ30" s="413">
        <v>0</v>
      </c>
      <c r="GA30" s="102">
        <v>0</v>
      </c>
      <c r="GB30" s="102">
        <v>0</v>
      </c>
      <c r="GC30" s="102">
        <v>0</v>
      </c>
      <c r="GD30" s="102">
        <v>0</v>
      </c>
      <c r="GE30" s="102">
        <v>0</v>
      </c>
      <c r="GF30" s="103">
        <v>0</v>
      </c>
      <c r="GG30" s="104">
        <v>0</v>
      </c>
      <c r="GH30" s="101">
        <v>4</v>
      </c>
      <c r="GI30" s="102">
        <v>4</v>
      </c>
      <c r="GJ30" s="103">
        <v>8</v>
      </c>
      <c r="GK30" s="413">
        <v>0</v>
      </c>
      <c r="GL30" s="102">
        <v>3</v>
      </c>
      <c r="GM30" s="102">
        <v>1</v>
      </c>
      <c r="GN30" s="102">
        <v>3</v>
      </c>
      <c r="GO30" s="102">
        <v>1</v>
      </c>
      <c r="GP30" s="102">
        <v>0</v>
      </c>
      <c r="GQ30" s="103">
        <v>8</v>
      </c>
      <c r="GR30" s="104">
        <v>16</v>
      </c>
      <c r="GS30" s="105">
        <v>32</v>
      </c>
      <c r="GT30" s="97">
        <v>29</v>
      </c>
      <c r="GU30" s="98">
        <v>61</v>
      </c>
      <c r="GV30" s="413">
        <v>0</v>
      </c>
      <c r="GW30" s="97">
        <v>23</v>
      </c>
      <c r="GX30" s="97">
        <v>21</v>
      </c>
      <c r="GY30" s="97">
        <v>14</v>
      </c>
      <c r="GZ30" s="97">
        <v>20</v>
      </c>
      <c r="HA30" s="97">
        <v>11</v>
      </c>
      <c r="HB30" s="99">
        <v>89</v>
      </c>
      <c r="HC30" s="100">
        <v>150</v>
      </c>
      <c r="HD30" s="101">
        <v>0</v>
      </c>
      <c r="HE30" s="102">
        <v>1</v>
      </c>
      <c r="HF30" s="103">
        <v>1</v>
      </c>
      <c r="HG30" s="413">
        <v>0</v>
      </c>
      <c r="HH30" s="102">
        <v>0</v>
      </c>
      <c r="HI30" s="102">
        <v>0</v>
      </c>
      <c r="HJ30" s="102">
        <v>0</v>
      </c>
      <c r="HK30" s="102">
        <v>0</v>
      </c>
      <c r="HL30" s="102">
        <v>1</v>
      </c>
      <c r="HM30" s="103">
        <v>1</v>
      </c>
      <c r="HN30" s="104">
        <v>2</v>
      </c>
      <c r="HO30" s="101">
        <v>2</v>
      </c>
      <c r="HP30" s="102">
        <v>0</v>
      </c>
      <c r="HQ30" s="103">
        <v>2</v>
      </c>
      <c r="HR30" s="413">
        <v>0</v>
      </c>
      <c r="HS30" s="102">
        <v>0</v>
      </c>
      <c r="HT30" s="102">
        <v>1</v>
      </c>
      <c r="HU30" s="102">
        <v>1</v>
      </c>
      <c r="HV30" s="102">
        <v>0</v>
      </c>
      <c r="HW30" s="102">
        <v>1</v>
      </c>
      <c r="HX30" s="103">
        <v>3</v>
      </c>
      <c r="HY30" s="104">
        <v>5</v>
      </c>
      <c r="HZ30" s="101">
        <v>2</v>
      </c>
      <c r="IA30" s="102">
        <v>5</v>
      </c>
      <c r="IB30" s="103">
        <v>7</v>
      </c>
      <c r="IC30" s="413">
        <v>0</v>
      </c>
      <c r="ID30" s="102">
        <v>1</v>
      </c>
      <c r="IE30" s="102">
        <v>1</v>
      </c>
      <c r="IF30" s="102">
        <v>0</v>
      </c>
      <c r="IG30" s="102">
        <v>3</v>
      </c>
      <c r="IH30" s="102">
        <v>1</v>
      </c>
      <c r="II30" s="103">
        <v>6</v>
      </c>
      <c r="IJ30" s="104">
        <v>13</v>
      </c>
      <c r="IK30" s="101">
        <v>9</v>
      </c>
      <c r="IL30" s="102">
        <v>6</v>
      </c>
      <c r="IM30" s="103">
        <v>15</v>
      </c>
      <c r="IN30" s="413">
        <v>0</v>
      </c>
      <c r="IO30" s="102">
        <v>4</v>
      </c>
      <c r="IP30" s="102">
        <v>5</v>
      </c>
      <c r="IQ30" s="102">
        <v>5</v>
      </c>
      <c r="IR30" s="102">
        <v>0</v>
      </c>
      <c r="IS30" s="102">
        <v>2</v>
      </c>
      <c r="IT30" s="103">
        <v>16</v>
      </c>
      <c r="IU30" s="104">
        <v>31</v>
      </c>
      <c r="IV30" s="101">
        <v>8</v>
      </c>
      <c r="IW30" s="102">
        <v>7</v>
      </c>
      <c r="IX30" s="103">
        <v>15</v>
      </c>
      <c r="IY30" s="413">
        <v>0</v>
      </c>
      <c r="IZ30" s="102">
        <v>10</v>
      </c>
      <c r="JA30" s="102">
        <v>6</v>
      </c>
      <c r="JB30" s="102">
        <v>5</v>
      </c>
      <c r="JC30" s="102">
        <v>5</v>
      </c>
      <c r="JD30" s="102">
        <v>3</v>
      </c>
      <c r="JE30" s="103">
        <v>29</v>
      </c>
      <c r="JF30" s="104">
        <v>44</v>
      </c>
      <c r="JG30" s="101">
        <v>11</v>
      </c>
      <c r="JH30" s="102">
        <v>10</v>
      </c>
      <c r="JI30" s="103">
        <v>21</v>
      </c>
      <c r="JJ30" s="413">
        <v>0</v>
      </c>
      <c r="JK30" s="102">
        <v>8</v>
      </c>
      <c r="JL30" s="102">
        <v>8</v>
      </c>
      <c r="JM30" s="102">
        <v>3</v>
      </c>
      <c r="JN30" s="102">
        <v>12</v>
      </c>
      <c r="JO30" s="102">
        <v>3</v>
      </c>
      <c r="JP30" s="103">
        <v>34</v>
      </c>
      <c r="JQ30" s="104">
        <v>55</v>
      </c>
      <c r="JR30" s="101">
        <v>0</v>
      </c>
      <c r="JS30" s="102">
        <v>0</v>
      </c>
      <c r="JT30" s="103">
        <v>0</v>
      </c>
      <c r="JU30" s="413">
        <v>0</v>
      </c>
      <c r="JV30" s="102">
        <v>0</v>
      </c>
      <c r="JW30" s="102">
        <v>0</v>
      </c>
      <c r="JX30" s="102">
        <v>0</v>
      </c>
      <c r="JY30" s="102">
        <v>0</v>
      </c>
      <c r="JZ30" s="102">
        <v>0</v>
      </c>
      <c r="KA30" s="103">
        <v>0</v>
      </c>
      <c r="KB30" s="104">
        <v>0</v>
      </c>
      <c r="KC30" s="101">
        <v>32</v>
      </c>
      <c r="KD30" s="102">
        <v>29</v>
      </c>
      <c r="KE30" s="103">
        <v>61</v>
      </c>
      <c r="KF30" s="413">
        <v>0</v>
      </c>
      <c r="KG30" s="102">
        <v>23</v>
      </c>
      <c r="KH30" s="102">
        <v>21</v>
      </c>
      <c r="KI30" s="102">
        <v>14</v>
      </c>
      <c r="KJ30" s="102">
        <v>20</v>
      </c>
      <c r="KK30" s="102">
        <v>11</v>
      </c>
      <c r="KL30" s="103">
        <v>89</v>
      </c>
      <c r="KM30" s="104">
        <v>150</v>
      </c>
    </row>
    <row r="31" spans="2:299" s="70" customFormat="1" ht="21" customHeight="1" x14ac:dyDescent="0.2">
      <c r="B31" s="106" t="s">
        <v>28</v>
      </c>
      <c r="C31" s="96">
        <v>1</v>
      </c>
      <c r="D31" s="97">
        <v>6</v>
      </c>
      <c r="E31" s="98">
        <v>7</v>
      </c>
      <c r="F31" s="413">
        <v>0</v>
      </c>
      <c r="G31" s="97">
        <v>14</v>
      </c>
      <c r="H31" s="97">
        <v>6</v>
      </c>
      <c r="I31" s="97">
        <v>3</v>
      </c>
      <c r="J31" s="97">
        <v>2</v>
      </c>
      <c r="K31" s="97">
        <v>2</v>
      </c>
      <c r="L31" s="99">
        <v>27</v>
      </c>
      <c r="M31" s="100">
        <v>34</v>
      </c>
      <c r="N31" s="101">
        <v>0</v>
      </c>
      <c r="O31" s="102">
        <v>0</v>
      </c>
      <c r="P31" s="103">
        <v>0</v>
      </c>
      <c r="Q31" s="413">
        <v>0</v>
      </c>
      <c r="R31" s="102">
        <v>0</v>
      </c>
      <c r="S31" s="102">
        <v>0</v>
      </c>
      <c r="T31" s="102">
        <v>0</v>
      </c>
      <c r="U31" s="102">
        <v>0</v>
      </c>
      <c r="V31" s="102">
        <v>0</v>
      </c>
      <c r="W31" s="103">
        <v>0</v>
      </c>
      <c r="X31" s="104">
        <v>0</v>
      </c>
      <c r="Y31" s="101">
        <v>0</v>
      </c>
      <c r="Z31" s="102">
        <v>0</v>
      </c>
      <c r="AA31" s="103">
        <v>0</v>
      </c>
      <c r="AB31" s="413">
        <v>0</v>
      </c>
      <c r="AC31" s="102">
        <v>1</v>
      </c>
      <c r="AD31" s="102">
        <v>0</v>
      </c>
      <c r="AE31" s="102">
        <v>0</v>
      </c>
      <c r="AF31" s="102">
        <v>0</v>
      </c>
      <c r="AG31" s="102">
        <v>0</v>
      </c>
      <c r="AH31" s="103">
        <v>1</v>
      </c>
      <c r="AI31" s="104">
        <v>1</v>
      </c>
      <c r="AJ31" s="101">
        <v>0</v>
      </c>
      <c r="AK31" s="102">
        <v>2</v>
      </c>
      <c r="AL31" s="103">
        <v>2</v>
      </c>
      <c r="AM31" s="413">
        <v>0</v>
      </c>
      <c r="AN31" s="102">
        <v>3</v>
      </c>
      <c r="AO31" s="102">
        <v>1</v>
      </c>
      <c r="AP31" s="102">
        <v>0</v>
      </c>
      <c r="AQ31" s="102">
        <v>0</v>
      </c>
      <c r="AR31" s="102">
        <v>1</v>
      </c>
      <c r="AS31" s="103">
        <v>5</v>
      </c>
      <c r="AT31" s="104">
        <v>7</v>
      </c>
      <c r="AU31" s="101">
        <v>0</v>
      </c>
      <c r="AV31" s="102">
        <v>2</v>
      </c>
      <c r="AW31" s="103">
        <v>2</v>
      </c>
      <c r="AX31" s="413">
        <v>0</v>
      </c>
      <c r="AY31" s="102">
        <v>3</v>
      </c>
      <c r="AZ31" s="102">
        <v>1</v>
      </c>
      <c r="BA31" s="102">
        <v>0</v>
      </c>
      <c r="BB31" s="102">
        <v>0</v>
      </c>
      <c r="BC31" s="102">
        <v>0</v>
      </c>
      <c r="BD31" s="103">
        <v>4</v>
      </c>
      <c r="BE31" s="104">
        <v>6</v>
      </c>
      <c r="BF31" s="101">
        <v>1</v>
      </c>
      <c r="BG31" s="102">
        <v>2</v>
      </c>
      <c r="BH31" s="103">
        <v>3</v>
      </c>
      <c r="BI31" s="413">
        <v>0</v>
      </c>
      <c r="BJ31" s="102">
        <v>4</v>
      </c>
      <c r="BK31" s="102">
        <v>3</v>
      </c>
      <c r="BL31" s="102">
        <v>0</v>
      </c>
      <c r="BM31" s="102">
        <v>1</v>
      </c>
      <c r="BN31" s="102">
        <v>0</v>
      </c>
      <c r="BO31" s="103">
        <v>8</v>
      </c>
      <c r="BP31" s="104">
        <v>11</v>
      </c>
      <c r="BQ31" s="101">
        <v>0</v>
      </c>
      <c r="BR31" s="102">
        <v>0</v>
      </c>
      <c r="BS31" s="103">
        <v>0</v>
      </c>
      <c r="BT31" s="413">
        <v>0</v>
      </c>
      <c r="BU31" s="102">
        <v>3</v>
      </c>
      <c r="BV31" s="102">
        <v>1</v>
      </c>
      <c r="BW31" s="102">
        <v>3</v>
      </c>
      <c r="BX31" s="102">
        <v>1</v>
      </c>
      <c r="BY31" s="102">
        <v>1</v>
      </c>
      <c r="BZ31" s="103">
        <v>9</v>
      </c>
      <c r="CA31" s="104">
        <v>9</v>
      </c>
      <c r="CB31" s="101">
        <v>0</v>
      </c>
      <c r="CC31" s="102">
        <v>0</v>
      </c>
      <c r="CD31" s="103">
        <v>0</v>
      </c>
      <c r="CE31" s="413">
        <v>0</v>
      </c>
      <c r="CF31" s="102">
        <v>0</v>
      </c>
      <c r="CG31" s="102">
        <v>0</v>
      </c>
      <c r="CH31" s="102">
        <v>0</v>
      </c>
      <c r="CI31" s="102">
        <v>0</v>
      </c>
      <c r="CJ31" s="102">
        <v>0</v>
      </c>
      <c r="CK31" s="103">
        <v>0</v>
      </c>
      <c r="CL31" s="104">
        <v>0</v>
      </c>
      <c r="CM31" s="101">
        <v>1</v>
      </c>
      <c r="CN31" s="102">
        <v>6</v>
      </c>
      <c r="CO31" s="103">
        <v>7</v>
      </c>
      <c r="CP31" s="413">
        <v>0</v>
      </c>
      <c r="CQ31" s="102">
        <v>14</v>
      </c>
      <c r="CR31" s="102">
        <v>6</v>
      </c>
      <c r="CS31" s="102">
        <v>3</v>
      </c>
      <c r="CT31" s="102">
        <v>2</v>
      </c>
      <c r="CU31" s="102">
        <v>2</v>
      </c>
      <c r="CV31" s="103">
        <v>27</v>
      </c>
      <c r="CW31" s="104">
        <v>34</v>
      </c>
      <c r="CX31" s="105">
        <v>0</v>
      </c>
      <c r="CY31" s="97">
        <v>0</v>
      </c>
      <c r="CZ31" s="98">
        <v>0</v>
      </c>
      <c r="DA31" s="413">
        <v>0</v>
      </c>
      <c r="DB31" s="97">
        <v>1</v>
      </c>
      <c r="DC31" s="97">
        <v>1</v>
      </c>
      <c r="DD31" s="97">
        <v>0</v>
      </c>
      <c r="DE31" s="97">
        <v>1</v>
      </c>
      <c r="DF31" s="97">
        <v>1</v>
      </c>
      <c r="DG31" s="99">
        <v>4</v>
      </c>
      <c r="DH31" s="100">
        <v>4</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0</v>
      </c>
      <c r="DY31" s="102">
        <v>0</v>
      </c>
      <c r="DZ31" s="102">
        <v>0</v>
      </c>
      <c r="EA31" s="102">
        <v>0</v>
      </c>
      <c r="EB31" s="102">
        <v>0</v>
      </c>
      <c r="EC31" s="103">
        <v>0</v>
      </c>
      <c r="ED31" s="104">
        <v>0</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0</v>
      </c>
      <c r="FH31" s="102">
        <v>0</v>
      </c>
      <c r="FI31" s="102">
        <v>1</v>
      </c>
      <c r="FJ31" s="103">
        <v>3</v>
      </c>
      <c r="FK31" s="104">
        <v>3</v>
      </c>
      <c r="FL31" s="101">
        <v>0</v>
      </c>
      <c r="FM31" s="102">
        <v>0</v>
      </c>
      <c r="FN31" s="103">
        <v>0</v>
      </c>
      <c r="FO31" s="413">
        <v>0</v>
      </c>
      <c r="FP31" s="102">
        <v>0</v>
      </c>
      <c r="FQ31" s="102">
        <v>0</v>
      </c>
      <c r="FR31" s="102">
        <v>0</v>
      </c>
      <c r="FS31" s="102">
        <v>1</v>
      </c>
      <c r="FT31" s="102">
        <v>0</v>
      </c>
      <c r="FU31" s="103">
        <v>1</v>
      </c>
      <c r="FV31" s="104">
        <v>1</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1</v>
      </c>
      <c r="GM31" s="102">
        <v>1</v>
      </c>
      <c r="GN31" s="102">
        <v>0</v>
      </c>
      <c r="GO31" s="102">
        <v>1</v>
      </c>
      <c r="GP31" s="102">
        <v>1</v>
      </c>
      <c r="GQ31" s="103">
        <v>4</v>
      </c>
      <c r="GR31" s="104">
        <v>4</v>
      </c>
      <c r="GS31" s="105">
        <v>1</v>
      </c>
      <c r="GT31" s="97">
        <v>6</v>
      </c>
      <c r="GU31" s="98">
        <v>7</v>
      </c>
      <c r="GV31" s="413">
        <v>0</v>
      </c>
      <c r="GW31" s="97">
        <v>15</v>
      </c>
      <c r="GX31" s="97">
        <v>7</v>
      </c>
      <c r="GY31" s="97">
        <v>3</v>
      </c>
      <c r="GZ31" s="97">
        <v>3</v>
      </c>
      <c r="HA31" s="97">
        <v>3</v>
      </c>
      <c r="HB31" s="99">
        <v>31</v>
      </c>
      <c r="HC31" s="100">
        <v>38</v>
      </c>
      <c r="HD31" s="101">
        <v>0</v>
      </c>
      <c r="HE31" s="102">
        <v>0</v>
      </c>
      <c r="HF31" s="103">
        <v>0</v>
      </c>
      <c r="HG31" s="413">
        <v>0</v>
      </c>
      <c r="HH31" s="102">
        <v>0</v>
      </c>
      <c r="HI31" s="102">
        <v>0</v>
      </c>
      <c r="HJ31" s="102">
        <v>0</v>
      </c>
      <c r="HK31" s="102">
        <v>0</v>
      </c>
      <c r="HL31" s="102">
        <v>0</v>
      </c>
      <c r="HM31" s="103">
        <v>0</v>
      </c>
      <c r="HN31" s="104">
        <v>0</v>
      </c>
      <c r="HO31" s="101">
        <v>0</v>
      </c>
      <c r="HP31" s="102">
        <v>0</v>
      </c>
      <c r="HQ31" s="103">
        <v>0</v>
      </c>
      <c r="HR31" s="413">
        <v>0</v>
      </c>
      <c r="HS31" s="102">
        <v>1</v>
      </c>
      <c r="HT31" s="102">
        <v>0</v>
      </c>
      <c r="HU31" s="102">
        <v>0</v>
      </c>
      <c r="HV31" s="102">
        <v>0</v>
      </c>
      <c r="HW31" s="102">
        <v>0</v>
      </c>
      <c r="HX31" s="103">
        <v>1</v>
      </c>
      <c r="HY31" s="104">
        <v>1</v>
      </c>
      <c r="HZ31" s="101">
        <v>0</v>
      </c>
      <c r="IA31" s="102">
        <v>2</v>
      </c>
      <c r="IB31" s="103">
        <v>2</v>
      </c>
      <c r="IC31" s="413">
        <v>0</v>
      </c>
      <c r="ID31" s="102">
        <v>3</v>
      </c>
      <c r="IE31" s="102">
        <v>1</v>
      </c>
      <c r="IF31" s="102">
        <v>0</v>
      </c>
      <c r="IG31" s="102">
        <v>0</v>
      </c>
      <c r="IH31" s="102">
        <v>1</v>
      </c>
      <c r="II31" s="103">
        <v>5</v>
      </c>
      <c r="IJ31" s="104">
        <v>7</v>
      </c>
      <c r="IK31" s="101">
        <v>0</v>
      </c>
      <c r="IL31" s="102">
        <v>2</v>
      </c>
      <c r="IM31" s="103">
        <v>2</v>
      </c>
      <c r="IN31" s="413">
        <v>0</v>
      </c>
      <c r="IO31" s="102">
        <v>3</v>
      </c>
      <c r="IP31" s="102">
        <v>1</v>
      </c>
      <c r="IQ31" s="102">
        <v>0</v>
      </c>
      <c r="IR31" s="102">
        <v>0</v>
      </c>
      <c r="IS31" s="102">
        <v>0</v>
      </c>
      <c r="IT31" s="103">
        <v>4</v>
      </c>
      <c r="IU31" s="104">
        <v>6</v>
      </c>
      <c r="IV31" s="101">
        <v>1</v>
      </c>
      <c r="IW31" s="102">
        <v>2</v>
      </c>
      <c r="IX31" s="103">
        <v>3</v>
      </c>
      <c r="IY31" s="413">
        <v>0</v>
      </c>
      <c r="IZ31" s="102">
        <v>5</v>
      </c>
      <c r="JA31" s="102">
        <v>4</v>
      </c>
      <c r="JB31" s="102">
        <v>0</v>
      </c>
      <c r="JC31" s="102">
        <v>1</v>
      </c>
      <c r="JD31" s="102">
        <v>1</v>
      </c>
      <c r="JE31" s="103">
        <v>11</v>
      </c>
      <c r="JF31" s="104">
        <v>14</v>
      </c>
      <c r="JG31" s="101">
        <v>0</v>
      </c>
      <c r="JH31" s="102">
        <v>0</v>
      </c>
      <c r="JI31" s="103">
        <v>0</v>
      </c>
      <c r="JJ31" s="413">
        <v>0</v>
      </c>
      <c r="JK31" s="102">
        <v>3</v>
      </c>
      <c r="JL31" s="102">
        <v>1</v>
      </c>
      <c r="JM31" s="102">
        <v>3</v>
      </c>
      <c r="JN31" s="102">
        <v>2</v>
      </c>
      <c r="JO31" s="102">
        <v>1</v>
      </c>
      <c r="JP31" s="103">
        <v>10</v>
      </c>
      <c r="JQ31" s="104">
        <v>10</v>
      </c>
      <c r="JR31" s="101">
        <v>0</v>
      </c>
      <c r="JS31" s="102">
        <v>0</v>
      </c>
      <c r="JT31" s="103">
        <v>0</v>
      </c>
      <c r="JU31" s="413">
        <v>0</v>
      </c>
      <c r="JV31" s="102">
        <v>0</v>
      </c>
      <c r="JW31" s="102">
        <v>0</v>
      </c>
      <c r="JX31" s="102">
        <v>0</v>
      </c>
      <c r="JY31" s="102">
        <v>0</v>
      </c>
      <c r="JZ31" s="102">
        <v>0</v>
      </c>
      <c r="KA31" s="103">
        <v>0</v>
      </c>
      <c r="KB31" s="104">
        <v>0</v>
      </c>
      <c r="KC31" s="101">
        <v>1</v>
      </c>
      <c r="KD31" s="102">
        <v>6</v>
      </c>
      <c r="KE31" s="103">
        <v>7</v>
      </c>
      <c r="KF31" s="413">
        <v>0</v>
      </c>
      <c r="KG31" s="102">
        <v>15</v>
      </c>
      <c r="KH31" s="102">
        <v>7</v>
      </c>
      <c r="KI31" s="102">
        <v>3</v>
      </c>
      <c r="KJ31" s="102">
        <v>3</v>
      </c>
      <c r="KK31" s="102">
        <v>3</v>
      </c>
      <c r="KL31" s="103">
        <v>31</v>
      </c>
      <c r="KM31" s="104">
        <v>38</v>
      </c>
    </row>
    <row r="32" spans="2:299" s="70" customFormat="1" ht="21" customHeight="1" x14ac:dyDescent="0.2">
      <c r="B32" s="106" t="s">
        <v>29</v>
      </c>
      <c r="C32" s="96">
        <v>3</v>
      </c>
      <c r="D32" s="97">
        <v>5</v>
      </c>
      <c r="E32" s="98">
        <v>8</v>
      </c>
      <c r="F32" s="413">
        <v>0</v>
      </c>
      <c r="G32" s="97">
        <v>5</v>
      </c>
      <c r="H32" s="97">
        <v>4</v>
      </c>
      <c r="I32" s="97">
        <v>7</v>
      </c>
      <c r="J32" s="97">
        <v>2</v>
      </c>
      <c r="K32" s="97">
        <v>2</v>
      </c>
      <c r="L32" s="99">
        <v>20</v>
      </c>
      <c r="M32" s="100">
        <v>28</v>
      </c>
      <c r="N32" s="101">
        <v>0</v>
      </c>
      <c r="O32" s="102">
        <v>1</v>
      </c>
      <c r="P32" s="103">
        <v>1</v>
      </c>
      <c r="Q32" s="413">
        <v>0</v>
      </c>
      <c r="R32" s="102">
        <v>1</v>
      </c>
      <c r="S32" s="102">
        <v>1</v>
      </c>
      <c r="T32" s="102">
        <v>0</v>
      </c>
      <c r="U32" s="102">
        <v>0</v>
      </c>
      <c r="V32" s="102">
        <v>0</v>
      </c>
      <c r="W32" s="103">
        <v>2</v>
      </c>
      <c r="X32" s="104">
        <v>3</v>
      </c>
      <c r="Y32" s="101">
        <v>0</v>
      </c>
      <c r="Z32" s="102">
        <v>0</v>
      </c>
      <c r="AA32" s="103">
        <v>0</v>
      </c>
      <c r="AB32" s="413">
        <v>0</v>
      </c>
      <c r="AC32" s="102">
        <v>0</v>
      </c>
      <c r="AD32" s="102">
        <v>1</v>
      </c>
      <c r="AE32" s="102">
        <v>1</v>
      </c>
      <c r="AF32" s="102">
        <v>0</v>
      </c>
      <c r="AG32" s="102">
        <v>0</v>
      </c>
      <c r="AH32" s="103">
        <v>2</v>
      </c>
      <c r="AI32" s="104">
        <v>2</v>
      </c>
      <c r="AJ32" s="101">
        <v>1</v>
      </c>
      <c r="AK32" s="102">
        <v>0</v>
      </c>
      <c r="AL32" s="103">
        <v>1</v>
      </c>
      <c r="AM32" s="413">
        <v>0</v>
      </c>
      <c r="AN32" s="102">
        <v>1</v>
      </c>
      <c r="AO32" s="102">
        <v>0</v>
      </c>
      <c r="AP32" s="102">
        <v>1</v>
      </c>
      <c r="AQ32" s="102">
        <v>0</v>
      </c>
      <c r="AR32" s="102">
        <v>1</v>
      </c>
      <c r="AS32" s="103">
        <v>3</v>
      </c>
      <c r="AT32" s="104">
        <v>4</v>
      </c>
      <c r="AU32" s="101">
        <v>1</v>
      </c>
      <c r="AV32" s="102">
        <v>3</v>
      </c>
      <c r="AW32" s="103">
        <v>4</v>
      </c>
      <c r="AX32" s="413">
        <v>0</v>
      </c>
      <c r="AY32" s="102">
        <v>2</v>
      </c>
      <c r="AZ32" s="102">
        <v>0</v>
      </c>
      <c r="BA32" s="102">
        <v>1</v>
      </c>
      <c r="BB32" s="102">
        <v>1</v>
      </c>
      <c r="BC32" s="102">
        <v>0</v>
      </c>
      <c r="BD32" s="103">
        <v>4</v>
      </c>
      <c r="BE32" s="104">
        <v>8</v>
      </c>
      <c r="BF32" s="101">
        <v>0</v>
      </c>
      <c r="BG32" s="102">
        <v>0</v>
      </c>
      <c r="BH32" s="103">
        <v>0</v>
      </c>
      <c r="BI32" s="413">
        <v>0</v>
      </c>
      <c r="BJ32" s="102">
        <v>1</v>
      </c>
      <c r="BK32" s="102">
        <v>1</v>
      </c>
      <c r="BL32" s="102">
        <v>2</v>
      </c>
      <c r="BM32" s="102">
        <v>0</v>
      </c>
      <c r="BN32" s="102">
        <v>0</v>
      </c>
      <c r="BO32" s="103">
        <v>4</v>
      </c>
      <c r="BP32" s="104">
        <v>4</v>
      </c>
      <c r="BQ32" s="101">
        <v>1</v>
      </c>
      <c r="BR32" s="102">
        <v>1</v>
      </c>
      <c r="BS32" s="103">
        <v>2</v>
      </c>
      <c r="BT32" s="413">
        <v>0</v>
      </c>
      <c r="BU32" s="102">
        <v>0</v>
      </c>
      <c r="BV32" s="102">
        <v>1</v>
      </c>
      <c r="BW32" s="102">
        <v>2</v>
      </c>
      <c r="BX32" s="102">
        <v>1</v>
      </c>
      <c r="BY32" s="102">
        <v>1</v>
      </c>
      <c r="BZ32" s="103">
        <v>5</v>
      </c>
      <c r="CA32" s="104">
        <v>7</v>
      </c>
      <c r="CB32" s="101">
        <v>0</v>
      </c>
      <c r="CC32" s="102">
        <v>0</v>
      </c>
      <c r="CD32" s="103">
        <v>0</v>
      </c>
      <c r="CE32" s="413">
        <v>0</v>
      </c>
      <c r="CF32" s="102">
        <v>0</v>
      </c>
      <c r="CG32" s="102">
        <v>0</v>
      </c>
      <c r="CH32" s="102">
        <v>0</v>
      </c>
      <c r="CI32" s="102">
        <v>0</v>
      </c>
      <c r="CJ32" s="102">
        <v>0</v>
      </c>
      <c r="CK32" s="103">
        <v>0</v>
      </c>
      <c r="CL32" s="104">
        <v>0</v>
      </c>
      <c r="CM32" s="101">
        <v>3</v>
      </c>
      <c r="CN32" s="102">
        <v>5</v>
      </c>
      <c r="CO32" s="103">
        <v>8</v>
      </c>
      <c r="CP32" s="413">
        <v>0</v>
      </c>
      <c r="CQ32" s="102">
        <v>5</v>
      </c>
      <c r="CR32" s="102">
        <v>4</v>
      </c>
      <c r="CS32" s="102">
        <v>7</v>
      </c>
      <c r="CT32" s="102">
        <v>2</v>
      </c>
      <c r="CU32" s="102">
        <v>2</v>
      </c>
      <c r="CV32" s="103">
        <v>20</v>
      </c>
      <c r="CW32" s="104">
        <v>28</v>
      </c>
      <c r="CX32" s="105">
        <v>0</v>
      </c>
      <c r="CY32" s="97">
        <v>2</v>
      </c>
      <c r="CZ32" s="98">
        <v>2</v>
      </c>
      <c r="DA32" s="413">
        <v>0</v>
      </c>
      <c r="DB32" s="97">
        <v>1</v>
      </c>
      <c r="DC32" s="97">
        <v>2</v>
      </c>
      <c r="DD32" s="97">
        <v>0</v>
      </c>
      <c r="DE32" s="97">
        <v>1</v>
      </c>
      <c r="DF32" s="97">
        <v>0</v>
      </c>
      <c r="DG32" s="99">
        <v>4</v>
      </c>
      <c r="DH32" s="100">
        <v>6</v>
      </c>
      <c r="DI32" s="101">
        <v>0</v>
      </c>
      <c r="DJ32" s="102">
        <v>0</v>
      </c>
      <c r="DK32" s="103">
        <v>0</v>
      </c>
      <c r="DL32" s="413">
        <v>0</v>
      </c>
      <c r="DM32" s="102">
        <v>0</v>
      </c>
      <c r="DN32" s="102">
        <v>0</v>
      </c>
      <c r="DO32" s="102">
        <v>0</v>
      </c>
      <c r="DP32" s="102">
        <v>0</v>
      </c>
      <c r="DQ32" s="102">
        <v>0</v>
      </c>
      <c r="DR32" s="103">
        <v>0</v>
      </c>
      <c r="DS32" s="104">
        <v>0</v>
      </c>
      <c r="DT32" s="101">
        <v>0</v>
      </c>
      <c r="DU32" s="102">
        <v>2</v>
      </c>
      <c r="DV32" s="103">
        <v>2</v>
      </c>
      <c r="DW32" s="413">
        <v>0</v>
      </c>
      <c r="DX32" s="102">
        <v>0</v>
      </c>
      <c r="DY32" s="102">
        <v>1</v>
      </c>
      <c r="DZ32" s="102">
        <v>0</v>
      </c>
      <c r="EA32" s="102">
        <v>0</v>
      </c>
      <c r="EB32" s="102">
        <v>0</v>
      </c>
      <c r="EC32" s="103">
        <v>1</v>
      </c>
      <c r="ED32" s="104">
        <v>3</v>
      </c>
      <c r="EE32" s="101">
        <v>0</v>
      </c>
      <c r="EF32" s="102">
        <v>0</v>
      </c>
      <c r="EG32" s="103">
        <v>0</v>
      </c>
      <c r="EH32" s="413">
        <v>0</v>
      </c>
      <c r="EI32" s="102">
        <v>0</v>
      </c>
      <c r="EJ32" s="102">
        <v>0</v>
      </c>
      <c r="EK32" s="102">
        <v>0</v>
      </c>
      <c r="EL32" s="102">
        <v>0</v>
      </c>
      <c r="EM32" s="102">
        <v>0</v>
      </c>
      <c r="EN32" s="103">
        <v>0</v>
      </c>
      <c r="EO32" s="104">
        <v>0</v>
      </c>
      <c r="EP32" s="101">
        <v>0</v>
      </c>
      <c r="EQ32" s="102">
        <v>0</v>
      </c>
      <c r="ER32" s="103">
        <v>0</v>
      </c>
      <c r="ES32" s="413">
        <v>0</v>
      </c>
      <c r="ET32" s="102">
        <v>0</v>
      </c>
      <c r="EU32" s="102">
        <v>1</v>
      </c>
      <c r="EV32" s="102">
        <v>0</v>
      </c>
      <c r="EW32" s="102">
        <v>0</v>
      </c>
      <c r="EX32" s="102">
        <v>0</v>
      </c>
      <c r="EY32" s="103">
        <v>1</v>
      </c>
      <c r="EZ32" s="104">
        <v>1</v>
      </c>
      <c r="FA32" s="101">
        <v>0</v>
      </c>
      <c r="FB32" s="102">
        <v>0</v>
      </c>
      <c r="FC32" s="103">
        <v>0</v>
      </c>
      <c r="FD32" s="413">
        <v>0</v>
      </c>
      <c r="FE32" s="102">
        <v>0</v>
      </c>
      <c r="FF32" s="102">
        <v>0</v>
      </c>
      <c r="FG32" s="102">
        <v>0</v>
      </c>
      <c r="FH32" s="102">
        <v>1</v>
      </c>
      <c r="FI32" s="102">
        <v>0</v>
      </c>
      <c r="FJ32" s="103">
        <v>1</v>
      </c>
      <c r="FK32" s="104">
        <v>1</v>
      </c>
      <c r="FL32" s="101">
        <v>0</v>
      </c>
      <c r="FM32" s="102">
        <v>0</v>
      </c>
      <c r="FN32" s="103">
        <v>0</v>
      </c>
      <c r="FO32" s="413">
        <v>0</v>
      </c>
      <c r="FP32" s="102">
        <v>1</v>
      </c>
      <c r="FQ32" s="102">
        <v>0</v>
      </c>
      <c r="FR32" s="102">
        <v>0</v>
      </c>
      <c r="FS32" s="102">
        <v>0</v>
      </c>
      <c r="FT32" s="102">
        <v>0</v>
      </c>
      <c r="FU32" s="103">
        <v>1</v>
      </c>
      <c r="FV32" s="104">
        <v>1</v>
      </c>
      <c r="FW32" s="101">
        <v>0</v>
      </c>
      <c r="FX32" s="102">
        <v>0</v>
      </c>
      <c r="FY32" s="103">
        <v>0</v>
      </c>
      <c r="FZ32" s="413">
        <v>0</v>
      </c>
      <c r="GA32" s="102">
        <v>0</v>
      </c>
      <c r="GB32" s="102">
        <v>0</v>
      </c>
      <c r="GC32" s="102">
        <v>0</v>
      </c>
      <c r="GD32" s="102">
        <v>0</v>
      </c>
      <c r="GE32" s="102">
        <v>0</v>
      </c>
      <c r="GF32" s="103">
        <v>0</v>
      </c>
      <c r="GG32" s="104">
        <v>0</v>
      </c>
      <c r="GH32" s="101">
        <v>0</v>
      </c>
      <c r="GI32" s="102">
        <v>2</v>
      </c>
      <c r="GJ32" s="103">
        <v>2</v>
      </c>
      <c r="GK32" s="413">
        <v>0</v>
      </c>
      <c r="GL32" s="102">
        <v>1</v>
      </c>
      <c r="GM32" s="102">
        <v>2</v>
      </c>
      <c r="GN32" s="102">
        <v>0</v>
      </c>
      <c r="GO32" s="102">
        <v>1</v>
      </c>
      <c r="GP32" s="102">
        <v>0</v>
      </c>
      <c r="GQ32" s="103">
        <v>4</v>
      </c>
      <c r="GR32" s="104">
        <v>6</v>
      </c>
      <c r="GS32" s="105">
        <v>3</v>
      </c>
      <c r="GT32" s="97">
        <v>7</v>
      </c>
      <c r="GU32" s="98">
        <v>10</v>
      </c>
      <c r="GV32" s="413">
        <v>0</v>
      </c>
      <c r="GW32" s="97">
        <v>6</v>
      </c>
      <c r="GX32" s="97">
        <v>6</v>
      </c>
      <c r="GY32" s="97">
        <v>7</v>
      </c>
      <c r="GZ32" s="97">
        <v>3</v>
      </c>
      <c r="HA32" s="97">
        <v>2</v>
      </c>
      <c r="HB32" s="99">
        <v>24</v>
      </c>
      <c r="HC32" s="100">
        <v>34</v>
      </c>
      <c r="HD32" s="101">
        <v>0</v>
      </c>
      <c r="HE32" s="102">
        <v>1</v>
      </c>
      <c r="HF32" s="103">
        <v>1</v>
      </c>
      <c r="HG32" s="413">
        <v>0</v>
      </c>
      <c r="HH32" s="102">
        <v>1</v>
      </c>
      <c r="HI32" s="102">
        <v>1</v>
      </c>
      <c r="HJ32" s="102">
        <v>0</v>
      </c>
      <c r="HK32" s="102">
        <v>0</v>
      </c>
      <c r="HL32" s="102">
        <v>0</v>
      </c>
      <c r="HM32" s="103">
        <v>2</v>
      </c>
      <c r="HN32" s="104">
        <v>3</v>
      </c>
      <c r="HO32" s="101">
        <v>0</v>
      </c>
      <c r="HP32" s="102">
        <v>2</v>
      </c>
      <c r="HQ32" s="103">
        <v>2</v>
      </c>
      <c r="HR32" s="413">
        <v>0</v>
      </c>
      <c r="HS32" s="102">
        <v>0</v>
      </c>
      <c r="HT32" s="102">
        <v>2</v>
      </c>
      <c r="HU32" s="102">
        <v>1</v>
      </c>
      <c r="HV32" s="102">
        <v>0</v>
      </c>
      <c r="HW32" s="102">
        <v>0</v>
      </c>
      <c r="HX32" s="103">
        <v>3</v>
      </c>
      <c r="HY32" s="104">
        <v>5</v>
      </c>
      <c r="HZ32" s="101">
        <v>1</v>
      </c>
      <c r="IA32" s="102">
        <v>0</v>
      </c>
      <c r="IB32" s="103">
        <v>1</v>
      </c>
      <c r="IC32" s="413">
        <v>0</v>
      </c>
      <c r="ID32" s="102">
        <v>1</v>
      </c>
      <c r="IE32" s="102">
        <v>0</v>
      </c>
      <c r="IF32" s="102">
        <v>1</v>
      </c>
      <c r="IG32" s="102">
        <v>0</v>
      </c>
      <c r="IH32" s="102">
        <v>1</v>
      </c>
      <c r="II32" s="103">
        <v>3</v>
      </c>
      <c r="IJ32" s="104">
        <v>4</v>
      </c>
      <c r="IK32" s="101">
        <v>1</v>
      </c>
      <c r="IL32" s="102">
        <v>3</v>
      </c>
      <c r="IM32" s="103">
        <v>4</v>
      </c>
      <c r="IN32" s="413">
        <v>0</v>
      </c>
      <c r="IO32" s="102">
        <v>2</v>
      </c>
      <c r="IP32" s="102">
        <v>1</v>
      </c>
      <c r="IQ32" s="102">
        <v>1</v>
      </c>
      <c r="IR32" s="102">
        <v>1</v>
      </c>
      <c r="IS32" s="102">
        <v>0</v>
      </c>
      <c r="IT32" s="103">
        <v>5</v>
      </c>
      <c r="IU32" s="104">
        <v>9</v>
      </c>
      <c r="IV32" s="101">
        <v>0</v>
      </c>
      <c r="IW32" s="102">
        <v>0</v>
      </c>
      <c r="IX32" s="103">
        <v>0</v>
      </c>
      <c r="IY32" s="413">
        <v>0</v>
      </c>
      <c r="IZ32" s="102">
        <v>1</v>
      </c>
      <c r="JA32" s="102">
        <v>1</v>
      </c>
      <c r="JB32" s="102">
        <v>2</v>
      </c>
      <c r="JC32" s="102">
        <v>1</v>
      </c>
      <c r="JD32" s="102">
        <v>0</v>
      </c>
      <c r="JE32" s="103">
        <v>5</v>
      </c>
      <c r="JF32" s="104">
        <v>5</v>
      </c>
      <c r="JG32" s="101">
        <v>1</v>
      </c>
      <c r="JH32" s="102">
        <v>1</v>
      </c>
      <c r="JI32" s="103">
        <v>2</v>
      </c>
      <c r="JJ32" s="413">
        <v>0</v>
      </c>
      <c r="JK32" s="102">
        <v>1</v>
      </c>
      <c r="JL32" s="102">
        <v>1</v>
      </c>
      <c r="JM32" s="102">
        <v>2</v>
      </c>
      <c r="JN32" s="102">
        <v>1</v>
      </c>
      <c r="JO32" s="102">
        <v>1</v>
      </c>
      <c r="JP32" s="103">
        <v>6</v>
      </c>
      <c r="JQ32" s="104">
        <v>8</v>
      </c>
      <c r="JR32" s="101">
        <v>0</v>
      </c>
      <c r="JS32" s="102">
        <v>0</v>
      </c>
      <c r="JT32" s="103">
        <v>0</v>
      </c>
      <c r="JU32" s="413">
        <v>0</v>
      </c>
      <c r="JV32" s="102">
        <v>0</v>
      </c>
      <c r="JW32" s="102">
        <v>0</v>
      </c>
      <c r="JX32" s="102">
        <v>0</v>
      </c>
      <c r="JY32" s="102">
        <v>0</v>
      </c>
      <c r="JZ32" s="102">
        <v>0</v>
      </c>
      <c r="KA32" s="103">
        <v>0</v>
      </c>
      <c r="KB32" s="104">
        <v>0</v>
      </c>
      <c r="KC32" s="101">
        <v>3</v>
      </c>
      <c r="KD32" s="102">
        <v>7</v>
      </c>
      <c r="KE32" s="103">
        <v>10</v>
      </c>
      <c r="KF32" s="413">
        <v>0</v>
      </c>
      <c r="KG32" s="102">
        <v>6</v>
      </c>
      <c r="KH32" s="102">
        <v>6</v>
      </c>
      <c r="KI32" s="102">
        <v>7</v>
      </c>
      <c r="KJ32" s="102">
        <v>3</v>
      </c>
      <c r="KK32" s="102">
        <v>2</v>
      </c>
      <c r="KL32" s="103">
        <v>24</v>
      </c>
      <c r="KM32" s="104">
        <v>34</v>
      </c>
    </row>
    <row r="33" spans="2:299" s="70" customFormat="1" ht="21" customHeight="1" x14ac:dyDescent="0.2">
      <c r="B33" s="106" t="s">
        <v>30</v>
      </c>
      <c r="C33" s="96">
        <v>3</v>
      </c>
      <c r="D33" s="97">
        <v>2</v>
      </c>
      <c r="E33" s="98">
        <v>5</v>
      </c>
      <c r="F33" s="413">
        <v>0</v>
      </c>
      <c r="G33" s="97">
        <v>7</v>
      </c>
      <c r="H33" s="97">
        <v>4</v>
      </c>
      <c r="I33" s="97">
        <v>5</v>
      </c>
      <c r="J33" s="97">
        <v>5</v>
      </c>
      <c r="K33" s="97">
        <v>1</v>
      </c>
      <c r="L33" s="99">
        <v>22</v>
      </c>
      <c r="M33" s="100">
        <v>27</v>
      </c>
      <c r="N33" s="101">
        <v>0</v>
      </c>
      <c r="O33" s="102">
        <v>0</v>
      </c>
      <c r="P33" s="103">
        <v>0</v>
      </c>
      <c r="Q33" s="413">
        <v>0</v>
      </c>
      <c r="R33" s="102">
        <v>0</v>
      </c>
      <c r="S33" s="102">
        <v>0</v>
      </c>
      <c r="T33" s="102">
        <v>0</v>
      </c>
      <c r="U33" s="102">
        <v>0</v>
      </c>
      <c r="V33" s="102">
        <v>0</v>
      </c>
      <c r="W33" s="103">
        <v>0</v>
      </c>
      <c r="X33" s="104">
        <v>0</v>
      </c>
      <c r="Y33" s="101">
        <v>0</v>
      </c>
      <c r="Z33" s="102">
        <v>0</v>
      </c>
      <c r="AA33" s="103">
        <v>0</v>
      </c>
      <c r="AB33" s="413">
        <v>0</v>
      </c>
      <c r="AC33" s="102">
        <v>0</v>
      </c>
      <c r="AD33" s="102">
        <v>0</v>
      </c>
      <c r="AE33" s="102">
        <v>0</v>
      </c>
      <c r="AF33" s="102">
        <v>1</v>
      </c>
      <c r="AG33" s="102">
        <v>0</v>
      </c>
      <c r="AH33" s="103">
        <v>1</v>
      </c>
      <c r="AI33" s="104">
        <v>1</v>
      </c>
      <c r="AJ33" s="101">
        <v>1</v>
      </c>
      <c r="AK33" s="102">
        <v>0</v>
      </c>
      <c r="AL33" s="103">
        <v>1</v>
      </c>
      <c r="AM33" s="413">
        <v>0</v>
      </c>
      <c r="AN33" s="102">
        <v>0</v>
      </c>
      <c r="AO33" s="102">
        <v>1</v>
      </c>
      <c r="AP33" s="102">
        <v>0</v>
      </c>
      <c r="AQ33" s="102">
        <v>0</v>
      </c>
      <c r="AR33" s="102">
        <v>0</v>
      </c>
      <c r="AS33" s="103">
        <v>1</v>
      </c>
      <c r="AT33" s="104">
        <v>2</v>
      </c>
      <c r="AU33" s="101">
        <v>0</v>
      </c>
      <c r="AV33" s="102">
        <v>0</v>
      </c>
      <c r="AW33" s="103">
        <v>0</v>
      </c>
      <c r="AX33" s="413">
        <v>0</v>
      </c>
      <c r="AY33" s="102">
        <v>4</v>
      </c>
      <c r="AZ33" s="102">
        <v>0</v>
      </c>
      <c r="BA33" s="102">
        <v>1</v>
      </c>
      <c r="BB33" s="102">
        <v>1</v>
      </c>
      <c r="BC33" s="102">
        <v>1</v>
      </c>
      <c r="BD33" s="103">
        <v>7</v>
      </c>
      <c r="BE33" s="104">
        <v>7</v>
      </c>
      <c r="BF33" s="101">
        <v>1</v>
      </c>
      <c r="BG33" s="102">
        <v>1</v>
      </c>
      <c r="BH33" s="103">
        <v>2</v>
      </c>
      <c r="BI33" s="413">
        <v>0</v>
      </c>
      <c r="BJ33" s="102">
        <v>1</v>
      </c>
      <c r="BK33" s="102">
        <v>1</v>
      </c>
      <c r="BL33" s="102">
        <v>0</v>
      </c>
      <c r="BM33" s="102">
        <v>0</v>
      </c>
      <c r="BN33" s="102">
        <v>0</v>
      </c>
      <c r="BO33" s="103">
        <v>2</v>
      </c>
      <c r="BP33" s="104">
        <v>4</v>
      </c>
      <c r="BQ33" s="101">
        <v>1</v>
      </c>
      <c r="BR33" s="102">
        <v>1</v>
      </c>
      <c r="BS33" s="103">
        <v>2</v>
      </c>
      <c r="BT33" s="413">
        <v>0</v>
      </c>
      <c r="BU33" s="102">
        <v>2</v>
      </c>
      <c r="BV33" s="102">
        <v>2</v>
      </c>
      <c r="BW33" s="102">
        <v>4</v>
      </c>
      <c r="BX33" s="102">
        <v>3</v>
      </c>
      <c r="BY33" s="102">
        <v>0</v>
      </c>
      <c r="BZ33" s="103">
        <v>11</v>
      </c>
      <c r="CA33" s="104">
        <v>13</v>
      </c>
      <c r="CB33" s="101">
        <v>0</v>
      </c>
      <c r="CC33" s="102">
        <v>0</v>
      </c>
      <c r="CD33" s="103">
        <v>0</v>
      </c>
      <c r="CE33" s="413">
        <v>0</v>
      </c>
      <c r="CF33" s="102">
        <v>0</v>
      </c>
      <c r="CG33" s="102">
        <v>0</v>
      </c>
      <c r="CH33" s="102">
        <v>0</v>
      </c>
      <c r="CI33" s="102">
        <v>0</v>
      </c>
      <c r="CJ33" s="102">
        <v>0</v>
      </c>
      <c r="CK33" s="103">
        <v>0</v>
      </c>
      <c r="CL33" s="104">
        <v>0</v>
      </c>
      <c r="CM33" s="101">
        <v>3</v>
      </c>
      <c r="CN33" s="102">
        <v>2</v>
      </c>
      <c r="CO33" s="103">
        <v>5</v>
      </c>
      <c r="CP33" s="413">
        <v>0</v>
      </c>
      <c r="CQ33" s="102">
        <v>7</v>
      </c>
      <c r="CR33" s="102">
        <v>4</v>
      </c>
      <c r="CS33" s="102">
        <v>5</v>
      </c>
      <c r="CT33" s="102">
        <v>5</v>
      </c>
      <c r="CU33" s="102">
        <v>1</v>
      </c>
      <c r="CV33" s="103">
        <v>22</v>
      </c>
      <c r="CW33" s="104">
        <v>27</v>
      </c>
      <c r="CX33" s="105">
        <v>0</v>
      </c>
      <c r="CY33" s="97">
        <v>0</v>
      </c>
      <c r="CZ33" s="98">
        <v>0</v>
      </c>
      <c r="DA33" s="413">
        <v>0</v>
      </c>
      <c r="DB33" s="97">
        <v>0</v>
      </c>
      <c r="DC33" s="97">
        <v>2</v>
      </c>
      <c r="DD33" s="97">
        <v>0</v>
      </c>
      <c r="DE33" s="97">
        <v>3</v>
      </c>
      <c r="DF33" s="97">
        <v>1</v>
      </c>
      <c r="DG33" s="99">
        <v>6</v>
      </c>
      <c r="DH33" s="100">
        <v>6</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0</v>
      </c>
      <c r="DY33" s="102">
        <v>0</v>
      </c>
      <c r="DZ33" s="102">
        <v>0</v>
      </c>
      <c r="EA33" s="102">
        <v>0</v>
      </c>
      <c r="EB33" s="102">
        <v>0</v>
      </c>
      <c r="EC33" s="103">
        <v>0</v>
      </c>
      <c r="ED33" s="104">
        <v>0</v>
      </c>
      <c r="EE33" s="101">
        <v>0</v>
      </c>
      <c r="EF33" s="102">
        <v>0</v>
      </c>
      <c r="EG33" s="103">
        <v>0</v>
      </c>
      <c r="EH33" s="413">
        <v>0</v>
      </c>
      <c r="EI33" s="102">
        <v>0</v>
      </c>
      <c r="EJ33" s="102">
        <v>0</v>
      </c>
      <c r="EK33" s="102">
        <v>0</v>
      </c>
      <c r="EL33" s="102">
        <v>0</v>
      </c>
      <c r="EM33" s="102">
        <v>0</v>
      </c>
      <c r="EN33" s="103">
        <v>0</v>
      </c>
      <c r="EO33" s="104">
        <v>0</v>
      </c>
      <c r="EP33" s="101">
        <v>0</v>
      </c>
      <c r="EQ33" s="102">
        <v>0</v>
      </c>
      <c r="ER33" s="103">
        <v>0</v>
      </c>
      <c r="ES33" s="413">
        <v>0</v>
      </c>
      <c r="ET33" s="102">
        <v>0</v>
      </c>
      <c r="EU33" s="102">
        <v>1</v>
      </c>
      <c r="EV33" s="102">
        <v>0</v>
      </c>
      <c r="EW33" s="102">
        <v>0</v>
      </c>
      <c r="EX33" s="102">
        <v>0</v>
      </c>
      <c r="EY33" s="103">
        <v>1</v>
      </c>
      <c r="EZ33" s="104">
        <v>1</v>
      </c>
      <c r="FA33" s="101">
        <v>0</v>
      </c>
      <c r="FB33" s="102">
        <v>0</v>
      </c>
      <c r="FC33" s="103">
        <v>0</v>
      </c>
      <c r="FD33" s="413">
        <v>0</v>
      </c>
      <c r="FE33" s="102">
        <v>0</v>
      </c>
      <c r="FF33" s="102">
        <v>0</v>
      </c>
      <c r="FG33" s="102">
        <v>0</v>
      </c>
      <c r="FH33" s="102">
        <v>1</v>
      </c>
      <c r="FI33" s="102">
        <v>0</v>
      </c>
      <c r="FJ33" s="103">
        <v>1</v>
      </c>
      <c r="FK33" s="104">
        <v>1</v>
      </c>
      <c r="FL33" s="101">
        <v>0</v>
      </c>
      <c r="FM33" s="102">
        <v>0</v>
      </c>
      <c r="FN33" s="103">
        <v>0</v>
      </c>
      <c r="FO33" s="413">
        <v>0</v>
      </c>
      <c r="FP33" s="102">
        <v>0</v>
      </c>
      <c r="FQ33" s="102">
        <v>1</v>
      </c>
      <c r="FR33" s="102">
        <v>0</v>
      </c>
      <c r="FS33" s="102">
        <v>2</v>
      </c>
      <c r="FT33" s="102">
        <v>1</v>
      </c>
      <c r="FU33" s="103">
        <v>4</v>
      </c>
      <c r="FV33" s="104">
        <v>4</v>
      </c>
      <c r="FW33" s="101">
        <v>0</v>
      </c>
      <c r="FX33" s="102">
        <v>0</v>
      </c>
      <c r="FY33" s="103">
        <v>0</v>
      </c>
      <c r="FZ33" s="413">
        <v>0</v>
      </c>
      <c r="GA33" s="102">
        <v>0</v>
      </c>
      <c r="GB33" s="102">
        <v>0</v>
      </c>
      <c r="GC33" s="102">
        <v>0</v>
      </c>
      <c r="GD33" s="102">
        <v>0</v>
      </c>
      <c r="GE33" s="102">
        <v>0</v>
      </c>
      <c r="GF33" s="103">
        <v>0</v>
      </c>
      <c r="GG33" s="104">
        <v>0</v>
      </c>
      <c r="GH33" s="101">
        <v>0</v>
      </c>
      <c r="GI33" s="102">
        <v>0</v>
      </c>
      <c r="GJ33" s="103">
        <v>0</v>
      </c>
      <c r="GK33" s="413">
        <v>0</v>
      </c>
      <c r="GL33" s="102">
        <v>0</v>
      </c>
      <c r="GM33" s="102">
        <v>2</v>
      </c>
      <c r="GN33" s="102">
        <v>0</v>
      </c>
      <c r="GO33" s="102">
        <v>3</v>
      </c>
      <c r="GP33" s="102">
        <v>1</v>
      </c>
      <c r="GQ33" s="103">
        <v>6</v>
      </c>
      <c r="GR33" s="104">
        <v>6</v>
      </c>
      <c r="GS33" s="105">
        <v>3</v>
      </c>
      <c r="GT33" s="97">
        <v>2</v>
      </c>
      <c r="GU33" s="98">
        <v>5</v>
      </c>
      <c r="GV33" s="413">
        <v>0</v>
      </c>
      <c r="GW33" s="97">
        <v>7</v>
      </c>
      <c r="GX33" s="97">
        <v>6</v>
      </c>
      <c r="GY33" s="97">
        <v>5</v>
      </c>
      <c r="GZ33" s="97">
        <v>8</v>
      </c>
      <c r="HA33" s="97">
        <v>2</v>
      </c>
      <c r="HB33" s="99">
        <v>28</v>
      </c>
      <c r="HC33" s="100">
        <v>33</v>
      </c>
      <c r="HD33" s="101">
        <v>0</v>
      </c>
      <c r="HE33" s="102">
        <v>0</v>
      </c>
      <c r="HF33" s="103">
        <v>0</v>
      </c>
      <c r="HG33" s="413">
        <v>0</v>
      </c>
      <c r="HH33" s="102">
        <v>0</v>
      </c>
      <c r="HI33" s="102">
        <v>0</v>
      </c>
      <c r="HJ33" s="102">
        <v>0</v>
      </c>
      <c r="HK33" s="102">
        <v>0</v>
      </c>
      <c r="HL33" s="102">
        <v>0</v>
      </c>
      <c r="HM33" s="103">
        <v>0</v>
      </c>
      <c r="HN33" s="104">
        <v>0</v>
      </c>
      <c r="HO33" s="101">
        <v>0</v>
      </c>
      <c r="HP33" s="102">
        <v>0</v>
      </c>
      <c r="HQ33" s="103">
        <v>0</v>
      </c>
      <c r="HR33" s="413">
        <v>0</v>
      </c>
      <c r="HS33" s="102">
        <v>0</v>
      </c>
      <c r="HT33" s="102">
        <v>0</v>
      </c>
      <c r="HU33" s="102">
        <v>0</v>
      </c>
      <c r="HV33" s="102">
        <v>1</v>
      </c>
      <c r="HW33" s="102">
        <v>0</v>
      </c>
      <c r="HX33" s="103">
        <v>1</v>
      </c>
      <c r="HY33" s="104">
        <v>1</v>
      </c>
      <c r="HZ33" s="101">
        <v>1</v>
      </c>
      <c r="IA33" s="102">
        <v>0</v>
      </c>
      <c r="IB33" s="103">
        <v>1</v>
      </c>
      <c r="IC33" s="413">
        <v>0</v>
      </c>
      <c r="ID33" s="102">
        <v>0</v>
      </c>
      <c r="IE33" s="102">
        <v>1</v>
      </c>
      <c r="IF33" s="102">
        <v>0</v>
      </c>
      <c r="IG33" s="102">
        <v>0</v>
      </c>
      <c r="IH33" s="102">
        <v>0</v>
      </c>
      <c r="II33" s="103">
        <v>1</v>
      </c>
      <c r="IJ33" s="104">
        <v>2</v>
      </c>
      <c r="IK33" s="101">
        <v>0</v>
      </c>
      <c r="IL33" s="102">
        <v>0</v>
      </c>
      <c r="IM33" s="103">
        <v>0</v>
      </c>
      <c r="IN33" s="413">
        <v>0</v>
      </c>
      <c r="IO33" s="102">
        <v>4</v>
      </c>
      <c r="IP33" s="102">
        <v>1</v>
      </c>
      <c r="IQ33" s="102">
        <v>1</v>
      </c>
      <c r="IR33" s="102">
        <v>1</v>
      </c>
      <c r="IS33" s="102">
        <v>1</v>
      </c>
      <c r="IT33" s="103">
        <v>8</v>
      </c>
      <c r="IU33" s="104">
        <v>8</v>
      </c>
      <c r="IV33" s="101">
        <v>1</v>
      </c>
      <c r="IW33" s="102">
        <v>1</v>
      </c>
      <c r="IX33" s="103">
        <v>2</v>
      </c>
      <c r="IY33" s="413">
        <v>0</v>
      </c>
      <c r="IZ33" s="102">
        <v>1</v>
      </c>
      <c r="JA33" s="102">
        <v>1</v>
      </c>
      <c r="JB33" s="102">
        <v>0</v>
      </c>
      <c r="JC33" s="102">
        <v>1</v>
      </c>
      <c r="JD33" s="102">
        <v>0</v>
      </c>
      <c r="JE33" s="103">
        <v>3</v>
      </c>
      <c r="JF33" s="104">
        <v>5</v>
      </c>
      <c r="JG33" s="101">
        <v>1</v>
      </c>
      <c r="JH33" s="102">
        <v>1</v>
      </c>
      <c r="JI33" s="103">
        <v>2</v>
      </c>
      <c r="JJ33" s="413">
        <v>0</v>
      </c>
      <c r="JK33" s="102">
        <v>2</v>
      </c>
      <c r="JL33" s="102">
        <v>3</v>
      </c>
      <c r="JM33" s="102">
        <v>4</v>
      </c>
      <c r="JN33" s="102">
        <v>5</v>
      </c>
      <c r="JO33" s="102">
        <v>1</v>
      </c>
      <c r="JP33" s="103">
        <v>15</v>
      </c>
      <c r="JQ33" s="104">
        <v>17</v>
      </c>
      <c r="JR33" s="101">
        <v>0</v>
      </c>
      <c r="JS33" s="102">
        <v>0</v>
      </c>
      <c r="JT33" s="103">
        <v>0</v>
      </c>
      <c r="JU33" s="413">
        <v>0</v>
      </c>
      <c r="JV33" s="102">
        <v>0</v>
      </c>
      <c r="JW33" s="102">
        <v>0</v>
      </c>
      <c r="JX33" s="102">
        <v>0</v>
      </c>
      <c r="JY33" s="102">
        <v>0</v>
      </c>
      <c r="JZ33" s="102">
        <v>0</v>
      </c>
      <c r="KA33" s="103">
        <v>0</v>
      </c>
      <c r="KB33" s="104">
        <v>0</v>
      </c>
      <c r="KC33" s="101">
        <v>3</v>
      </c>
      <c r="KD33" s="102">
        <v>2</v>
      </c>
      <c r="KE33" s="103">
        <v>5</v>
      </c>
      <c r="KF33" s="413">
        <v>0</v>
      </c>
      <c r="KG33" s="102">
        <v>7</v>
      </c>
      <c r="KH33" s="102">
        <v>6</v>
      </c>
      <c r="KI33" s="102">
        <v>5</v>
      </c>
      <c r="KJ33" s="102">
        <v>8</v>
      </c>
      <c r="KK33" s="102">
        <v>2</v>
      </c>
      <c r="KL33" s="103">
        <v>28</v>
      </c>
      <c r="KM33" s="104">
        <v>33</v>
      </c>
    </row>
    <row r="34" spans="2:299" s="70" customFormat="1" ht="21" customHeight="1" x14ac:dyDescent="0.2">
      <c r="B34" s="106" t="s">
        <v>31</v>
      </c>
      <c r="C34" s="96">
        <v>5</v>
      </c>
      <c r="D34" s="97">
        <v>9</v>
      </c>
      <c r="E34" s="98">
        <v>14</v>
      </c>
      <c r="F34" s="413">
        <v>0</v>
      </c>
      <c r="G34" s="97">
        <v>6</v>
      </c>
      <c r="H34" s="97">
        <v>7</v>
      </c>
      <c r="I34" s="97">
        <v>5</v>
      </c>
      <c r="J34" s="97">
        <v>4</v>
      </c>
      <c r="K34" s="97">
        <v>0</v>
      </c>
      <c r="L34" s="99">
        <v>22</v>
      </c>
      <c r="M34" s="100">
        <v>36</v>
      </c>
      <c r="N34" s="101">
        <v>0</v>
      </c>
      <c r="O34" s="102">
        <v>0</v>
      </c>
      <c r="P34" s="103">
        <v>0</v>
      </c>
      <c r="Q34" s="413">
        <v>0</v>
      </c>
      <c r="R34" s="102">
        <v>0</v>
      </c>
      <c r="S34" s="102">
        <v>0</v>
      </c>
      <c r="T34" s="102">
        <v>0</v>
      </c>
      <c r="U34" s="102">
        <v>0</v>
      </c>
      <c r="V34" s="102">
        <v>0</v>
      </c>
      <c r="W34" s="103">
        <v>0</v>
      </c>
      <c r="X34" s="104">
        <v>0</v>
      </c>
      <c r="Y34" s="101">
        <v>1</v>
      </c>
      <c r="Z34" s="102">
        <v>0</v>
      </c>
      <c r="AA34" s="103">
        <v>1</v>
      </c>
      <c r="AB34" s="413">
        <v>0</v>
      </c>
      <c r="AC34" s="102">
        <v>1</v>
      </c>
      <c r="AD34" s="102">
        <v>0</v>
      </c>
      <c r="AE34" s="102">
        <v>0</v>
      </c>
      <c r="AF34" s="102">
        <v>1</v>
      </c>
      <c r="AG34" s="102">
        <v>0</v>
      </c>
      <c r="AH34" s="103">
        <v>2</v>
      </c>
      <c r="AI34" s="104">
        <v>3</v>
      </c>
      <c r="AJ34" s="101">
        <v>1</v>
      </c>
      <c r="AK34" s="102">
        <v>1</v>
      </c>
      <c r="AL34" s="103">
        <v>2</v>
      </c>
      <c r="AM34" s="413">
        <v>0</v>
      </c>
      <c r="AN34" s="102">
        <v>0</v>
      </c>
      <c r="AO34" s="102">
        <v>0</v>
      </c>
      <c r="AP34" s="102">
        <v>1</v>
      </c>
      <c r="AQ34" s="102">
        <v>0</v>
      </c>
      <c r="AR34" s="102">
        <v>0</v>
      </c>
      <c r="AS34" s="103">
        <v>1</v>
      </c>
      <c r="AT34" s="104">
        <v>3</v>
      </c>
      <c r="AU34" s="101">
        <v>1</v>
      </c>
      <c r="AV34" s="102">
        <v>1</v>
      </c>
      <c r="AW34" s="103">
        <v>2</v>
      </c>
      <c r="AX34" s="413">
        <v>0</v>
      </c>
      <c r="AY34" s="102">
        <v>2</v>
      </c>
      <c r="AZ34" s="102">
        <v>1</v>
      </c>
      <c r="BA34" s="102">
        <v>0</v>
      </c>
      <c r="BB34" s="102">
        <v>1</v>
      </c>
      <c r="BC34" s="102">
        <v>0</v>
      </c>
      <c r="BD34" s="103">
        <v>4</v>
      </c>
      <c r="BE34" s="104">
        <v>6</v>
      </c>
      <c r="BF34" s="101">
        <v>1</v>
      </c>
      <c r="BG34" s="102">
        <v>4</v>
      </c>
      <c r="BH34" s="103">
        <v>5</v>
      </c>
      <c r="BI34" s="413">
        <v>0</v>
      </c>
      <c r="BJ34" s="102">
        <v>2</v>
      </c>
      <c r="BK34" s="102">
        <v>5</v>
      </c>
      <c r="BL34" s="102">
        <v>1</v>
      </c>
      <c r="BM34" s="102">
        <v>1</v>
      </c>
      <c r="BN34" s="102">
        <v>0</v>
      </c>
      <c r="BO34" s="103">
        <v>9</v>
      </c>
      <c r="BP34" s="104">
        <v>14</v>
      </c>
      <c r="BQ34" s="101">
        <v>1</v>
      </c>
      <c r="BR34" s="102">
        <v>3</v>
      </c>
      <c r="BS34" s="103">
        <v>4</v>
      </c>
      <c r="BT34" s="413">
        <v>0</v>
      </c>
      <c r="BU34" s="102">
        <v>1</v>
      </c>
      <c r="BV34" s="102">
        <v>1</v>
      </c>
      <c r="BW34" s="102">
        <v>3</v>
      </c>
      <c r="BX34" s="102">
        <v>1</v>
      </c>
      <c r="BY34" s="102">
        <v>0</v>
      </c>
      <c r="BZ34" s="103">
        <v>6</v>
      </c>
      <c r="CA34" s="104">
        <v>10</v>
      </c>
      <c r="CB34" s="101">
        <v>0</v>
      </c>
      <c r="CC34" s="102">
        <v>0</v>
      </c>
      <c r="CD34" s="103">
        <v>0</v>
      </c>
      <c r="CE34" s="413">
        <v>0</v>
      </c>
      <c r="CF34" s="102">
        <v>0</v>
      </c>
      <c r="CG34" s="102">
        <v>0</v>
      </c>
      <c r="CH34" s="102">
        <v>0</v>
      </c>
      <c r="CI34" s="102">
        <v>0</v>
      </c>
      <c r="CJ34" s="102">
        <v>0</v>
      </c>
      <c r="CK34" s="103">
        <v>0</v>
      </c>
      <c r="CL34" s="104">
        <v>0</v>
      </c>
      <c r="CM34" s="101">
        <v>5</v>
      </c>
      <c r="CN34" s="102">
        <v>9</v>
      </c>
      <c r="CO34" s="103">
        <v>14</v>
      </c>
      <c r="CP34" s="413">
        <v>0</v>
      </c>
      <c r="CQ34" s="102">
        <v>6</v>
      </c>
      <c r="CR34" s="102">
        <v>7</v>
      </c>
      <c r="CS34" s="102">
        <v>5</v>
      </c>
      <c r="CT34" s="102">
        <v>4</v>
      </c>
      <c r="CU34" s="102">
        <v>0</v>
      </c>
      <c r="CV34" s="103">
        <v>22</v>
      </c>
      <c r="CW34" s="104">
        <v>36</v>
      </c>
      <c r="CX34" s="105">
        <v>1</v>
      </c>
      <c r="CY34" s="97">
        <v>0</v>
      </c>
      <c r="CZ34" s="98">
        <v>1</v>
      </c>
      <c r="DA34" s="413">
        <v>0</v>
      </c>
      <c r="DB34" s="97">
        <v>3</v>
      </c>
      <c r="DC34" s="97">
        <v>2</v>
      </c>
      <c r="DD34" s="97">
        <v>0</v>
      </c>
      <c r="DE34" s="97">
        <v>0</v>
      </c>
      <c r="DF34" s="97">
        <v>2</v>
      </c>
      <c r="DG34" s="99">
        <v>7</v>
      </c>
      <c r="DH34" s="100">
        <v>8</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0</v>
      </c>
      <c r="EA34" s="102">
        <v>0</v>
      </c>
      <c r="EB34" s="102">
        <v>0</v>
      </c>
      <c r="EC34" s="103">
        <v>0</v>
      </c>
      <c r="ED34" s="104">
        <v>0</v>
      </c>
      <c r="EE34" s="101">
        <v>0</v>
      </c>
      <c r="EF34" s="102">
        <v>0</v>
      </c>
      <c r="EG34" s="103">
        <v>0</v>
      </c>
      <c r="EH34" s="413">
        <v>0</v>
      </c>
      <c r="EI34" s="102">
        <v>0</v>
      </c>
      <c r="EJ34" s="102">
        <v>0</v>
      </c>
      <c r="EK34" s="102">
        <v>0</v>
      </c>
      <c r="EL34" s="102">
        <v>0</v>
      </c>
      <c r="EM34" s="102">
        <v>0</v>
      </c>
      <c r="EN34" s="103">
        <v>0</v>
      </c>
      <c r="EO34" s="104">
        <v>0</v>
      </c>
      <c r="EP34" s="101">
        <v>1</v>
      </c>
      <c r="EQ34" s="102">
        <v>0</v>
      </c>
      <c r="ER34" s="103">
        <v>1</v>
      </c>
      <c r="ES34" s="413">
        <v>0</v>
      </c>
      <c r="ET34" s="102">
        <v>0</v>
      </c>
      <c r="EU34" s="102">
        <v>1</v>
      </c>
      <c r="EV34" s="102">
        <v>0</v>
      </c>
      <c r="EW34" s="102">
        <v>0</v>
      </c>
      <c r="EX34" s="102">
        <v>0</v>
      </c>
      <c r="EY34" s="103">
        <v>1</v>
      </c>
      <c r="EZ34" s="104">
        <v>2</v>
      </c>
      <c r="FA34" s="101">
        <v>0</v>
      </c>
      <c r="FB34" s="102">
        <v>0</v>
      </c>
      <c r="FC34" s="103">
        <v>0</v>
      </c>
      <c r="FD34" s="413">
        <v>0</v>
      </c>
      <c r="FE34" s="102">
        <v>0</v>
      </c>
      <c r="FF34" s="102">
        <v>0</v>
      </c>
      <c r="FG34" s="102">
        <v>0</v>
      </c>
      <c r="FH34" s="102">
        <v>0</v>
      </c>
      <c r="FI34" s="102">
        <v>0</v>
      </c>
      <c r="FJ34" s="103">
        <v>0</v>
      </c>
      <c r="FK34" s="104">
        <v>0</v>
      </c>
      <c r="FL34" s="101">
        <v>0</v>
      </c>
      <c r="FM34" s="102">
        <v>0</v>
      </c>
      <c r="FN34" s="103">
        <v>0</v>
      </c>
      <c r="FO34" s="413">
        <v>0</v>
      </c>
      <c r="FP34" s="102">
        <v>3</v>
      </c>
      <c r="FQ34" s="102">
        <v>1</v>
      </c>
      <c r="FR34" s="102">
        <v>0</v>
      </c>
      <c r="FS34" s="102">
        <v>0</v>
      </c>
      <c r="FT34" s="102">
        <v>2</v>
      </c>
      <c r="FU34" s="103">
        <v>6</v>
      </c>
      <c r="FV34" s="104">
        <v>6</v>
      </c>
      <c r="FW34" s="101">
        <v>0</v>
      </c>
      <c r="FX34" s="102">
        <v>0</v>
      </c>
      <c r="FY34" s="103">
        <v>0</v>
      </c>
      <c r="FZ34" s="413">
        <v>0</v>
      </c>
      <c r="GA34" s="102">
        <v>0</v>
      </c>
      <c r="GB34" s="102">
        <v>0</v>
      </c>
      <c r="GC34" s="102">
        <v>0</v>
      </c>
      <c r="GD34" s="102">
        <v>0</v>
      </c>
      <c r="GE34" s="102">
        <v>0</v>
      </c>
      <c r="GF34" s="103">
        <v>0</v>
      </c>
      <c r="GG34" s="104">
        <v>0</v>
      </c>
      <c r="GH34" s="101">
        <v>1</v>
      </c>
      <c r="GI34" s="102">
        <v>0</v>
      </c>
      <c r="GJ34" s="103">
        <v>1</v>
      </c>
      <c r="GK34" s="413">
        <v>0</v>
      </c>
      <c r="GL34" s="102">
        <v>3</v>
      </c>
      <c r="GM34" s="102">
        <v>2</v>
      </c>
      <c r="GN34" s="102">
        <v>0</v>
      </c>
      <c r="GO34" s="102">
        <v>0</v>
      </c>
      <c r="GP34" s="102">
        <v>2</v>
      </c>
      <c r="GQ34" s="103">
        <v>7</v>
      </c>
      <c r="GR34" s="104">
        <v>8</v>
      </c>
      <c r="GS34" s="105">
        <v>6</v>
      </c>
      <c r="GT34" s="97">
        <v>9</v>
      </c>
      <c r="GU34" s="98">
        <v>15</v>
      </c>
      <c r="GV34" s="413">
        <v>0</v>
      </c>
      <c r="GW34" s="97">
        <v>9</v>
      </c>
      <c r="GX34" s="97">
        <v>9</v>
      </c>
      <c r="GY34" s="97">
        <v>5</v>
      </c>
      <c r="GZ34" s="97">
        <v>4</v>
      </c>
      <c r="HA34" s="97">
        <v>2</v>
      </c>
      <c r="HB34" s="99">
        <v>29</v>
      </c>
      <c r="HC34" s="100">
        <v>44</v>
      </c>
      <c r="HD34" s="101">
        <v>0</v>
      </c>
      <c r="HE34" s="102">
        <v>0</v>
      </c>
      <c r="HF34" s="103">
        <v>0</v>
      </c>
      <c r="HG34" s="413">
        <v>0</v>
      </c>
      <c r="HH34" s="102">
        <v>0</v>
      </c>
      <c r="HI34" s="102">
        <v>0</v>
      </c>
      <c r="HJ34" s="102">
        <v>0</v>
      </c>
      <c r="HK34" s="102">
        <v>0</v>
      </c>
      <c r="HL34" s="102">
        <v>0</v>
      </c>
      <c r="HM34" s="103">
        <v>0</v>
      </c>
      <c r="HN34" s="104">
        <v>0</v>
      </c>
      <c r="HO34" s="101">
        <v>1</v>
      </c>
      <c r="HP34" s="102">
        <v>0</v>
      </c>
      <c r="HQ34" s="103">
        <v>1</v>
      </c>
      <c r="HR34" s="413">
        <v>0</v>
      </c>
      <c r="HS34" s="102">
        <v>1</v>
      </c>
      <c r="HT34" s="102">
        <v>0</v>
      </c>
      <c r="HU34" s="102">
        <v>0</v>
      </c>
      <c r="HV34" s="102">
        <v>1</v>
      </c>
      <c r="HW34" s="102">
        <v>0</v>
      </c>
      <c r="HX34" s="103">
        <v>2</v>
      </c>
      <c r="HY34" s="104">
        <v>3</v>
      </c>
      <c r="HZ34" s="101">
        <v>1</v>
      </c>
      <c r="IA34" s="102">
        <v>1</v>
      </c>
      <c r="IB34" s="103">
        <v>2</v>
      </c>
      <c r="IC34" s="413">
        <v>0</v>
      </c>
      <c r="ID34" s="102">
        <v>0</v>
      </c>
      <c r="IE34" s="102">
        <v>0</v>
      </c>
      <c r="IF34" s="102">
        <v>1</v>
      </c>
      <c r="IG34" s="102">
        <v>0</v>
      </c>
      <c r="IH34" s="102">
        <v>0</v>
      </c>
      <c r="II34" s="103">
        <v>1</v>
      </c>
      <c r="IJ34" s="104">
        <v>3</v>
      </c>
      <c r="IK34" s="101">
        <v>2</v>
      </c>
      <c r="IL34" s="102">
        <v>1</v>
      </c>
      <c r="IM34" s="103">
        <v>3</v>
      </c>
      <c r="IN34" s="413">
        <v>0</v>
      </c>
      <c r="IO34" s="102">
        <v>2</v>
      </c>
      <c r="IP34" s="102">
        <v>2</v>
      </c>
      <c r="IQ34" s="102">
        <v>0</v>
      </c>
      <c r="IR34" s="102">
        <v>1</v>
      </c>
      <c r="IS34" s="102">
        <v>0</v>
      </c>
      <c r="IT34" s="103">
        <v>5</v>
      </c>
      <c r="IU34" s="104">
        <v>8</v>
      </c>
      <c r="IV34" s="101">
        <v>1</v>
      </c>
      <c r="IW34" s="102">
        <v>4</v>
      </c>
      <c r="IX34" s="103">
        <v>5</v>
      </c>
      <c r="IY34" s="413">
        <v>0</v>
      </c>
      <c r="IZ34" s="102">
        <v>2</v>
      </c>
      <c r="JA34" s="102">
        <v>5</v>
      </c>
      <c r="JB34" s="102">
        <v>1</v>
      </c>
      <c r="JC34" s="102">
        <v>1</v>
      </c>
      <c r="JD34" s="102">
        <v>0</v>
      </c>
      <c r="JE34" s="103">
        <v>9</v>
      </c>
      <c r="JF34" s="104">
        <v>14</v>
      </c>
      <c r="JG34" s="101">
        <v>1</v>
      </c>
      <c r="JH34" s="102">
        <v>3</v>
      </c>
      <c r="JI34" s="103">
        <v>4</v>
      </c>
      <c r="JJ34" s="413">
        <v>0</v>
      </c>
      <c r="JK34" s="102">
        <v>4</v>
      </c>
      <c r="JL34" s="102">
        <v>2</v>
      </c>
      <c r="JM34" s="102">
        <v>3</v>
      </c>
      <c r="JN34" s="102">
        <v>1</v>
      </c>
      <c r="JO34" s="102">
        <v>2</v>
      </c>
      <c r="JP34" s="103">
        <v>12</v>
      </c>
      <c r="JQ34" s="104">
        <v>16</v>
      </c>
      <c r="JR34" s="101">
        <v>0</v>
      </c>
      <c r="JS34" s="102">
        <v>0</v>
      </c>
      <c r="JT34" s="103">
        <v>0</v>
      </c>
      <c r="JU34" s="413">
        <v>0</v>
      </c>
      <c r="JV34" s="102">
        <v>0</v>
      </c>
      <c r="JW34" s="102">
        <v>0</v>
      </c>
      <c r="JX34" s="102">
        <v>0</v>
      </c>
      <c r="JY34" s="102">
        <v>0</v>
      </c>
      <c r="JZ34" s="102">
        <v>0</v>
      </c>
      <c r="KA34" s="103">
        <v>0</v>
      </c>
      <c r="KB34" s="104">
        <v>0</v>
      </c>
      <c r="KC34" s="101">
        <v>6</v>
      </c>
      <c r="KD34" s="102">
        <v>9</v>
      </c>
      <c r="KE34" s="103">
        <v>15</v>
      </c>
      <c r="KF34" s="413">
        <v>0</v>
      </c>
      <c r="KG34" s="102">
        <v>9</v>
      </c>
      <c r="KH34" s="102">
        <v>9</v>
      </c>
      <c r="KI34" s="102">
        <v>5</v>
      </c>
      <c r="KJ34" s="102">
        <v>4</v>
      </c>
      <c r="KK34" s="102">
        <v>2</v>
      </c>
      <c r="KL34" s="103">
        <v>29</v>
      </c>
      <c r="KM34" s="104">
        <v>44</v>
      </c>
    </row>
    <row r="35" spans="2:299" s="70" customFormat="1" ht="21" customHeight="1" x14ac:dyDescent="0.2">
      <c r="B35" s="106" t="s">
        <v>32</v>
      </c>
      <c r="C35" s="96">
        <v>7</v>
      </c>
      <c r="D35" s="97">
        <v>3</v>
      </c>
      <c r="E35" s="98">
        <v>10</v>
      </c>
      <c r="F35" s="413">
        <v>0</v>
      </c>
      <c r="G35" s="97">
        <v>17</v>
      </c>
      <c r="H35" s="97">
        <v>11</v>
      </c>
      <c r="I35" s="97">
        <v>5</v>
      </c>
      <c r="J35" s="97">
        <v>3</v>
      </c>
      <c r="K35" s="97">
        <v>0</v>
      </c>
      <c r="L35" s="99">
        <v>36</v>
      </c>
      <c r="M35" s="100">
        <v>46</v>
      </c>
      <c r="N35" s="101">
        <v>0</v>
      </c>
      <c r="O35" s="102">
        <v>0</v>
      </c>
      <c r="P35" s="103">
        <v>0</v>
      </c>
      <c r="Q35" s="413">
        <v>0</v>
      </c>
      <c r="R35" s="102">
        <v>0</v>
      </c>
      <c r="S35" s="102">
        <v>0</v>
      </c>
      <c r="T35" s="102">
        <v>0</v>
      </c>
      <c r="U35" s="102">
        <v>0</v>
      </c>
      <c r="V35" s="102">
        <v>0</v>
      </c>
      <c r="W35" s="103">
        <v>0</v>
      </c>
      <c r="X35" s="104">
        <v>0</v>
      </c>
      <c r="Y35" s="101">
        <v>1</v>
      </c>
      <c r="Z35" s="102">
        <v>0</v>
      </c>
      <c r="AA35" s="103">
        <v>1</v>
      </c>
      <c r="AB35" s="413">
        <v>0</v>
      </c>
      <c r="AC35" s="102">
        <v>0</v>
      </c>
      <c r="AD35" s="102">
        <v>0</v>
      </c>
      <c r="AE35" s="102">
        <v>0</v>
      </c>
      <c r="AF35" s="102">
        <v>0</v>
      </c>
      <c r="AG35" s="102">
        <v>0</v>
      </c>
      <c r="AH35" s="103">
        <v>0</v>
      </c>
      <c r="AI35" s="104">
        <v>1</v>
      </c>
      <c r="AJ35" s="101">
        <v>0</v>
      </c>
      <c r="AK35" s="102">
        <v>0</v>
      </c>
      <c r="AL35" s="103">
        <v>0</v>
      </c>
      <c r="AM35" s="413">
        <v>0</v>
      </c>
      <c r="AN35" s="102">
        <v>0</v>
      </c>
      <c r="AO35" s="102">
        <v>2</v>
      </c>
      <c r="AP35" s="102">
        <v>0</v>
      </c>
      <c r="AQ35" s="102">
        <v>0</v>
      </c>
      <c r="AR35" s="102">
        <v>0</v>
      </c>
      <c r="AS35" s="103">
        <v>2</v>
      </c>
      <c r="AT35" s="104">
        <v>2</v>
      </c>
      <c r="AU35" s="101">
        <v>2</v>
      </c>
      <c r="AV35" s="102">
        <v>0</v>
      </c>
      <c r="AW35" s="103">
        <v>2</v>
      </c>
      <c r="AX35" s="413">
        <v>0</v>
      </c>
      <c r="AY35" s="102">
        <v>5</v>
      </c>
      <c r="AZ35" s="102">
        <v>2</v>
      </c>
      <c r="BA35" s="102">
        <v>2</v>
      </c>
      <c r="BB35" s="102">
        <v>0</v>
      </c>
      <c r="BC35" s="102">
        <v>0</v>
      </c>
      <c r="BD35" s="103">
        <v>9</v>
      </c>
      <c r="BE35" s="104">
        <v>11</v>
      </c>
      <c r="BF35" s="101">
        <v>1</v>
      </c>
      <c r="BG35" s="102">
        <v>2</v>
      </c>
      <c r="BH35" s="103">
        <v>3</v>
      </c>
      <c r="BI35" s="413">
        <v>0</v>
      </c>
      <c r="BJ35" s="102">
        <v>8</v>
      </c>
      <c r="BK35" s="102">
        <v>2</v>
      </c>
      <c r="BL35" s="102">
        <v>2</v>
      </c>
      <c r="BM35" s="102">
        <v>2</v>
      </c>
      <c r="BN35" s="102">
        <v>0</v>
      </c>
      <c r="BO35" s="103">
        <v>14</v>
      </c>
      <c r="BP35" s="104">
        <v>17</v>
      </c>
      <c r="BQ35" s="101">
        <v>3</v>
      </c>
      <c r="BR35" s="102">
        <v>1</v>
      </c>
      <c r="BS35" s="103">
        <v>4</v>
      </c>
      <c r="BT35" s="413">
        <v>0</v>
      </c>
      <c r="BU35" s="102">
        <v>4</v>
      </c>
      <c r="BV35" s="102">
        <v>5</v>
      </c>
      <c r="BW35" s="102">
        <v>1</v>
      </c>
      <c r="BX35" s="102">
        <v>1</v>
      </c>
      <c r="BY35" s="102">
        <v>0</v>
      </c>
      <c r="BZ35" s="103">
        <v>11</v>
      </c>
      <c r="CA35" s="104">
        <v>15</v>
      </c>
      <c r="CB35" s="101">
        <v>0</v>
      </c>
      <c r="CC35" s="102">
        <v>0</v>
      </c>
      <c r="CD35" s="103">
        <v>0</v>
      </c>
      <c r="CE35" s="413">
        <v>0</v>
      </c>
      <c r="CF35" s="102">
        <v>0</v>
      </c>
      <c r="CG35" s="102">
        <v>0</v>
      </c>
      <c r="CH35" s="102">
        <v>0</v>
      </c>
      <c r="CI35" s="102">
        <v>0</v>
      </c>
      <c r="CJ35" s="102">
        <v>0</v>
      </c>
      <c r="CK35" s="103">
        <v>0</v>
      </c>
      <c r="CL35" s="104">
        <v>0</v>
      </c>
      <c r="CM35" s="101">
        <v>7</v>
      </c>
      <c r="CN35" s="102">
        <v>3</v>
      </c>
      <c r="CO35" s="103">
        <v>10</v>
      </c>
      <c r="CP35" s="413">
        <v>0</v>
      </c>
      <c r="CQ35" s="102">
        <v>17</v>
      </c>
      <c r="CR35" s="102">
        <v>11</v>
      </c>
      <c r="CS35" s="102">
        <v>5</v>
      </c>
      <c r="CT35" s="102">
        <v>3</v>
      </c>
      <c r="CU35" s="102">
        <v>0</v>
      </c>
      <c r="CV35" s="103">
        <v>36</v>
      </c>
      <c r="CW35" s="104">
        <v>46</v>
      </c>
      <c r="CX35" s="105">
        <v>0</v>
      </c>
      <c r="CY35" s="97">
        <v>0</v>
      </c>
      <c r="CZ35" s="98">
        <v>0</v>
      </c>
      <c r="DA35" s="413">
        <v>0</v>
      </c>
      <c r="DB35" s="97">
        <v>0</v>
      </c>
      <c r="DC35" s="97">
        <v>2</v>
      </c>
      <c r="DD35" s="97">
        <v>1</v>
      </c>
      <c r="DE35" s="97">
        <v>2</v>
      </c>
      <c r="DF35" s="97">
        <v>1</v>
      </c>
      <c r="DG35" s="99">
        <v>6</v>
      </c>
      <c r="DH35" s="100">
        <v>6</v>
      </c>
      <c r="DI35" s="101">
        <v>0</v>
      </c>
      <c r="DJ35" s="102">
        <v>0</v>
      </c>
      <c r="DK35" s="103">
        <v>0</v>
      </c>
      <c r="DL35" s="413">
        <v>0</v>
      </c>
      <c r="DM35" s="102">
        <v>0</v>
      </c>
      <c r="DN35" s="102">
        <v>0</v>
      </c>
      <c r="DO35" s="102">
        <v>0</v>
      </c>
      <c r="DP35" s="102">
        <v>0</v>
      </c>
      <c r="DQ35" s="102">
        <v>0</v>
      </c>
      <c r="DR35" s="103">
        <v>0</v>
      </c>
      <c r="DS35" s="104">
        <v>0</v>
      </c>
      <c r="DT35" s="101">
        <v>0</v>
      </c>
      <c r="DU35" s="102">
        <v>0</v>
      </c>
      <c r="DV35" s="103">
        <v>0</v>
      </c>
      <c r="DW35" s="413">
        <v>0</v>
      </c>
      <c r="DX35" s="102">
        <v>0</v>
      </c>
      <c r="DY35" s="102">
        <v>0</v>
      </c>
      <c r="DZ35" s="102">
        <v>0</v>
      </c>
      <c r="EA35" s="102">
        <v>0</v>
      </c>
      <c r="EB35" s="102">
        <v>0</v>
      </c>
      <c r="EC35" s="103">
        <v>0</v>
      </c>
      <c r="ED35" s="104">
        <v>0</v>
      </c>
      <c r="EE35" s="101">
        <v>0</v>
      </c>
      <c r="EF35" s="102">
        <v>0</v>
      </c>
      <c r="EG35" s="103">
        <v>0</v>
      </c>
      <c r="EH35" s="413">
        <v>0</v>
      </c>
      <c r="EI35" s="102">
        <v>0</v>
      </c>
      <c r="EJ35" s="102">
        <v>0</v>
      </c>
      <c r="EK35" s="102">
        <v>0</v>
      </c>
      <c r="EL35" s="102">
        <v>0</v>
      </c>
      <c r="EM35" s="102">
        <v>0</v>
      </c>
      <c r="EN35" s="103">
        <v>0</v>
      </c>
      <c r="EO35" s="104">
        <v>0</v>
      </c>
      <c r="EP35" s="101">
        <v>0</v>
      </c>
      <c r="EQ35" s="102">
        <v>0</v>
      </c>
      <c r="ER35" s="103">
        <v>0</v>
      </c>
      <c r="ES35" s="413">
        <v>0</v>
      </c>
      <c r="ET35" s="102">
        <v>0</v>
      </c>
      <c r="EU35" s="102">
        <v>1</v>
      </c>
      <c r="EV35" s="102">
        <v>0</v>
      </c>
      <c r="EW35" s="102">
        <v>0</v>
      </c>
      <c r="EX35" s="102">
        <v>0</v>
      </c>
      <c r="EY35" s="103">
        <v>1</v>
      </c>
      <c r="EZ35" s="104">
        <v>1</v>
      </c>
      <c r="FA35" s="101">
        <v>0</v>
      </c>
      <c r="FB35" s="102">
        <v>0</v>
      </c>
      <c r="FC35" s="103">
        <v>0</v>
      </c>
      <c r="FD35" s="413">
        <v>0</v>
      </c>
      <c r="FE35" s="102">
        <v>0</v>
      </c>
      <c r="FF35" s="102">
        <v>0</v>
      </c>
      <c r="FG35" s="102">
        <v>1</v>
      </c>
      <c r="FH35" s="102">
        <v>1</v>
      </c>
      <c r="FI35" s="102">
        <v>0</v>
      </c>
      <c r="FJ35" s="103">
        <v>2</v>
      </c>
      <c r="FK35" s="104">
        <v>2</v>
      </c>
      <c r="FL35" s="101">
        <v>0</v>
      </c>
      <c r="FM35" s="102">
        <v>0</v>
      </c>
      <c r="FN35" s="103">
        <v>0</v>
      </c>
      <c r="FO35" s="413">
        <v>0</v>
      </c>
      <c r="FP35" s="102">
        <v>0</v>
      </c>
      <c r="FQ35" s="102">
        <v>1</v>
      </c>
      <c r="FR35" s="102">
        <v>0</v>
      </c>
      <c r="FS35" s="102">
        <v>1</v>
      </c>
      <c r="FT35" s="102">
        <v>1</v>
      </c>
      <c r="FU35" s="103">
        <v>3</v>
      </c>
      <c r="FV35" s="104">
        <v>3</v>
      </c>
      <c r="FW35" s="101">
        <v>0</v>
      </c>
      <c r="FX35" s="102">
        <v>0</v>
      </c>
      <c r="FY35" s="103">
        <v>0</v>
      </c>
      <c r="FZ35" s="413">
        <v>0</v>
      </c>
      <c r="GA35" s="102">
        <v>0</v>
      </c>
      <c r="GB35" s="102">
        <v>0</v>
      </c>
      <c r="GC35" s="102">
        <v>0</v>
      </c>
      <c r="GD35" s="102">
        <v>0</v>
      </c>
      <c r="GE35" s="102">
        <v>0</v>
      </c>
      <c r="GF35" s="103">
        <v>0</v>
      </c>
      <c r="GG35" s="104">
        <v>0</v>
      </c>
      <c r="GH35" s="101">
        <v>0</v>
      </c>
      <c r="GI35" s="102">
        <v>0</v>
      </c>
      <c r="GJ35" s="103">
        <v>0</v>
      </c>
      <c r="GK35" s="413">
        <v>0</v>
      </c>
      <c r="GL35" s="102">
        <v>0</v>
      </c>
      <c r="GM35" s="102">
        <v>2</v>
      </c>
      <c r="GN35" s="102">
        <v>1</v>
      </c>
      <c r="GO35" s="102">
        <v>2</v>
      </c>
      <c r="GP35" s="102">
        <v>1</v>
      </c>
      <c r="GQ35" s="103">
        <v>6</v>
      </c>
      <c r="GR35" s="104">
        <v>6</v>
      </c>
      <c r="GS35" s="105">
        <v>7</v>
      </c>
      <c r="GT35" s="97">
        <v>3</v>
      </c>
      <c r="GU35" s="98">
        <v>10</v>
      </c>
      <c r="GV35" s="413">
        <v>0</v>
      </c>
      <c r="GW35" s="97">
        <v>17</v>
      </c>
      <c r="GX35" s="97">
        <v>13</v>
      </c>
      <c r="GY35" s="97">
        <v>6</v>
      </c>
      <c r="GZ35" s="97">
        <v>5</v>
      </c>
      <c r="HA35" s="97">
        <v>1</v>
      </c>
      <c r="HB35" s="99">
        <v>42</v>
      </c>
      <c r="HC35" s="100">
        <v>52</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0</v>
      </c>
      <c r="HT35" s="102">
        <v>0</v>
      </c>
      <c r="HU35" s="102">
        <v>0</v>
      </c>
      <c r="HV35" s="102">
        <v>0</v>
      </c>
      <c r="HW35" s="102">
        <v>0</v>
      </c>
      <c r="HX35" s="103">
        <v>0</v>
      </c>
      <c r="HY35" s="104">
        <v>1</v>
      </c>
      <c r="HZ35" s="101">
        <v>0</v>
      </c>
      <c r="IA35" s="102">
        <v>0</v>
      </c>
      <c r="IB35" s="103">
        <v>0</v>
      </c>
      <c r="IC35" s="413">
        <v>0</v>
      </c>
      <c r="ID35" s="102">
        <v>0</v>
      </c>
      <c r="IE35" s="102">
        <v>2</v>
      </c>
      <c r="IF35" s="102">
        <v>0</v>
      </c>
      <c r="IG35" s="102">
        <v>0</v>
      </c>
      <c r="IH35" s="102">
        <v>0</v>
      </c>
      <c r="II35" s="103">
        <v>2</v>
      </c>
      <c r="IJ35" s="104">
        <v>2</v>
      </c>
      <c r="IK35" s="101">
        <v>2</v>
      </c>
      <c r="IL35" s="102">
        <v>0</v>
      </c>
      <c r="IM35" s="103">
        <v>2</v>
      </c>
      <c r="IN35" s="413">
        <v>0</v>
      </c>
      <c r="IO35" s="102">
        <v>5</v>
      </c>
      <c r="IP35" s="102">
        <v>3</v>
      </c>
      <c r="IQ35" s="102">
        <v>2</v>
      </c>
      <c r="IR35" s="102">
        <v>0</v>
      </c>
      <c r="IS35" s="102">
        <v>0</v>
      </c>
      <c r="IT35" s="103">
        <v>10</v>
      </c>
      <c r="IU35" s="104">
        <v>12</v>
      </c>
      <c r="IV35" s="101">
        <v>1</v>
      </c>
      <c r="IW35" s="102">
        <v>2</v>
      </c>
      <c r="IX35" s="103">
        <v>3</v>
      </c>
      <c r="IY35" s="413">
        <v>0</v>
      </c>
      <c r="IZ35" s="102">
        <v>8</v>
      </c>
      <c r="JA35" s="102">
        <v>2</v>
      </c>
      <c r="JB35" s="102">
        <v>3</v>
      </c>
      <c r="JC35" s="102">
        <v>3</v>
      </c>
      <c r="JD35" s="102">
        <v>0</v>
      </c>
      <c r="JE35" s="103">
        <v>16</v>
      </c>
      <c r="JF35" s="104">
        <v>19</v>
      </c>
      <c r="JG35" s="101">
        <v>3</v>
      </c>
      <c r="JH35" s="102">
        <v>1</v>
      </c>
      <c r="JI35" s="103">
        <v>4</v>
      </c>
      <c r="JJ35" s="413">
        <v>0</v>
      </c>
      <c r="JK35" s="102">
        <v>4</v>
      </c>
      <c r="JL35" s="102">
        <v>6</v>
      </c>
      <c r="JM35" s="102">
        <v>1</v>
      </c>
      <c r="JN35" s="102">
        <v>2</v>
      </c>
      <c r="JO35" s="102">
        <v>1</v>
      </c>
      <c r="JP35" s="103">
        <v>14</v>
      </c>
      <c r="JQ35" s="104">
        <v>18</v>
      </c>
      <c r="JR35" s="101">
        <v>0</v>
      </c>
      <c r="JS35" s="102">
        <v>0</v>
      </c>
      <c r="JT35" s="103">
        <v>0</v>
      </c>
      <c r="JU35" s="413">
        <v>0</v>
      </c>
      <c r="JV35" s="102">
        <v>0</v>
      </c>
      <c r="JW35" s="102">
        <v>0</v>
      </c>
      <c r="JX35" s="102">
        <v>0</v>
      </c>
      <c r="JY35" s="102">
        <v>0</v>
      </c>
      <c r="JZ35" s="102">
        <v>0</v>
      </c>
      <c r="KA35" s="103">
        <v>0</v>
      </c>
      <c r="KB35" s="104">
        <v>0</v>
      </c>
      <c r="KC35" s="101">
        <v>7</v>
      </c>
      <c r="KD35" s="102">
        <v>3</v>
      </c>
      <c r="KE35" s="103">
        <v>10</v>
      </c>
      <c r="KF35" s="413">
        <v>0</v>
      </c>
      <c r="KG35" s="102">
        <v>17</v>
      </c>
      <c r="KH35" s="102">
        <v>13</v>
      </c>
      <c r="KI35" s="102">
        <v>6</v>
      </c>
      <c r="KJ35" s="102">
        <v>5</v>
      </c>
      <c r="KK35" s="102">
        <v>1</v>
      </c>
      <c r="KL35" s="103">
        <v>42</v>
      </c>
      <c r="KM35" s="104">
        <v>52</v>
      </c>
    </row>
    <row r="36" spans="2:299" s="70" customFormat="1" ht="21" customHeight="1" x14ac:dyDescent="0.2">
      <c r="B36" s="106" t="s">
        <v>33</v>
      </c>
      <c r="C36" s="96">
        <v>4</v>
      </c>
      <c r="D36" s="97">
        <v>2</v>
      </c>
      <c r="E36" s="98">
        <v>6</v>
      </c>
      <c r="F36" s="413">
        <v>0</v>
      </c>
      <c r="G36" s="97">
        <v>6</v>
      </c>
      <c r="H36" s="97">
        <v>1</v>
      </c>
      <c r="I36" s="97">
        <v>4</v>
      </c>
      <c r="J36" s="97">
        <v>1</v>
      </c>
      <c r="K36" s="97">
        <v>1</v>
      </c>
      <c r="L36" s="99">
        <v>13</v>
      </c>
      <c r="M36" s="100">
        <v>19</v>
      </c>
      <c r="N36" s="101">
        <v>0</v>
      </c>
      <c r="O36" s="102">
        <v>0</v>
      </c>
      <c r="P36" s="103">
        <v>0</v>
      </c>
      <c r="Q36" s="413">
        <v>0</v>
      </c>
      <c r="R36" s="102">
        <v>0</v>
      </c>
      <c r="S36" s="102">
        <v>0</v>
      </c>
      <c r="T36" s="102">
        <v>0</v>
      </c>
      <c r="U36" s="102">
        <v>0</v>
      </c>
      <c r="V36" s="102">
        <v>0</v>
      </c>
      <c r="W36" s="103">
        <v>0</v>
      </c>
      <c r="X36" s="104">
        <v>0</v>
      </c>
      <c r="Y36" s="101">
        <v>0</v>
      </c>
      <c r="Z36" s="102">
        <v>0</v>
      </c>
      <c r="AA36" s="103">
        <v>0</v>
      </c>
      <c r="AB36" s="413">
        <v>0</v>
      </c>
      <c r="AC36" s="102">
        <v>0</v>
      </c>
      <c r="AD36" s="102">
        <v>0</v>
      </c>
      <c r="AE36" s="102">
        <v>0</v>
      </c>
      <c r="AF36" s="102">
        <v>0</v>
      </c>
      <c r="AG36" s="102">
        <v>0</v>
      </c>
      <c r="AH36" s="103">
        <v>0</v>
      </c>
      <c r="AI36" s="104">
        <v>0</v>
      </c>
      <c r="AJ36" s="101">
        <v>1</v>
      </c>
      <c r="AK36" s="102">
        <v>0</v>
      </c>
      <c r="AL36" s="103">
        <v>1</v>
      </c>
      <c r="AM36" s="413">
        <v>0</v>
      </c>
      <c r="AN36" s="102">
        <v>1</v>
      </c>
      <c r="AO36" s="102">
        <v>1</v>
      </c>
      <c r="AP36" s="102">
        <v>0</v>
      </c>
      <c r="AQ36" s="102">
        <v>0</v>
      </c>
      <c r="AR36" s="102">
        <v>0</v>
      </c>
      <c r="AS36" s="103">
        <v>2</v>
      </c>
      <c r="AT36" s="104">
        <v>3</v>
      </c>
      <c r="AU36" s="101">
        <v>1</v>
      </c>
      <c r="AV36" s="102">
        <v>0</v>
      </c>
      <c r="AW36" s="103">
        <v>1</v>
      </c>
      <c r="AX36" s="413">
        <v>0</v>
      </c>
      <c r="AY36" s="102">
        <v>0</v>
      </c>
      <c r="AZ36" s="102">
        <v>0</v>
      </c>
      <c r="BA36" s="102">
        <v>2</v>
      </c>
      <c r="BB36" s="102">
        <v>0</v>
      </c>
      <c r="BC36" s="102">
        <v>0</v>
      </c>
      <c r="BD36" s="103">
        <v>2</v>
      </c>
      <c r="BE36" s="104">
        <v>3</v>
      </c>
      <c r="BF36" s="101">
        <v>1</v>
      </c>
      <c r="BG36" s="102">
        <v>1</v>
      </c>
      <c r="BH36" s="103">
        <v>2</v>
      </c>
      <c r="BI36" s="413">
        <v>0</v>
      </c>
      <c r="BJ36" s="102">
        <v>3</v>
      </c>
      <c r="BK36" s="102">
        <v>0</v>
      </c>
      <c r="BL36" s="102">
        <v>0</v>
      </c>
      <c r="BM36" s="102">
        <v>0</v>
      </c>
      <c r="BN36" s="102">
        <v>0</v>
      </c>
      <c r="BO36" s="103">
        <v>3</v>
      </c>
      <c r="BP36" s="104">
        <v>5</v>
      </c>
      <c r="BQ36" s="101">
        <v>1</v>
      </c>
      <c r="BR36" s="102">
        <v>1</v>
      </c>
      <c r="BS36" s="103">
        <v>2</v>
      </c>
      <c r="BT36" s="413">
        <v>0</v>
      </c>
      <c r="BU36" s="102">
        <v>2</v>
      </c>
      <c r="BV36" s="102">
        <v>0</v>
      </c>
      <c r="BW36" s="102">
        <v>2</v>
      </c>
      <c r="BX36" s="102">
        <v>1</v>
      </c>
      <c r="BY36" s="102">
        <v>1</v>
      </c>
      <c r="BZ36" s="103">
        <v>6</v>
      </c>
      <c r="CA36" s="104">
        <v>8</v>
      </c>
      <c r="CB36" s="101">
        <v>0</v>
      </c>
      <c r="CC36" s="102">
        <v>0</v>
      </c>
      <c r="CD36" s="103">
        <v>0</v>
      </c>
      <c r="CE36" s="413">
        <v>0</v>
      </c>
      <c r="CF36" s="102">
        <v>0</v>
      </c>
      <c r="CG36" s="102">
        <v>0</v>
      </c>
      <c r="CH36" s="102">
        <v>0</v>
      </c>
      <c r="CI36" s="102">
        <v>0</v>
      </c>
      <c r="CJ36" s="102">
        <v>0</v>
      </c>
      <c r="CK36" s="103">
        <v>0</v>
      </c>
      <c r="CL36" s="104">
        <v>0</v>
      </c>
      <c r="CM36" s="101">
        <v>4</v>
      </c>
      <c r="CN36" s="102">
        <v>2</v>
      </c>
      <c r="CO36" s="103">
        <v>6</v>
      </c>
      <c r="CP36" s="413">
        <v>0</v>
      </c>
      <c r="CQ36" s="102">
        <v>6</v>
      </c>
      <c r="CR36" s="102">
        <v>1</v>
      </c>
      <c r="CS36" s="102">
        <v>4</v>
      </c>
      <c r="CT36" s="102">
        <v>1</v>
      </c>
      <c r="CU36" s="102">
        <v>1</v>
      </c>
      <c r="CV36" s="103">
        <v>13</v>
      </c>
      <c r="CW36" s="104">
        <v>19</v>
      </c>
      <c r="CX36" s="105">
        <v>0</v>
      </c>
      <c r="CY36" s="97">
        <v>2</v>
      </c>
      <c r="CZ36" s="98">
        <v>2</v>
      </c>
      <c r="DA36" s="413">
        <v>0</v>
      </c>
      <c r="DB36" s="97">
        <v>0</v>
      </c>
      <c r="DC36" s="97">
        <v>0</v>
      </c>
      <c r="DD36" s="97">
        <v>0</v>
      </c>
      <c r="DE36" s="97">
        <v>0</v>
      </c>
      <c r="DF36" s="97">
        <v>1</v>
      </c>
      <c r="DG36" s="99">
        <v>1</v>
      </c>
      <c r="DH36" s="100">
        <v>3</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1</v>
      </c>
      <c r="ER36" s="103">
        <v>1</v>
      </c>
      <c r="ES36" s="413">
        <v>0</v>
      </c>
      <c r="ET36" s="102">
        <v>0</v>
      </c>
      <c r="EU36" s="102">
        <v>0</v>
      </c>
      <c r="EV36" s="102">
        <v>0</v>
      </c>
      <c r="EW36" s="102">
        <v>0</v>
      </c>
      <c r="EX36" s="102">
        <v>0</v>
      </c>
      <c r="EY36" s="103">
        <v>0</v>
      </c>
      <c r="EZ36" s="104">
        <v>1</v>
      </c>
      <c r="FA36" s="101">
        <v>0</v>
      </c>
      <c r="FB36" s="102">
        <v>0</v>
      </c>
      <c r="FC36" s="103">
        <v>0</v>
      </c>
      <c r="FD36" s="413">
        <v>0</v>
      </c>
      <c r="FE36" s="102">
        <v>0</v>
      </c>
      <c r="FF36" s="102">
        <v>0</v>
      </c>
      <c r="FG36" s="102">
        <v>0</v>
      </c>
      <c r="FH36" s="102">
        <v>0</v>
      </c>
      <c r="FI36" s="102">
        <v>0</v>
      </c>
      <c r="FJ36" s="103">
        <v>0</v>
      </c>
      <c r="FK36" s="104">
        <v>0</v>
      </c>
      <c r="FL36" s="101">
        <v>0</v>
      </c>
      <c r="FM36" s="102">
        <v>1</v>
      </c>
      <c r="FN36" s="103">
        <v>1</v>
      </c>
      <c r="FO36" s="413">
        <v>0</v>
      </c>
      <c r="FP36" s="102">
        <v>0</v>
      </c>
      <c r="FQ36" s="102">
        <v>0</v>
      </c>
      <c r="FR36" s="102">
        <v>0</v>
      </c>
      <c r="FS36" s="102">
        <v>0</v>
      </c>
      <c r="FT36" s="102">
        <v>1</v>
      </c>
      <c r="FU36" s="103">
        <v>1</v>
      </c>
      <c r="FV36" s="104">
        <v>2</v>
      </c>
      <c r="FW36" s="101">
        <v>0</v>
      </c>
      <c r="FX36" s="102">
        <v>0</v>
      </c>
      <c r="FY36" s="103">
        <v>0</v>
      </c>
      <c r="FZ36" s="413">
        <v>0</v>
      </c>
      <c r="GA36" s="102">
        <v>0</v>
      </c>
      <c r="GB36" s="102">
        <v>0</v>
      </c>
      <c r="GC36" s="102">
        <v>0</v>
      </c>
      <c r="GD36" s="102">
        <v>0</v>
      </c>
      <c r="GE36" s="102">
        <v>0</v>
      </c>
      <c r="GF36" s="103">
        <v>0</v>
      </c>
      <c r="GG36" s="104">
        <v>0</v>
      </c>
      <c r="GH36" s="101">
        <v>0</v>
      </c>
      <c r="GI36" s="102">
        <v>2</v>
      </c>
      <c r="GJ36" s="103">
        <v>2</v>
      </c>
      <c r="GK36" s="413">
        <v>0</v>
      </c>
      <c r="GL36" s="102">
        <v>0</v>
      </c>
      <c r="GM36" s="102">
        <v>0</v>
      </c>
      <c r="GN36" s="102">
        <v>0</v>
      </c>
      <c r="GO36" s="102">
        <v>0</v>
      </c>
      <c r="GP36" s="102">
        <v>1</v>
      </c>
      <c r="GQ36" s="103">
        <v>1</v>
      </c>
      <c r="GR36" s="104">
        <v>3</v>
      </c>
      <c r="GS36" s="105">
        <v>4</v>
      </c>
      <c r="GT36" s="97">
        <v>4</v>
      </c>
      <c r="GU36" s="98">
        <v>8</v>
      </c>
      <c r="GV36" s="413">
        <v>0</v>
      </c>
      <c r="GW36" s="97">
        <v>6</v>
      </c>
      <c r="GX36" s="97">
        <v>1</v>
      </c>
      <c r="GY36" s="97">
        <v>4</v>
      </c>
      <c r="GZ36" s="97">
        <v>1</v>
      </c>
      <c r="HA36" s="97">
        <v>2</v>
      </c>
      <c r="HB36" s="99">
        <v>14</v>
      </c>
      <c r="HC36" s="100">
        <v>22</v>
      </c>
      <c r="HD36" s="101">
        <v>0</v>
      </c>
      <c r="HE36" s="102">
        <v>0</v>
      </c>
      <c r="HF36" s="103">
        <v>0</v>
      </c>
      <c r="HG36" s="413">
        <v>0</v>
      </c>
      <c r="HH36" s="102">
        <v>0</v>
      </c>
      <c r="HI36" s="102">
        <v>0</v>
      </c>
      <c r="HJ36" s="102">
        <v>0</v>
      </c>
      <c r="HK36" s="102">
        <v>0</v>
      </c>
      <c r="HL36" s="102">
        <v>0</v>
      </c>
      <c r="HM36" s="103">
        <v>0</v>
      </c>
      <c r="HN36" s="104">
        <v>0</v>
      </c>
      <c r="HO36" s="101">
        <v>0</v>
      </c>
      <c r="HP36" s="102">
        <v>0</v>
      </c>
      <c r="HQ36" s="103">
        <v>0</v>
      </c>
      <c r="HR36" s="413">
        <v>0</v>
      </c>
      <c r="HS36" s="102">
        <v>0</v>
      </c>
      <c r="HT36" s="102">
        <v>0</v>
      </c>
      <c r="HU36" s="102">
        <v>0</v>
      </c>
      <c r="HV36" s="102">
        <v>0</v>
      </c>
      <c r="HW36" s="102">
        <v>0</v>
      </c>
      <c r="HX36" s="103">
        <v>0</v>
      </c>
      <c r="HY36" s="104">
        <v>0</v>
      </c>
      <c r="HZ36" s="101">
        <v>1</v>
      </c>
      <c r="IA36" s="102">
        <v>0</v>
      </c>
      <c r="IB36" s="103">
        <v>1</v>
      </c>
      <c r="IC36" s="413">
        <v>0</v>
      </c>
      <c r="ID36" s="102">
        <v>1</v>
      </c>
      <c r="IE36" s="102">
        <v>1</v>
      </c>
      <c r="IF36" s="102">
        <v>0</v>
      </c>
      <c r="IG36" s="102">
        <v>0</v>
      </c>
      <c r="IH36" s="102">
        <v>0</v>
      </c>
      <c r="II36" s="103">
        <v>2</v>
      </c>
      <c r="IJ36" s="104">
        <v>3</v>
      </c>
      <c r="IK36" s="101">
        <v>1</v>
      </c>
      <c r="IL36" s="102">
        <v>1</v>
      </c>
      <c r="IM36" s="103">
        <v>2</v>
      </c>
      <c r="IN36" s="413">
        <v>0</v>
      </c>
      <c r="IO36" s="102">
        <v>0</v>
      </c>
      <c r="IP36" s="102">
        <v>0</v>
      </c>
      <c r="IQ36" s="102">
        <v>2</v>
      </c>
      <c r="IR36" s="102">
        <v>0</v>
      </c>
      <c r="IS36" s="102">
        <v>0</v>
      </c>
      <c r="IT36" s="103">
        <v>2</v>
      </c>
      <c r="IU36" s="104">
        <v>4</v>
      </c>
      <c r="IV36" s="101">
        <v>1</v>
      </c>
      <c r="IW36" s="102">
        <v>1</v>
      </c>
      <c r="IX36" s="103">
        <v>2</v>
      </c>
      <c r="IY36" s="413">
        <v>0</v>
      </c>
      <c r="IZ36" s="102">
        <v>3</v>
      </c>
      <c r="JA36" s="102">
        <v>0</v>
      </c>
      <c r="JB36" s="102">
        <v>0</v>
      </c>
      <c r="JC36" s="102">
        <v>0</v>
      </c>
      <c r="JD36" s="102">
        <v>0</v>
      </c>
      <c r="JE36" s="103">
        <v>3</v>
      </c>
      <c r="JF36" s="104">
        <v>5</v>
      </c>
      <c r="JG36" s="101">
        <v>1</v>
      </c>
      <c r="JH36" s="102">
        <v>2</v>
      </c>
      <c r="JI36" s="103">
        <v>3</v>
      </c>
      <c r="JJ36" s="413">
        <v>0</v>
      </c>
      <c r="JK36" s="102">
        <v>2</v>
      </c>
      <c r="JL36" s="102">
        <v>0</v>
      </c>
      <c r="JM36" s="102">
        <v>2</v>
      </c>
      <c r="JN36" s="102">
        <v>1</v>
      </c>
      <c r="JO36" s="102">
        <v>2</v>
      </c>
      <c r="JP36" s="103">
        <v>7</v>
      </c>
      <c r="JQ36" s="104">
        <v>10</v>
      </c>
      <c r="JR36" s="101">
        <v>0</v>
      </c>
      <c r="JS36" s="102">
        <v>0</v>
      </c>
      <c r="JT36" s="103">
        <v>0</v>
      </c>
      <c r="JU36" s="413">
        <v>0</v>
      </c>
      <c r="JV36" s="102">
        <v>0</v>
      </c>
      <c r="JW36" s="102">
        <v>0</v>
      </c>
      <c r="JX36" s="102">
        <v>0</v>
      </c>
      <c r="JY36" s="102">
        <v>0</v>
      </c>
      <c r="JZ36" s="102">
        <v>0</v>
      </c>
      <c r="KA36" s="103">
        <v>0</v>
      </c>
      <c r="KB36" s="104">
        <v>0</v>
      </c>
      <c r="KC36" s="101">
        <v>4</v>
      </c>
      <c r="KD36" s="102">
        <v>4</v>
      </c>
      <c r="KE36" s="103">
        <v>8</v>
      </c>
      <c r="KF36" s="413">
        <v>0</v>
      </c>
      <c r="KG36" s="102">
        <v>6</v>
      </c>
      <c r="KH36" s="102">
        <v>1</v>
      </c>
      <c r="KI36" s="102">
        <v>4</v>
      </c>
      <c r="KJ36" s="102">
        <v>1</v>
      </c>
      <c r="KK36" s="102">
        <v>2</v>
      </c>
      <c r="KL36" s="103">
        <v>14</v>
      </c>
      <c r="KM36" s="104">
        <v>22</v>
      </c>
    </row>
    <row r="37" spans="2:299" s="70" customFormat="1" ht="21" customHeight="1" x14ac:dyDescent="0.2">
      <c r="B37" s="106" t="s">
        <v>34</v>
      </c>
      <c r="C37" s="96">
        <v>2</v>
      </c>
      <c r="D37" s="97">
        <v>3</v>
      </c>
      <c r="E37" s="98">
        <v>5</v>
      </c>
      <c r="F37" s="413">
        <v>0</v>
      </c>
      <c r="G37" s="97">
        <v>6</v>
      </c>
      <c r="H37" s="97">
        <v>7</v>
      </c>
      <c r="I37" s="97">
        <v>3</v>
      </c>
      <c r="J37" s="97">
        <v>2</v>
      </c>
      <c r="K37" s="97">
        <v>1</v>
      </c>
      <c r="L37" s="99">
        <v>19</v>
      </c>
      <c r="M37" s="100">
        <v>24</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1</v>
      </c>
      <c r="AD37" s="102">
        <v>0</v>
      </c>
      <c r="AE37" s="102">
        <v>0</v>
      </c>
      <c r="AF37" s="102">
        <v>0</v>
      </c>
      <c r="AG37" s="102">
        <v>0</v>
      </c>
      <c r="AH37" s="103">
        <v>1</v>
      </c>
      <c r="AI37" s="104">
        <v>1</v>
      </c>
      <c r="AJ37" s="101">
        <v>0</v>
      </c>
      <c r="AK37" s="102">
        <v>0</v>
      </c>
      <c r="AL37" s="103">
        <v>0</v>
      </c>
      <c r="AM37" s="413">
        <v>0</v>
      </c>
      <c r="AN37" s="102">
        <v>0</v>
      </c>
      <c r="AO37" s="102">
        <v>0</v>
      </c>
      <c r="AP37" s="102">
        <v>0</v>
      </c>
      <c r="AQ37" s="102">
        <v>0</v>
      </c>
      <c r="AR37" s="102">
        <v>0</v>
      </c>
      <c r="AS37" s="103">
        <v>0</v>
      </c>
      <c r="AT37" s="104">
        <v>0</v>
      </c>
      <c r="AU37" s="101">
        <v>1</v>
      </c>
      <c r="AV37" s="102">
        <v>1</v>
      </c>
      <c r="AW37" s="103">
        <v>2</v>
      </c>
      <c r="AX37" s="413">
        <v>0</v>
      </c>
      <c r="AY37" s="102">
        <v>0</v>
      </c>
      <c r="AZ37" s="102">
        <v>4</v>
      </c>
      <c r="BA37" s="102">
        <v>0</v>
      </c>
      <c r="BB37" s="102">
        <v>0</v>
      </c>
      <c r="BC37" s="102">
        <v>0</v>
      </c>
      <c r="BD37" s="103">
        <v>4</v>
      </c>
      <c r="BE37" s="104">
        <v>6</v>
      </c>
      <c r="BF37" s="101">
        <v>1</v>
      </c>
      <c r="BG37" s="102">
        <v>2</v>
      </c>
      <c r="BH37" s="103">
        <v>3</v>
      </c>
      <c r="BI37" s="413">
        <v>0</v>
      </c>
      <c r="BJ37" s="102">
        <v>4</v>
      </c>
      <c r="BK37" s="102">
        <v>0</v>
      </c>
      <c r="BL37" s="102">
        <v>2</v>
      </c>
      <c r="BM37" s="102">
        <v>0</v>
      </c>
      <c r="BN37" s="102">
        <v>0</v>
      </c>
      <c r="BO37" s="103">
        <v>6</v>
      </c>
      <c r="BP37" s="104">
        <v>9</v>
      </c>
      <c r="BQ37" s="101">
        <v>0</v>
      </c>
      <c r="BR37" s="102">
        <v>0</v>
      </c>
      <c r="BS37" s="103">
        <v>0</v>
      </c>
      <c r="BT37" s="413">
        <v>0</v>
      </c>
      <c r="BU37" s="102">
        <v>1</v>
      </c>
      <c r="BV37" s="102">
        <v>3</v>
      </c>
      <c r="BW37" s="102">
        <v>1</v>
      </c>
      <c r="BX37" s="102">
        <v>2</v>
      </c>
      <c r="BY37" s="102">
        <v>1</v>
      </c>
      <c r="BZ37" s="103">
        <v>8</v>
      </c>
      <c r="CA37" s="104">
        <v>8</v>
      </c>
      <c r="CB37" s="101">
        <v>0</v>
      </c>
      <c r="CC37" s="102">
        <v>0</v>
      </c>
      <c r="CD37" s="103">
        <v>0</v>
      </c>
      <c r="CE37" s="413">
        <v>0</v>
      </c>
      <c r="CF37" s="102">
        <v>0</v>
      </c>
      <c r="CG37" s="102">
        <v>0</v>
      </c>
      <c r="CH37" s="102">
        <v>0</v>
      </c>
      <c r="CI37" s="102">
        <v>0</v>
      </c>
      <c r="CJ37" s="102">
        <v>0</v>
      </c>
      <c r="CK37" s="103">
        <v>0</v>
      </c>
      <c r="CL37" s="104">
        <v>0</v>
      </c>
      <c r="CM37" s="101">
        <v>2</v>
      </c>
      <c r="CN37" s="102">
        <v>3</v>
      </c>
      <c r="CO37" s="103">
        <v>5</v>
      </c>
      <c r="CP37" s="413">
        <v>0</v>
      </c>
      <c r="CQ37" s="102">
        <v>6</v>
      </c>
      <c r="CR37" s="102">
        <v>7</v>
      </c>
      <c r="CS37" s="102">
        <v>3</v>
      </c>
      <c r="CT37" s="102">
        <v>2</v>
      </c>
      <c r="CU37" s="102">
        <v>1</v>
      </c>
      <c r="CV37" s="103">
        <v>19</v>
      </c>
      <c r="CW37" s="104">
        <v>24</v>
      </c>
      <c r="CX37" s="105">
        <v>0</v>
      </c>
      <c r="CY37" s="97">
        <v>0</v>
      </c>
      <c r="CZ37" s="98">
        <v>0</v>
      </c>
      <c r="DA37" s="413">
        <v>0</v>
      </c>
      <c r="DB37" s="97">
        <v>1</v>
      </c>
      <c r="DC37" s="97">
        <v>0</v>
      </c>
      <c r="DD37" s="97">
        <v>0</v>
      </c>
      <c r="DE37" s="97">
        <v>1</v>
      </c>
      <c r="DF37" s="97">
        <v>0</v>
      </c>
      <c r="DG37" s="99">
        <v>2</v>
      </c>
      <c r="DH37" s="100">
        <v>2</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0</v>
      </c>
      <c r="EF37" s="102">
        <v>0</v>
      </c>
      <c r="EG37" s="103">
        <v>0</v>
      </c>
      <c r="EH37" s="413">
        <v>0</v>
      </c>
      <c r="EI37" s="102">
        <v>0</v>
      </c>
      <c r="EJ37" s="102">
        <v>0</v>
      </c>
      <c r="EK37" s="102">
        <v>0</v>
      </c>
      <c r="EL37" s="102">
        <v>0</v>
      </c>
      <c r="EM37" s="102">
        <v>0</v>
      </c>
      <c r="EN37" s="103">
        <v>0</v>
      </c>
      <c r="EO37" s="104">
        <v>0</v>
      </c>
      <c r="EP37" s="101">
        <v>0</v>
      </c>
      <c r="EQ37" s="102">
        <v>0</v>
      </c>
      <c r="ER37" s="103">
        <v>0</v>
      </c>
      <c r="ES37" s="413">
        <v>0</v>
      </c>
      <c r="ET37" s="102">
        <v>0</v>
      </c>
      <c r="EU37" s="102">
        <v>0</v>
      </c>
      <c r="EV37" s="102">
        <v>0</v>
      </c>
      <c r="EW37" s="102">
        <v>0</v>
      </c>
      <c r="EX37" s="102">
        <v>0</v>
      </c>
      <c r="EY37" s="103">
        <v>0</v>
      </c>
      <c r="EZ37" s="104">
        <v>0</v>
      </c>
      <c r="FA37" s="101">
        <v>0</v>
      </c>
      <c r="FB37" s="102">
        <v>0</v>
      </c>
      <c r="FC37" s="103">
        <v>0</v>
      </c>
      <c r="FD37" s="413">
        <v>0</v>
      </c>
      <c r="FE37" s="102">
        <v>0</v>
      </c>
      <c r="FF37" s="102">
        <v>0</v>
      </c>
      <c r="FG37" s="102">
        <v>0</v>
      </c>
      <c r="FH37" s="102">
        <v>0</v>
      </c>
      <c r="FI37" s="102">
        <v>0</v>
      </c>
      <c r="FJ37" s="103">
        <v>0</v>
      </c>
      <c r="FK37" s="104">
        <v>0</v>
      </c>
      <c r="FL37" s="101">
        <v>0</v>
      </c>
      <c r="FM37" s="102">
        <v>0</v>
      </c>
      <c r="FN37" s="103">
        <v>0</v>
      </c>
      <c r="FO37" s="413">
        <v>0</v>
      </c>
      <c r="FP37" s="102">
        <v>1</v>
      </c>
      <c r="FQ37" s="102">
        <v>0</v>
      </c>
      <c r="FR37" s="102">
        <v>0</v>
      </c>
      <c r="FS37" s="102">
        <v>1</v>
      </c>
      <c r="FT37" s="102">
        <v>0</v>
      </c>
      <c r="FU37" s="103">
        <v>2</v>
      </c>
      <c r="FV37" s="104">
        <v>2</v>
      </c>
      <c r="FW37" s="101">
        <v>0</v>
      </c>
      <c r="FX37" s="102">
        <v>0</v>
      </c>
      <c r="FY37" s="103">
        <v>0</v>
      </c>
      <c r="FZ37" s="413">
        <v>0</v>
      </c>
      <c r="GA37" s="102">
        <v>0</v>
      </c>
      <c r="GB37" s="102">
        <v>0</v>
      </c>
      <c r="GC37" s="102">
        <v>0</v>
      </c>
      <c r="GD37" s="102">
        <v>0</v>
      </c>
      <c r="GE37" s="102">
        <v>0</v>
      </c>
      <c r="GF37" s="103">
        <v>0</v>
      </c>
      <c r="GG37" s="104">
        <v>0</v>
      </c>
      <c r="GH37" s="101">
        <v>0</v>
      </c>
      <c r="GI37" s="102">
        <v>0</v>
      </c>
      <c r="GJ37" s="103">
        <v>0</v>
      </c>
      <c r="GK37" s="413">
        <v>0</v>
      </c>
      <c r="GL37" s="102">
        <v>1</v>
      </c>
      <c r="GM37" s="102">
        <v>0</v>
      </c>
      <c r="GN37" s="102">
        <v>0</v>
      </c>
      <c r="GO37" s="102">
        <v>1</v>
      </c>
      <c r="GP37" s="102">
        <v>0</v>
      </c>
      <c r="GQ37" s="103">
        <v>2</v>
      </c>
      <c r="GR37" s="104">
        <v>2</v>
      </c>
      <c r="GS37" s="105">
        <v>2</v>
      </c>
      <c r="GT37" s="97">
        <v>3</v>
      </c>
      <c r="GU37" s="98">
        <v>5</v>
      </c>
      <c r="GV37" s="413">
        <v>0</v>
      </c>
      <c r="GW37" s="97">
        <v>7</v>
      </c>
      <c r="GX37" s="97">
        <v>7</v>
      </c>
      <c r="GY37" s="97">
        <v>3</v>
      </c>
      <c r="GZ37" s="97">
        <v>3</v>
      </c>
      <c r="HA37" s="97">
        <v>1</v>
      </c>
      <c r="HB37" s="99">
        <v>21</v>
      </c>
      <c r="HC37" s="100">
        <v>26</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1</v>
      </c>
      <c r="HT37" s="102">
        <v>0</v>
      </c>
      <c r="HU37" s="102">
        <v>0</v>
      </c>
      <c r="HV37" s="102">
        <v>0</v>
      </c>
      <c r="HW37" s="102">
        <v>0</v>
      </c>
      <c r="HX37" s="103">
        <v>1</v>
      </c>
      <c r="HY37" s="104">
        <v>1</v>
      </c>
      <c r="HZ37" s="101">
        <v>0</v>
      </c>
      <c r="IA37" s="102">
        <v>0</v>
      </c>
      <c r="IB37" s="103">
        <v>0</v>
      </c>
      <c r="IC37" s="413">
        <v>0</v>
      </c>
      <c r="ID37" s="102">
        <v>0</v>
      </c>
      <c r="IE37" s="102">
        <v>0</v>
      </c>
      <c r="IF37" s="102">
        <v>0</v>
      </c>
      <c r="IG37" s="102">
        <v>0</v>
      </c>
      <c r="IH37" s="102">
        <v>0</v>
      </c>
      <c r="II37" s="103">
        <v>0</v>
      </c>
      <c r="IJ37" s="104">
        <v>0</v>
      </c>
      <c r="IK37" s="101">
        <v>1</v>
      </c>
      <c r="IL37" s="102">
        <v>1</v>
      </c>
      <c r="IM37" s="103">
        <v>2</v>
      </c>
      <c r="IN37" s="413">
        <v>0</v>
      </c>
      <c r="IO37" s="102">
        <v>0</v>
      </c>
      <c r="IP37" s="102">
        <v>4</v>
      </c>
      <c r="IQ37" s="102">
        <v>0</v>
      </c>
      <c r="IR37" s="102">
        <v>0</v>
      </c>
      <c r="IS37" s="102">
        <v>0</v>
      </c>
      <c r="IT37" s="103">
        <v>4</v>
      </c>
      <c r="IU37" s="104">
        <v>6</v>
      </c>
      <c r="IV37" s="101">
        <v>1</v>
      </c>
      <c r="IW37" s="102">
        <v>2</v>
      </c>
      <c r="IX37" s="103">
        <v>3</v>
      </c>
      <c r="IY37" s="413">
        <v>0</v>
      </c>
      <c r="IZ37" s="102">
        <v>4</v>
      </c>
      <c r="JA37" s="102">
        <v>0</v>
      </c>
      <c r="JB37" s="102">
        <v>2</v>
      </c>
      <c r="JC37" s="102">
        <v>0</v>
      </c>
      <c r="JD37" s="102">
        <v>0</v>
      </c>
      <c r="JE37" s="103">
        <v>6</v>
      </c>
      <c r="JF37" s="104">
        <v>9</v>
      </c>
      <c r="JG37" s="101">
        <v>0</v>
      </c>
      <c r="JH37" s="102">
        <v>0</v>
      </c>
      <c r="JI37" s="103">
        <v>0</v>
      </c>
      <c r="JJ37" s="413">
        <v>0</v>
      </c>
      <c r="JK37" s="102">
        <v>2</v>
      </c>
      <c r="JL37" s="102">
        <v>3</v>
      </c>
      <c r="JM37" s="102">
        <v>1</v>
      </c>
      <c r="JN37" s="102">
        <v>3</v>
      </c>
      <c r="JO37" s="102">
        <v>1</v>
      </c>
      <c r="JP37" s="103">
        <v>10</v>
      </c>
      <c r="JQ37" s="104">
        <v>10</v>
      </c>
      <c r="JR37" s="101">
        <v>0</v>
      </c>
      <c r="JS37" s="102">
        <v>0</v>
      </c>
      <c r="JT37" s="103">
        <v>0</v>
      </c>
      <c r="JU37" s="413">
        <v>0</v>
      </c>
      <c r="JV37" s="102">
        <v>0</v>
      </c>
      <c r="JW37" s="102">
        <v>0</v>
      </c>
      <c r="JX37" s="102">
        <v>0</v>
      </c>
      <c r="JY37" s="102">
        <v>0</v>
      </c>
      <c r="JZ37" s="102">
        <v>0</v>
      </c>
      <c r="KA37" s="103">
        <v>0</v>
      </c>
      <c r="KB37" s="104">
        <v>0</v>
      </c>
      <c r="KC37" s="101">
        <v>2</v>
      </c>
      <c r="KD37" s="102">
        <v>3</v>
      </c>
      <c r="KE37" s="103">
        <v>5</v>
      </c>
      <c r="KF37" s="413">
        <v>0</v>
      </c>
      <c r="KG37" s="102">
        <v>7</v>
      </c>
      <c r="KH37" s="102">
        <v>7</v>
      </c>
      <c r="KI37" s="102">
        <v>3</v>
      </c>
      <c r="KJ37" s="102">
        <v>3</v>
      </c>
      <c r="KK37" s="102">
        <v>1</v>
      </c>
      <c r="KL37" s="103">
        <v>21</v>
      </c>
      <c r="KM37" s="104">
        <v>26</v>
      </c>
    </row>
    <row r="38" spans="2:299" s="70" customFormat="1" ht="21" customHeight="1" x14ac:dyDescent="0.2">
      <c r="B38" s="106" t="s">
        <v>35</v>
      </c>
      <c r="C38" s="96">
        <v>10</v>
      </c>
      <c r="D38" s="97">
        <v>5</v>
      </c>
      <c r="E38" s="98">
        <v>15</v>
      </c>
      <c r="F38" s="413">
        <v>0</v>
      </c>
      <c r="G38" s="97">
        <v>20</v>
      </c>
      <c r="H38" s="97">
        <v>10</v>
      </c>
      <c r="I38" s="97">
        <v>4</v>
      </c>
      <c r="J38" s="97">
        <v>4</v>
      </c>
      <c r="K38" s="97">
        <v>5</v>
      </c>
      <c r="L38" s="99">
        <v>43</v>
      </c>
      <c r="M38" s="100">
        <v>58</v>
      </c>
      <c r="N38" s="101">
        <v>0</v>
      </c>
      <c r="O38" s="102">
        <v>0</v>
      </c>
      <c r="P38" s="103">
        <v>0</v>
      </c>
      <c r="Q38" s="413">
        <v>0</v>
      </c>
      <c r="R38" s="102">
        <v>1</v>
      </c>
      <c r="S38" s="102">
        <v>2</v>
      </c>
      <c r="T38" s="102">
        <v>0</v>
      </c>
      <c r="U38" s="102">
        <v>0</v>
      </c>
      <c r="V38" s="102">
        <v>0</v>
      </c>
      <c r="W38" s="103">
        <v>3</v>
      </c>
      <c r="X38" s="104">
        <v>3</v>
      </c>
      <c r="Y38" s="101">
        <v>0</v>
      </c>
      <c r="Z38" s="102">
        <v>0</v>
      </c>
      <c r="AA38" s="103">
        <v>0</v>
      </c>
      <c r="AB38" s="413">
        <v>0</v>
      </c>
      <c r="AC38" s="102">
        <v>0</v>
      </c>
      <c r="AD38" s="102">
        <v>1</v>
      </c>
      <c r="AE38" s="102">
        <v>0</v>
      </c>
      <c r="AF38" s="102">
        <v>0</v>
      </c>
      <c r="AG38" s="102">
        <v>0</v>
      </c>
      <c r="AH38" s="103">
        <v>1</v>
      </c>
      <c r="AI38" s="104">
        <v>1</v>
      </c>
      <c r="AJ38" s="101">
        <v>1</v>
      </c>
      <c r="AK38" s="102">
        <v>2</v>
      </c>
      <c r="AL38" s="103">
        <v>3</v>
      </c>
      <c r="AM38" s="413">
        <v>0</v>
      </c>
      <c r="AN38" s="102">
        <v>0</v>
      </c>
      <c r="AO38" s="102">
        <v>0</v>
      </c>
      <c r="AP38" s="102">
        <v>0</v>
      </c>
      <c r="AQ38" s="102">
        <v>0</v>
      </c>
      <c r="AR38" s="102">
        <v>1</v>
      </c>
      <c r="AS38" s="103">
        <v>1</v>
      </c>
      <c r="AT38" s="104">
        <v>4</v>
      </c>
      <c r="AU38" s="101">
        <v>2</v>
      </c>
      <c r="AV38" s="102">
        <v>2</v>
      </c>
      <c r="AW38" s="103">
        <v>4</v>
      </c>
      <c r="AX38" s="413">
        <v>0</v>
      </c>
      <c r="AY38" s="102">
        <v>7</v>
      </c>
      <c r="AZ38" s="102">
        <v>0</v>
      </c>
      <c r="BA38" s="102">
        <v>2</v>
      </c>
      <c r="BB38" s="102">
        <v>1</v>
      </c>
      <c r="BC38" s="102">
        <v>0</v>
      </c>
      <c r="BD38" s="103">
        <v>10</v>
      </c>
      <c r="BE38" s="104">
        <v>14</v>
      </c>
      <c r="BF38" s="101">
        <v>5</v>
      </c>
      <c r="BG38" s="102">
        <v>0</v>
      </c>
      <c r="BH38" s="103">
        <v>5</v>
      </c>
      <c r="BI38" s="413">
        <v>0</v>
      </c>
      <c r="BJ38" s="102">
        <v>4</v>
      </c>
      <c r="BK38" s="102">
        <v>0</v>
      </c>
      <c r="BL38" s="102">
        <v>2</v>
      </c>
      <c r="BM38" s="102">
        <v>0</v>
      </c>
      <c r="BN38" s="102">
        <v>0</v>
      </c>
      <c r="BO38" s="103">
        <v>6</v>
      </c>
      <c r="BP38" s="104">
        <v>11</v>
      </c>
      <c r="BQ38" s="101">
        <v>2</v>
      </c>
      <c r="BR38" s="102">
        <v>1</v>
      </c>
      <c r="BS38" s="103">
        <v>3</v>
      </c>
      <c r="BT38" s="413">
        <v>0</v>
      </c>
      <c r="BU38" s="102">
        <v>8</v>
      </c>
      <c r="BV38" s="102">
        <v>7</v>
      </c>
      <c r="BW38" s="102">
        <v>0</v>
      </c>
      <c r="BX38" s="102">
        <v>3</v>
      </c>
      <c r="BY38" s="102">
        <v>4</v>
      </c>
      <c r="BZ38" s="103">
        <v>22</v>
      </c>
      <c r="CA38" s="104">
        <v>25</v>
      </c>
      <c r="CB38" s="101">
        <v>0</v>
      </c>
      <c r="CC38" s="102">
        <v>0</v>
      </c>
      <c r="CD38" s="103">
        <v>0</v>
      </c>
      <c r="CE38" s="413">
        <v>0</v>
      </c>
      <c r="CF38" s="102">
        <v>0</v>
      </c>
      <c r="CG38" s="102">
        <v>0</v>
      </c>
      <c r="CH38" s="102">
        <v>0</v>
      </c>
      <c r="CI38" s="102">
        <v>0</v>
      </c>
      <c r="CJ38" s="102">
        <v>0</v>
      </c>
      <c r="CK38" s="103">
        <v>0</v>
      </c>
      <c r="CL38" s="104">
        <v>0</v>
      </c>
      <c r="CM38" s="101">
        <v>10</v>
      </c>
      <c r="CN38" s="102">
        <v>5</v>
      </c>
      <c r="CO38" s="103">
        <v>15</v>
      </c>
      <c r="CP38" s="413">
        <v>0</v>
      </c>
      <c r="CQ38" s="102">
        <v>20</v>
      </c>
      <c r="CR38" s="102">
        <v>10</v>
      </c>
      <c r="CS38" s="102">
        <v>4</v>
      </c>
      <c r="CT38" s="102">
        <v>4</v>
      </c>
      <c r="CU38" s="102">
        <v>5</v>
      </c>
      <c r="CV38" s="103">
        <v>43</v>
      </c>
      <c r="CW38" s="104">
        <v>58</v>
      </c>
      <c r="CX38" s="105">
        <v>2</v>
      </c>
      <c r="CY38" s="97">
        <v>0</v>
      </c>
      <c r="CZ38" s="98">
        <v>2</v>
      </c>
      <c r="DA38" s="413">
        <v>0</v>
      </c>
      <c r="DB38" s="97">
        <v>3</v>
      </c>
      <c r="DC38" s="97">
        <v>2</v>
      </c>
      <c r="DD38" s="97">
        <v>1</v>
      </c>
      <c r="DE38" s="97">
        <v>2</v>
      </c>
      <c r="DF38" s="97">
        <v>3</v>
      </c>
      <c r="DG38" s="99">
        <v>11</v>
      </c>
      <c r="DH38" s="100">
        <v>13</v>
      </c>
      <c r="DI38" s="101">
        <v>0</v>
      </c>
      <c r="DJ38" s="102">
        <v>0</v>
      </c>
      <c r="DK38" s="103">
        <v>0</v>
      </c>
      <c r="DL38" s="413">
        <v>0</v>
      </c>
      <c r="DM38" s="102">
        <v>0</v>
      </c>
      <c r="DN38" s="102">
        <v>0</v>
      </c>
      <c r="DO38" s="102">
        <v>0</v>
      </c>
      <c r="DP38" s="102">
        <v>0</v>
      </c>
      <c r="DQ38" s="102">
        <v>0</v>
      </c>
      <c r="DR38" s="103">
        <v>0</v>
      </c>
      <c r="DS38" s="104">
        <v>0</v>
      </c>
      <c r="DT38" s="101">
        <v>0</v>
      </c>
      <c r="DU38" s="102">
        <v>0</v>
      </c>
      <c r="DV38" s="103">
        <v>0</v>
      </c>
      <c r="DW38" s="413">
        <v>0</v>
      </c>
      <c r="DX38" s="102">
        <v>0</v>
      </c>
      <c r="DY38" s="102">
        <v>0</v>
      </c>
      <c r="DZ38" s="102">
        <v>0</v>
      </c>
      <c r="EA38" s="102">
        <v>0</v>
      </c>
      <c r="EB38" s="102">
        <v>2</v>
      </c>
      <c r="EC38" s="103">
        <v>2</v>
      </c>
      <c r="ED38" s="104">
        <v>2</v>
      </c>
      <c r="EE38" s="101">
        <v>0</v>
      </c>
      <c r="EF38" s="102">
        <v>0</v>
      </c>
      <c r="EG38" s="103">
        <v>0</v>
      </c>
      <c r="EH38" s="413">
        <v>0</v>
      </c>
      <c r="EI38" s="102">
        <v>0</v>
      </c>
      <c r="EJ38" s="102">
        <v>0</v>
      </c>
      <c r="EK38" s="102">
        <v>0</v>
      </c>
      <c r="EL38" s="102">
        <v>0</v>
      </c>
      <c r="EM38" s="102">
        <v>0</v>
      </c>
      <c r="EN38" s="103">
        <v>0</v>
      </c>
      <c r="EO38" s="104">
        <v>0</v>
      </c>
      <c r="EP38" s="101">
        <v>1</v>
      </c>
      <c r="EQ38" s="102">
        <v>0</v>
      </c>
      <c r="ER38" s="103">
        <v>1</v>
      </c>
      <c r="ES38" s="413">
        <v>0</v>
      </c>
      <c r="ET38" s="102">
        <v>1</v>
      </c>
      <c r="EU38" s="102">
        <v>0</v>
      </c>
      <c r="EV38" s="102">
        <v>0</v>
      </c>
      <c r="EW38" s="102">
        <v>0</v>
      </c>
      <c r="EX38" s="102">
        <v>0</v>
      </c>
      <c r="EY38" s="103">
        <v>1</v>
      </c>
      <c r="EZ38" s="104">
        <v>2</v>
      </c>
      <c r="FA38" s="101">
        <v>1</v>
      </c>
      <c r="FB38" s="102">
        <v>0</v>
      </c>
      <c r="FC38" s="103">
        <v>1</v>
      </c>
      <c r="FD38" s="413">
        <v>0</v>
      </c>
      <c r="FE38" s="102">
        <v>0</v>
      </c>
      <c r="FF38" s="102">
        <v>1</v>
      </c>
      <c r="FG38" s="102">
        <v>0</v>
      </c>
      <c r="FH38" s="102">
        <v>0</v>
      </c>
      <c r="FI38" s="102">
        <v>1</v>
      </c>
      <c r="FJ38" s="103">
        <v>2</v>
      </c>
      <c r="FK38" s="104">
        <v>3</v>
      </c>
      <c r="FL38" s="101">
        <v>0</v>
      </c>
      <c r="FM38" s="102">
        <v>0</v>
      </c>
      <c r="FN38" s="103">
        <v>0</v>
      </c>
      <c r="FO38" s="413">
        <v>0</v>
      </c>
      <c r="FP38" s="102">
        <v>2</v>
      </c>
      <c r="FQ38" s="102">
        <v>1</v>
      </c>
      <c r="FR38" s="102">
        <v>1</v>
      </c>
      <c r="FS38" s="102">
        <v>2</v>
      </c>
      <c r="FT38" s="102">
        <v>0</v>
      </c>
      <c r="FU38" s="103">
        <v>6</v>
      </c>
      <c r="FV38" s="104">
        <v>6</v>
      </c>
      <c r="FW38" s="101">
        <v>0</v>
      </c>
      <c r="FX38" s="102">
        <v>0</v>
      </c>
      <c r="FY38" s="103">
        <v>0</v>
      </c>
      <c r="FZ38" s="413">
        <v>0</v>
      </c>
      <c r="GA38" s="102">
        <v>0</v>
      </c>
      <c r="GB38" s="102">
        <v>0</v>
      </c>
      <c r="GC38" s="102">
        <v>0</v>
      </c>
      <c r="GD38" s="102">
        <v>0</v>
      </c>
      <c r="GE38" s="102">
        <v>0</v>
      </c>
      <c r="GF38" s="103">
        <v>0</v>
      </c>
      <c r="GG38" s="104">
        <v>0</v>
      </c>
      <c r="GH38" s="101">
        <v>2</v>
      </c>
      <c r="GI38" s="102">
        <v>0</v>
      </c>
      <c r="GJ38" s="103">
        <v>2</v>
      </c>
      <c r="GK38" s="413">
        <v>0</v>
      </c>
      <c r="GL38" s="102">
        <v>3</v>
      </c>
      <c r="GM38" s="102">
        <v>2</v>
      </c>
      <c r="GN38" s="102">
        <v>1</v>
      </c>
      <c r="GO38" s="102">
        <v>2</v>
      </c>
      <c r="GP38" s="102">
        <v>3</v>
      </c>
      <c r="GQ38" s="103">
        <v>11</v>
      </c>
      <c r="GR38" s="104">
        <v>13</v>
      </c>
      <c r="GS38" s="105">
        <v>12</v>
      </c>
      <c r="GT38" s="97">
        <v>5</v>
      </c>
      <c r="GU38" s="98">
        <v>17</v>
      </c>
      <c r="GV38" s="413">
        <v>0</v>
      </c>
      <c r="GW38" s="97">
        <v>23</v>
      </c>
      <c r="GX38" s="97">
        <v>12</v>
      </c>
      <c r="GY38" s="97">
        <v>5</v>
      </c>
      <c r="GZ38" s="97">
        <v>6</v>
      </c>
      <c r="HA38" s="97">
        <v>8</v>
      </c>
      <c r="HB38" s="99">
        <v>54</v>
      </c>
      <c r="HC38" s="100">
        <v>71</v>
      </c>
      <c r="HD38" s="101">
        <v>0</v>
      </c>
      <c r="HE38" s="102">
        <v>0</v>
      </c>
      <c r="HF38" s="103">
        <v>0</v>
      </c>
      <c r="HG38" s="413">
        <v>0</v>
      </c>
      <c r="HH38" s="102">
        <v>1</v>
      </c>
      <c r="HI38" s="102">
        <v>2</v>
      </c>
      <c r="HJ38" s="102">
        <v>0</v>
      </c>
      <c r="HK38" s="102">
        <v>0</v>
      </c>
      <c r="HL38" s="102">
        <v>0</v>
      </c>
      <c r="HM38" s="103">
        <v>3</v>
      </c>
      <c r="HN38" s="104">
        <v>3</v>
      </c>
      <c r="HO38" s="101">
        <v>0</v>
      </c>
      <c r="HP38" s="102">
        <v>0</v>
      </c>
      <c r="HQ38" s="103">
        <v>0</v>
      </c>
      <c r="HR38" s="413">
        <v>0</v>
      </c>
      <c r="HS38" s="102">
        <v>0</v>
      </c>
      <c r="HT38" s="102">
        <v>1</v>
      </c>
      <c r="HU38" s="102">
        <v>0</v>
      </c>
      <c r="HV38" s="102">
        <v>0</v>
      </c>
      <c r="HW38" s="102">
        <v>2</v>
      </c>
      <c r="HX38" s="103">
        <v>3</v>
      </c>
      <c r="HY38" s="104">
        <v>3</v>
      </c>
      <c r="HZ38" s="101">
        <v>1</v>
      </c>
      <c r="IA38" s="102">
        <v>2</v>
      </c>
      <c r="IB38" s="103">
        <v>3</v>
      </c>
      <c r="IC38" s="413">
        <v>0</v>
      </c>
      <c r="ID38" s="102">
        <v>0</v>
      </c>
      <c r="IE38" s="102">
        <v>0</v>
      </c>
      <c r="IF38" s="102">
        <v>0</v>
      </c>
      <c r="IG38" s="102">
        <v>0</v>
      </c>
      <c r="IH38" s="102">
        <v>1</v>
      </c>
      <c r="II38" s="103">
        <v>1</v>
      </c>
      <c r="IJ38" s="104">
        <v>4</v>
      </c>
      <c r="IK38" s="101">
        <v>3</v>
      </c>
      <c r="IL38" s="102">
        <v>2</v>
      </c>
      <c r="IM38" s="103">
        <v>5</v>
      </c>
      <c r="IN38" s="413">
        <v>0</v>
      </c>
      <c r="IO38" s="102">
        <v>8</v>
      </c>
      <c r="IP38" s="102">
        <v>0</v>
      </c>
      <c r="IQ38" s="102">
        <v>2</v>
      </c>
      <c r="IR38" s="102">
        <v>1</v>
      </c>
      <c r="IS38" s="102">
        <v>0</v>
      </c>
      <c r="IT38" s="103">
        <v>11</v>
      </c>
      <c r="IU38" s="104">
        <v>16</v>
      </c>
      <c r="IV38" s="101">
        <v>6</v>
      </c>
      <c r="IW38" s="102">
        <v>0</v>
      </c>
      <c r="IX38" s="103">
        <v>6</v>
      </c>
      <c r="IY38" s="413">
        <v>0</v>
      </c>
      <c r="IZ38" s="102">
        <v>4</v>
      </c>
      <c r="JA38" s="102">
        <v>1</v>
      </c>
      <c r="JB38" s="102">
        <v>2</v>
      </c>
      <c r="JC38" s="102">
        <v>0</v>
      </c>
      <c r="JD38" s="102">
        <v>1</v>
      </c>
      <c r="JE38" s="103">
        <v>8</v>
      </c>
      <c r="JF38" s="104">
        <v>14</v>
      </c>
      <c r="JG38" s="101">
        <v>2</v>
      </c>
      <c r="JH38" s="102">
        <v>1</v>
      </c>
      <c r="JI38" s="103">
        <v>3</v>
      </c>
      <c r="JJ38" s="413">
        <v>0</v>
      </c>
      <c r="JK38" s="102">
        <v>10</v>
      </c>
      <c r="JL38" s="102">
        <v>8</v>
      </c>
      <c r="JM38" s="102">
        <v>1</v>
      </c>
      <c r="JN38" s="102">
        <v>5</v>
      </c>
      <c r="JO38" s="102">
        <v>4</v>
      </c>
      <c r="JP38" s="103">
        <v>28</v>
      </c>
      <c r="JQ38" s="104">
        <v>31</v>
      </c>
      <c r="JR38" s="101">
        <v>0</v>
      </c>
      <c r="JS38" s="102">
        <v>0</v>
      </c>
      <c r="JT38" s="103">
        <v>0</v>
      </c>
      <c r="JU38" s="413">
        <v>0</v>
      </c>
      <c r="JV38" s="102">
        <v>0</v>
      </c>
      <c r="JW38" s="102">
        <v>0</v>
      </c>
      <c r="JX38" s="102">
        <v>0</v>
      </c>
      <c r="JY38" s="102">
        <v>0</v>
      </c>
      <c r="JZ38" s="102">
        <v>0</v>
      </c>
      <c r="KA38" s="103">
        <v>0</v>
      </c>
      <c r="KB38" s="104">
        <v>0</v>
      </c>
      <c r="KC38" s="101">
        <v>12</v>
      </c>
      <c r="KD38" s="102">
        <v>5</v>
      </c>
      <c r="KE38" s="103">
        <v>17</v>
      </c>
      <c r="KF38" s="413">
        <v>0</v>
      </c>
      <c r="KG38" s="102">
        <v>23</v>
      </c>
      <c r="KH38" s="102">
        <v>12</v>
      </c>
      <c r="KI38" s="102">
        <v>5</v>
      </c>
      <c r="KJ38" s="102">
        <v>6</v>
      </c>
      <c r="KK38" s="102">
        <v>8</v>
      </c>
      <c r="KL38" s="103">
        <v>54</v>
      </c>
      <c r="KM38" s="104">
        <v>71</v>
      </c>
    </row>
    <row r="39" spans="2:299" s="70" customFormat="1" ht="21" customHeight="1" x14ac:dyDescent="0.2">
      <c r="B39" s="106" t="s">
        <v>36</v>
      </c>
      <c r="C39" s="96">
        <v>4</v>
      </c>
      <c r="D39" s="97">
        <v>4</v>
      </c>
      <c r="E39" s="98">
        <v>8</v>
      </c>
      <c r="F39" s="413">
        <v>0</v>
      </c>
      <c r="G39" s="97">
        <v>16</v>
      </c>
      <c r="H39" s="97">
        <v>7</v>
      </c>
      <c r="I39" s="97">
        <v>8</v>
      </c>
      <c r="J39" s="97">
        <v>4</v>
      </c>
      <c r="K39" s="97">
        <v>3</v>
      </c>
      <c r="L39" s="99">
        <v>38</v>
      </c>
      <c r="M39" s="100">
        <v>46</v>
      </c>
      <c r="N39" s="101">
        <v>0</v>
      </c>
      <c r="O39" s="102">
        <v>0</v>
      </c>
      <c r="P39" s="103">
        <v>0</v>
      </c>
      <c r="Q39" s="413">
        <v>0</v>
      </c>
      <c r="R39" s="102">
        <v>1</v>
      </c>
      <c r="S39" s="102">
        <v>1</v>
      </c>
      <c r="T39" s="102">
        <v>0</v>
      </c>
      <c r="U39" s="102">
        <v>0</v>
      </c>
      <c r="V39" s="102">
        <v>1</v>
      </c>
      <c r="W39" s="103">
        <v>3</v>
      </c>
      <c r="X39" s="104">
        <v>3</v>
      </c>
      <c r="Y39" s="101">
        <v>1</v>
      </c>
      <c r="Z39" s="102">
        <v>0</v>
      </c>
      <c r="AA39" s="103">
        <v>1</v>
      </c>
      <c r="AB39" s="413">
        <v>0</v>
      </c>
      <c r="AC39" s="102">
        <v>2</v>
      </c>
      <c r="AD39" s="102">
        <v>1</v>
      </c>
      <c r="AE39" s="102">
        <v>0</v>
      </c>
      <c r="AF39" s="102">
        <v>0</v>
      </c>
      <c r="AG39" s="102">
        <v>0</v>
      </c>
      <c r="AH39" s="103">
        <v>3</v>
      </c>
      <c r="AI39" s="104">
        <v>4</v>
      </c>
      <c r="AJ39" s="101">
        <v>0</v>
      </c>
      <c r="AK39" s="102">
        <v>0</v>
      </c>
      <c r="AL39" s="103">
        <v>0</v>
      </c>
      <c r="AM39" s="413">
        <v>0</v>
      </c>
      <c r="AN39" s="102">
        <v>0</v>
      </c>
      <c r="AO39" s="102">
        <v>1</v>
      </c>
      <c r="AP39" s="102">
        <v>2</v>
      </c>
      <c r="AQ39" s="102">
        <v>1</v>
      </c>
      <c r="AR39" s="102">
        <v>1</v>
      </c>
      <c r="AS39" s="103">
        <v>5</v>
      </c>
      <c r="AT39" s="104">
        <v>5</v>
      </c>
      <c r="AU39" s="101">
        <v>0</v>
      </c>
      <c r="AV39" s="102">
        <v>1</v>
      </c>
      <c r="AW39" s="103">
        <v>1</v>
      </c>
      <c r="AX39" s="413">
        <v>0</v>
      </c>
      <c r="AY39" s="102">
        <v>2</v>
      </c>
      <c r="AZ39" s="102">
        <v>2</v>
      </c>
      <c r="BA39" s="102">
        <v>1</v>
      </c>
      <c r="BB39" s="102">
        <v>0</v>
      </c>
      <c r="BC39" s="102">
        <v>1</v>
      </c>
      <c r="BD39" s="103">
        <v>6</v>
      </c>
      <c r="BE39" s="104">
        <v>7</v>
      </c>
      <c r="BF39" s="101">
        <v>1</v>
      </c>
      <c r="BG39" s="102">
        <v>0</v>
      </c>
      <c r="BH39" s="103">
        <v>1</v>
      </c>
      <c r="BI39" s="413">
        <v>0</v>
      </c>
      <c r="BJ39" s="102">
        <v>7</v>
      </c>
      <c r="BK39" s="102">
        <v>2</v>
      </c>
      <c r="BL39" s="102">
        <v>1</v>
      </c>
      <c r="BM39" s="102">
        <v>2</v>
      </c>
      <c r="BN39" s="102">
        <v>0</v>
      </c>
      <c r="BO39" s="103">
        <v>12</v>
      </c>
      <c r="BP39" s="104">
        <v>13</v>
      </c>
      <c r="BQ39" s="101">
        <v>2</v>
      </c>
      <c r="BR39" s="102">
        <v>3</v>
      </c>
      <c r="BS39" s="103">
        <v>5</v>
      </c>
      <c r="BT39" s="413">
        <v>0</v>
      </c>
      <c r="BU39" s="102">
        <v>4</v>
      </c>
      <c r="BV39" s="102">
        <v>0</v>
      </c>
      <c r="BW39" s="102">
        <v>4</v>
      </c>
      <c r="BX39" s="102">
        <v>1</v>
      </c>
      <c r="BY39" s="102">
        <v>0</v>
      </c>
      <c r="BZ39" s="103">
        <v>9</v>
      </c>
      <c r="CA39" s="104">
        <v>14</v>
      </c>
      <c r="CB39" s="101">
        <v>0</v>
      </c>
      <c r="CC39" s="102">
        <v>0</v>
      </c>
      <c r="CD39" s="103">
        <v>0</v>
      </c>
      <c r="CE39" s="413">
        <v>0</v>
      </c>
      <c r="CF39" s="102">
        <v>0</v>
      </c>
      <c r="CG39" s="102">
        <v>0</v>
      </c>
      <c r="CH39" s="102">
        <v>0</v>
      </c>
      <c r="CI39" s="102">
        <v>0</v>
      </c>
      <c r="CJ39" s="102">
        <v>0</v>
      </c>
      <c r="CK39" s="103">
        <v>0</v>
      </c>
      <c r="CL39" s="104">
        <v>0</v>
      </c>
      <c r="CM39" s="101">
        <v>4</v>
      </c>
      <c r="CN39" s="102">
        <v>4</v>
      </c>
      <c r="CO39" s="103">
        <v>8</v>
      </c>
      <c r="CP39" s="413">
        <v>0</v>
      </c>
      <c r="CQ39" s="102">
        <v>16</v>
      </c>
      <c r="CR39" s="102">
        <v>7</v>
      </c>
      <c r="CS39" s="102">
        <v>8</v>
      </c>
      <c r="CT39" s="102">
        <v>4</v>
      </c>
      <c r="CU39" s="102">
        <v>3</v>
      </c>
      <c r="CV39" s="103">
        <v>38</v>
      </c>
      <c r="CW39" s="104">
        <v>46</v>
      </c>
      <c r="CX39" s="105">
        <v>2</v>
      </c>
      <c r="CY39" s="97">
        <v>3</v>
      </c>
      <c r="CZ39" s="98">
        <v>5</v>
      </c>
      <c r="DA39" s="413">
        <v>0</v>
      </c>
      <c r="DB39" s="97">
        <v>4</v>
      </c>
      <c r="DC39" s="97">
        <v>1</v>
      </c>
      <c r="DD39" s="97">
        <v>1</v>
      </c>
      <c r="DE39" s="97">
        <v>1</v>
      </c>
      <c r="DF39" s="97">
        <v>0</v>
      </c>
      <c r="DG39" s="99">
        <v>7</v>
      </c>
      <c r="DH39" s="100">
        <v>12</v>
      </c>
      <c r="DI39" s="101">
        <v>0</v>
      </c>
      <c r="DJ39" s="102">
        <v>0</v>
      </c>
      <c r="DK39" s="103">
        <v>0</v>
      </c>
      <c r="DL39" s="413">
        <v>0</v>
      </c>
      <c r="DM39" s="102">
        <v>1</v>
      </c>
      <c r="DN39" s="102">
        <v>0</v>
      </c>
      <c r="DO39" s="102">
        <v>0</v>
      </c>
      <c r="DP39" s="102">
        <v>0</v>
      </c>
      <c r="DQ39" s="102">
        <v>0</v>
      </c>
      <c r="DR39" s="103">
        <v>1</v>
      </c>
      <c r="DS39" s="104">
        <v>1</v>
      </c>
      <c r="DT39" s="101">
        <v>0</v>
      </c>
      <c r="DU39" s="102">
        <v>0</v>
      </c>
      <c r="DV39" s="103">
        <v>0</v>
      </c>
      <c r="DW39" s="413">
        <v>0</v>
      </c>
      <c r="DX39" s="102">
        <v>0</v>
      </c>
      <c r="DY39" s="102">
        <v>0</v>
      </c>
      <c r="DZ39" s="102">
        <v>0</v>
      </c>
      <c r="EA39" s="102">
        <v>0</v>
      </c>
      <c r="EB39" s="102">
        <v>0</v>
      </c>
      <c r="EC39" s="103">
        <v>0</v>
      </c>
      <c r="ED39" s="104">
        <v>0</v>
      </c>
      <c r="EE39" s="101">
        <v>1</v>
      </c>
      <c r="EF39" s="102">
        <v>0</v>
      </c>
      <c r="EG39" s="103">
        <v>1</v>
      </c>
      <c r="EH39" s="413">
        <v>0</v>
      </c>
      <c r="EI39" s="102">
        <v>0</v>
      </c>
      <c r="EJ39" s="102">
        <v>0</v>
      </c>
      <c r="EK39" s="102">
        <v>0</v>
      </c>
      <c r="EL39" s="102">
        <v>0</v>
      </c>
      <c r="EM39" s="102">
        <v>0</v>
      </c>
      <c r="EN39" s="103">
        <v>0</v>
      </c>
      <c r="EO39" s="104">
        <v>1</v>
      </c>
      <c r="EP39" s="101">
        <v>0</v>
      </c>
      <c r="EQ39" s="102">
        <v>0</v>
      </c>
      <c r="ER39" s="103">
        <v>0</v>
      </c>
      <c r="ES39" s="413">
        <v>0</v>
      </c>
      <c r="ET39" s="102">
        <v>1</v>
      </c>
      <c r="EU39" s="102">
        <v>0</v>
      </c>
      <c r="EV39" s="102">
        <v>0</v>
      </c>
      <c r="EW39" s="102">
        <v>0</v>
      </c>
      <c r="EX39" s="102">
        <v>0</v>
      </c>
      <c r="EY39" s="103">
        <v>1</v>
      </c>
      <c r="EZ39" s="104">
        <v>1</v>
      </c>
      <c r="FA39" s="101">
        <v>0</v>
      </c>
      <c r="FB39" s="102">
        <v>2</v>
      </c>
      <c r="FC39" s="103">
        <v>2</v>
      </c>
      <c r="FD39" s="413">
        <v>0</v>
      </c>
      <c r="FE39" s="102">
        <v>0</v>
      </c>
      <c r="FF39" s="102">
        <v>1</v>
      </c>
      <c r="FG39" s="102">
        <v>0</v>
      </c>
      <c r="FH39" s="102">
        <v>1</v>
      </c>
      <c r="FI39" s="102">
        <v>0</v>
      </c>
      <c r="FJ39" s="103">
        <v>2</v>
      </c>
      <c r="FK39" s="104">
        <v>4</v>
      </c>
      <c r="FL39" s="101">
        <v>1</v>
      </c>
      <c r="FM39" s="102">
        <v>1</v>
      </c>
      <c r="FN39" s="103">
        <v>2</v>
      </c>
      <c r="FO39" s="413">
        <v>0</v>
      </c>
      <c r="FP39" s="102">
        <v>2</v>
      </c>
      <c r="FQ39" s="102">
        <v>0</v>
      </c>
      <c r="FR39" s="102">
        <v>1</v>
      </c>
      <c r="FS39" s="102">
        <v>0</v>
      </c>
      <c r="FT39" s="102">
        <v>0</v>
      </c>
      <c r="FU39" s="103">
        <v>3</v>
      </c>
      <c r="FV39" s="104">
        <v>5</v>
      </c>
      <c r="FW39" s="101">
        <v>0</v>
      </c>
      <c r="FX39" s="102">
        <v>0</v>
      </c>
      <c r="FY39" s="103">
        <v>0</v>
      </c>
      <c r="FZ39" s="413">
        <v>0</v>
      </c>
      <c r="GA39" s="102">
        <v>0</v>
      </c>
      <c r="GB39" s="102">
        <v>0</v>
      </c>
      <c r="GC39" s="102">
        <v>0</v>
      </c>
      <c r="GD39" s="102">
        <v>0</v>
      </c>
      <c r="GE39" s="102">
        <v>0</v>
      </c>
      <c r="GF39" s="103">
        <v>0</v>
      </c>
      <c r="GG39" s="104">
        <v>0</v>
      </c>
      <c r="GH39" s="101">
        <v>2</v>
      </c>
      <c r="GI39" s="102">
        <v>3</v>
      </c>
      <c r="GJ39" s="103">
        <v>5</v>
      </c>
      <c r="GK39" s="413">
        <v>0</v>
      </c>
      <c r="GL39" s="102">
        <v>4</v>
      </c>
      <c r="GM39" s="102">
        <v>1</v>
      </c>
      <c r="GN39" s="102">
        <v>1</v>
      </c>
      <c r="GO39" s="102">
        <v>1</v>
      </c>
      <c r="GP39" s="102">
        <v>0</v>
      </c>
      <c r="GQ39" s="103">
        <v>7</v>
      </c>
      <c r="GR39" s="104">
        <v>12</v>
      </c>
      <c r="GS39" s="105">
        <v>6</v>
      </c>
      <c r="GT39" s="97">
        <v>7</v>
      </c>
      <c r="GU39" s="98">
        <v>13</v>
      </c>
      <c r="GV39" s="413">
        <v>0</v>
      </c>
      <c r="GW39" s="97">
        <v>20</v>
      </c>
      <c r="GX39" s="97">
        <v>8</v>
      </c>
      <c r="GY39" s="97">
        <v>9</v>
      </c>
      <c r="GZ39" s="97">
        <v>5</v>
      </c>
      <c r="HA39" s="97">
        <v>3</v>
      </c>
      <c r="HB39" s="99">
        <v>45</v>
      </c>
      <c r="HC39" s="100">
        <v>58</v>
      </c>
      <c r="HD39" s="101">
        <v>0</v>
      </c>
      <c r="HE39" s="102">
        <v>0</v>
      </c>
      <c r="HF39" s="103">
        <v>0</v>
      </c>
      <c r="HG39" s="413">
        <v>0</v>
      </c>
      <c r="HH39" s="102">
        <v>2</v>
      </c>
      <c r="HI39" s="102">
        <v>1</v>
      </c>
      <c r="HJ39" s="102">
        <v>0</v>
      </c>
      <c r="HK39" s="102">
        <v>0</v>
      </c>
      <c r="HL39" s="102">
        <v>1</v>
      </c>
      <c r="HM39" s="103">
        <v>4</v>
      </c>
      <c r="HN39" s="104">
        <v>4</v>
      </c>
      <c r="HO39" s="101">
        <v>1</v>
      </c>
      <c r="HP39" s="102">
        <v>0</v>
      </c>
      <c r="HQ39" s="103">
        <v>1</v>
      </c>
      <c r="HR39" s="413">
        <v>0</v>
      </c>
      <c r="HS39" s="102">
        <v>2</v>
      </c>
      <c r="HT39" s="102">
        <v>1</v>
      </c>
      <c r="HU39" s="102">
        <v>0</v>
      </c>
      <c r="HV39" s="102">
        <v>0</v>
      </c>
      <c r="HW39" s="102">
        <v>0</v>
      </c>
      <c r="HX39" s="103">
        <v>3</v>
      </c>
      <c r="HY39" s="104">
        <v>4</v>
      </c>
      <c r="HZ39" s="101">
        <v>1</v>
      </c>
      <c r="IA39" s="102">
        <v>0</v>
      </c>
      <c r="IB39" s="103">
        <v>1</v>
      </c>
      <c r="IC39" s="413">
        <v>0</v>
      </c>
      <c r="ID39" s="102">
        <v>0</v>
      </c>
      <c r="IE39" s="102">
        <v>1</v>
      </c>
      <c r="IF39" s="102">
        <v>2</v>
      </c>
      <c r="IG39" s="102">
        <v>1</v>
      </c>
      <c r="IH39" s="102">
        <v>1</v>
      </c>
      <c r="II39" s="103">
        <v>5</v>
      </c>
      <c r="IJ39" s="104">
        <v>6</v>
      </c>
      <c r="IK39" s="101">
        <v>0</v>
      </c>
      <c r="IL39" s="102">
        <v>1</v>
      </c>
      <c r="IM39" s="103">
        <v>1</v>
      </c>
      <c r="IN39" s="413">
        <v>0</v>
      </c>
      <c r="IO39" s="102">
        <v>3</v>
      </c>
      <c r="IP39" s="102">
        <v>2</v>
      </c>
      <c r="IQ39" s="102">
        <v>1</v>
      </c>
      <c r="IR39" s="102">
        <v>0</v>
      </c>
      <c r="IS39" s="102">
        <v>1</v>
      </c>
      <c r="IT39" s="103">
        <v>7</v>
      </c>
      <c r="IU39" s="104">
        <v>8</v>
      </c>
      <c r="IV39" s="101">
        <v>1</v>
      </c>
      <c r="IW39" s="102">
        <v>2</v>
      </c>
      <c r="IX39" s="103">
        <v>3</v>
      </c>
      <c r="IY39" s="413">
        <v>0</v>
      </c>
      <c r="IZ39" s="102">
        <v>7</v>
      </c>
      <c r="JA39" s="102">
        <v>3</v>
      </c>
      <c r="JB39" s="102">
        <v>1</v>
      </c>
      <c r="JC39" s="102">
        <v>3</v>
      </c>
      <c r="JD39" s="102">
        <v>0</v>
      </c>
      <c r="JE39" s="103">
        <v>14</v>
      </c>
      <c r="JF39" s="104">
        <v>17</v>
      </c>
      <c r="JG39" s="101">
        <v>3</v>
      </c>
      <c r="JH39" s="102">
        <v>4</v>
      </c>
      <c r="JI39" s="103">
        <v>7</v>
      </c>
      <c r="JJ39" s="413">
        <v>0</v>
      </c>
      <c r="JK39" s="102">
        <v>6</v>
      </c>
      <c r="JL39" s="102">
        <v>0</v>
      </c>
      <c r="JM39" s="102">
        <v>5</v>
      </c>
      <c r="JN39" s="102">
        <v>1</v>
      </c>
      <c r="JO39" s="102">
        <v>0</v>
      </c>
      <c r="JP39" s="103">
        <v>12</v>
      </c>
      <c r="JQ39" s="104">
        <v>19</v>
      </c>
      <c r="JR39" s="101">
        <v>0</v>
      </c>
      <c r="JS39" s="102">
        <v>0</v>
      </c>
      <c r="JT39" s="103">
        <v>0</v>
      </c>
      <c r="JU39" s="413">
        <v>0</v>
      </c>
      <c r="JV39" s="102">
        <v>0</v>
      </c>
      <c r="JW39" s="102">
        <v>0</v>
      </c>
      <c r="JX39" s="102">
        <v>0</v>
      </c>
      <c r="JY39" s="102">
        <v>0</v>
      </c>
      <c r="JZ39" s="102">
        <v>0</v>
      </c>
      <c r="KA39" s="103">
        <v>0</v>
      </c>
      <c r="KB39" s="104">
        <v>0</v>
      </c>
      <c r="KC39" s="101">
        <v>6</v>
      </c>
      <c r="KD39" s="102">
        <v>7</v>
      </c>
      <c r="KE39" s="103">
        <v>13</v>
      </c>
      <c r="KF39" s="413">
        <v>0</v>
      </c>
      <c r="KG39" s="102">
        <v>20</v>
      </c>
      <c r="KH39" s="102">
        <v>8</v>
      </c>
      <c r="KI39" s="102">
        <v>9</v>
      </c>
      <c r="KJ39" s="102">
        <v>5</v>
      </c>
      <c r="KK39" s="102">
        <v>3</v>
      </c>
      <c r="KL39" s="103">
        <v>45</v>
      </c>
      <c r="KM39" s="104">
        <v>58</v>
      </c>
    </row>
    <row r="40" spans="2:299" s="70" customFormat="1" ht="21" customHeight="1" thickBot="1" x14ac:dyDescent="0.25">
      <c r="B40" s="108" t="s">
        <v>37</v>
      </c>
      <c r="C40" s="109">
        <v>0</v>
      </c>
      <c r="D40" s="110">
        <v>0</v>
      </c>
      <c r="E40" s="111">
        <v>0</v>
      </c>
      <c r="F40" s="414">
        <v>0</v>
      </c>
      <c r="G40" s="110">
        <v>1</v>
      </c>
      <c r="H40" s="110">
        <v>3</v>
      </c>
      <c r="I40" s="110">
        <v>1</v>
      </c>
      <c r="J40" s="110">
        <v>0</v>
      </c>
      <c r="K40" s="110">
        <v>0</v>
      </c>
      <c r="L40" s="112">
        <v>5</v>
      </c>
      <c r="M40" s="113">
        <v>5</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1</v>
      </c>
      <c r="AF40" s="115">
        <v>0</v>
      </c>
      <c r="AG40" s="115">
        <v>0</v>
      </c>
      <c r="AH40" s="116">
        <v>1</v>
      </c>
      <c r="AI40" s="117">
        <v>1</v>
      </c>
      <c r="AJ40" s="114">
        <v>0</v>
      </c>
      <c r="AK40" s="115">
        <v>0</v>
      </c>
      <c r="AL40" s="116">
        <v>0</v>
      </c>
      <c r="AM40" s="414">
        <v>0</v>
      </c>
      <c r="AN40" s="115">
        <v>1</v>
      </c>
      <c r="AO40" s="115">
        <v>2</v>
      </c>
      <c r="AP40" s="115">
        <v>0</v>
      </c>
      <c r="AQ40" s="115">
        <v>0</v>
      </c>
      <c r="AR40" s="115">
        <v>0</v>
      </c>
      <c r="AS40" s="116">
        <v>3</v>
      </c>
      <c r="AT40" s="117">
        <v>3</v>
      </c>
      <c r="AU40" s="114">
        <v>0</v>
      </c>
      <c r="AV40" s="115">
        <v>0</v>
      </c>
      <c r="AW40" s="116">
        <v>0</v>
      </c>
      <c r="AX40" s="414">
        <v>0</v>
      </c>
      <c r="AY40" s="115">
        <v>0</v>
      </c>
      <c r="AZ40" s="115">
        <v>0</v>
      </c>
      <c r="BA40" s="115">
        <v>0</v>
      </c>
      <c r="BB40" s="115">
        <v>0</v>
      </c>
      <c r="BC40" s="115">
        <v>0</v>
      </c>
      <c r="BD40" s="116">
        <v>0</v>
      </c>
      <c r="BE40" s="117">
        <v>0</v>
      </c>
      <c r="BF40" s="114">
        <v>0</v>
      </c>
      <c r="BG40" s="115">
        <v>0</v>
      </c>
      <c r="BH40" s="116">
        <v>0</v>
      </c>
      <c r="BI40" s="414">
        <v>0</v>
      </c>
      <c r="BJ40" s="115">
        <v>0</v>
      </c>
      <c r="BK40" s="115">
        <v>0</v>
      </c>
      <c r="BL40" s="115">
        <v>0</v>
      </c>
      <c r="BM40" s="115">
        <v>0</v>
      </c>
      <c r="BN40" s="115">
        <v>0</v>
      </c>
      <c r="BO40" s="116">
        <v>0</v>
      </c>
      <c r="BP40" s="117">
        <v>0</v>
      </c>
      <c r="BQ40" s="114">
        <v>0</v>
      </c>
      <c r="BR40" s="115">
        <v>0</v>
      </c>
      <c r="BS40" s="116">
        <v>0</v>
      </c>
      <c r="BT40" s="414">
        <v>0</v>
      </c>
      <c r="BU40" s="115">
        <v>0</v>
      </c>
      <c r="BV40" s="115">
        <v>1</v>
      </c>
      <c r="BW40" s="115">
        <v>0</v>
      </c>
      <c r="BX40" s="115">
        <v>0</v>
      </c>
      <c r="BY40" s="115">
        <v>0</v>
      </c>
      <c r="BZ40" s="116">
        <v>1</v>
      </c>
      <c r="CA40" s="117">
        <v>1</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1</v>
      </c>
      <c r="CR40" s="115">
        <v>3</v>
      </c>
      <c r="CS40" s="115">
        <v>1</v>
      </c>
      <c r="CT40" s="115">
        <v>0</v>
      </c>
      <c r="CU40" s="115">
        <v>0</v>
      </c>
      <c r="CV40" s="116">
        <v>5</v>
      </c>
      <c r="CW40" s="117">
        <v>5</v>
      </c>
      <c r="CX40" s="118">
        <v>0</v>
      </c>
      <c r="CY40" s="110">
        <v>0</v>
      </c>
      <c r="CZ40" s="111">
        <v>0</v>
      </c>
      <c r="DA40" s="414">
        <v>0</v>
      </c>
      <c r="DB40" s="110">
        <v>0</v>
      </c>
      <c r="DC40" s="110">
        <v>0</v>
      </c>
      <c r="DD40" s="110">
        <v>0</v>
      </c>
      <c r="DE40" s="110">
        <v>1</v>
      </c>
      <c r="DF40" s="110">
        <v>0</v>
      </c>
      <c r="DG40" s="112">
        <v>1</v>
      </c>
      <c r="DH40" s="113">
        <v>1</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1</v>
      </c>
      <c r="EB40" s="115">
        <v>0</v>
      </c>
      <c r="EC40" s="116">
        <v>1</v>
      </c>
      <c r="ED40" s="117">
        <v>1</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0</v>
      </c>
      <c r="FU40" s="116">
        <v>0</v>
      </c>
      <c r="FV40" s="117">
        <v>0</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1</v>
      </c>
      <c r="GP40" s="115">
        <v>0</v>
      </c>
      <c r="GQ40" s="116">
        <v>1</v>
      </c>
      <c r="GR40" s="117">
        <v>1</v>
      </c>
      <c r="GS40" s="118">
        <v>0</v>
      </c>
      <c r="GT40" s="110">
        <v>0</v>
      </c>
      <c r="GU40" s="111">
        <v>0</v>
      </c>
      <c r="GV40" s="414">
        <v>0</v>
      </c>
      <c r="GW40" s="110">
        <v>1</v>
      </c>
      <c r="GX40" s="110">
        <v>3</v>
      </c>
      <c r="GY40" s="110">
        <v>1</v>
      </c>
      <c r="GZ40" s="110">
        <v>1</v>
      </c>
      <c r="HA40" s="110">
        <v>0</v>
      </c>
      <c r="HB40" s="112">
        <v>6</v>
      </c>
      <c r="HC40" s="113">
        <v>6</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0</v>
      </c>
      <c r="HU40" s="115">
        <v>1</v>
      </c>
      <c r="HV40" s="115">
        <v>1</v>
      </c>
      <c r="HW40" s="115">
        <v>0</v>
      </c>
      <c r="HX40" s="116">
        <v>2</v>
      </c>
      <c r="HY40" s="117">
        <v>2</v>
      </c>
      <c r="HZ40" s="114">
        <v>0</v>
      </c>
      <c r="IA40" s="115">
        <v>0</v>
      </c>
      <c r="IB40" s="116">
        <v>0</v>
      </c>
      <c r="IC40" s="414">
        <v>0</v>
      </c>
      <c r="ID40" s="115">
        <v>1</v>
      </c>
      <c r="IE40" s="115">
        <v>2</v>
      </c>
      <c r="IF40" s="115">
        <v>0</v>
      </c>
      <c r="IG40" s="115">
        <v>0</v>
      </c>
      <c r="IH40" s="115">
        <v>0</v>
      </c>
      <c r="II40" s="116">
        <v>3</v>
      </c>
      <c r="IJ40" s="117">
        <v>3</v>
      </c>
      <c r="IK40" s="114">
        <v>0</v>
      </c>
      <c r="IL40" s="115">
        <v>0</v>
      </c>
      <c r="IM40" s="116">
        <v>0</v>
      </c>
      <c r="IN40" s="414">
        <v>0</v>
      </c>
      <c r="IO40" s="115">
        <v>0</v>
      </c>
      <c r="IP40" s="115">
        <v>0</v>
      </c>
      <c r="IQ40" s="115">
        <v>0</v>
      </c>
      <c r="IR40" s="115">
        <v>0</v>
      </c>
      <c r="IS40" s="115">
        <v>0</v>
      </c>
      <c r="IT40" s="116">
        <v>0</v>
      </c>
      <c r="IU40" s="117">
        <v>0</v>
      </c>
      <c r="IV40" s="114">
        <v>0</v>
      </c>
      <c r="IW40" s="115">
        <v>0</v>
      </c>
      <c r="IX40" s="116">
        <v>0</v>
      </c>
      <c r="IY40" s="414">
        <v>0</v>
      </c>
      <c r="IZ40" s="115">
        <v>0</v>
      </c>
      <c r="JA40" s="115">
        <v>0</v>
      </c>
      <c r="JB40" s="115">
        <v>0</v>
      </c>
      <c r="JC40" s="115">
        <v>0</v>
      </c>
      <c r="JD40" s="115">
        <v>0</v>
      </c>
      <c r="JE40" s="116">
        <v>0</v>
      </c>
      <c r="JF40" s="117">
        <v>0</v>
      </c>
      <c r="JG40" s="114">
        <v>0</v>
      </c>
      <c r="JH40" s="115">
        <v>0</v>
      </c>
      <c r="JI40" s="116">
        <v>0</v>
      </c>
      <c r="JJ40" s="414">
        <v>0</v>
      </c>
      <c r="JK40" s="115">
        <v>0</v>
      </c>
      <c r="JL40" s="115">
        <v>1</v>
      </c>
      <c r="JM40" s="115">
        <v>0</v>
      </c>
      <c r="JN40" s="115">
        <v>0</v>
      </c>
      <c r="JO40" s="115">
        <v>0</v>
      </c>
      <c r="JP40" s="116">
        <v>1</v>
      </c>
      <c r="JQ40" s="117">
        <v>1</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1</v>
      </c>
      <c r="KH40" s="115">
        <v>3</v>
      </c>
      <c r="KI40" s="115">
        <v>1</v>
      </c>
      <c r="KJ40" s="115">
        <v>1</v>
      </c>
      <c r="KK40" s="115">
        <v>0</v>
      </c>
      <c r="KL40" s="116">
        <v>6</v>
      </c>
      <c r="KM40" s="117">
        <v>6</v>
      </c>
    </row>
    <row r="41" spans="2:299" ht="32.25" customHeight="1" x14ac:dyDescent="0.2">
      <c r="C41" s="70" t="s">
        <v>124</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0">
        <f>第１表!F2</f>
        <v>6</v>
      </c>
      <c r="G1" s="440"/>
      <c r="H1" s="18">
        <f>第１表!G2</f>
        <v>12</v>
      </c>
      <c r="I1" s="422">
        <f>H1</f>
        <v>12</v>
      </c>
      <c r="J1" s="422"/>
    </row>
    <row r="2" spans="2:299" ht="24" customHeight="1" thickBot="1" x14ac:dyDescent="0.25">
      <c r="B2" s="10" t="s">
        <v>150</v>
      </c>
    </row>
    <row r="3" spans="2:299" ht="21" customHeight="1" thickBot="1" x14ac:dyDescent="0.25">
      <c r="B3" s="423" t="s">
        <v>38</v>
      </c>
      <c r="C3" s="435" t="s">
        <v>96</v>
      </c>
      <c r="D3" s="435"/>
      <c r="E3" s="435"/>
      <c r="F3" s="435"/>
      <c r="G3" s="435"/>
      <c r="H3" s="435"/>
      <c r="I3" s="435"/>
      <c r="J3" s="435"/>
      <c r="K3" s="435"/>
      <c r="L3" s="435"/>
      <c r="M3" s="435"/>
      <c r="N3" s="435"/>
      <c r="O3" s="435"/>
      <c r="P3" s="435"/>
      <c r="Q3" s="435"/>
      <c r="R3" s="435"/>
      <c r="S3" s="435"/>
      <c r="T3" s="435"/>
      <c r="U3" s="435"/>
      <c r="V3" s="435"/>
      <c r="W3" s="435"/>
      <c r="X3" s="435"/>
      <c r="Y3" s="435"/>
      <c r="Z3" s="435"/>
      <c r="AA3" s="435"/>
      <c r="AB3" s="435"/>
      <c r="AC3" s="435"/>
      <c r="AD3" s="435"/>
      <c r="AE3" s="435"/>
      <c r="AF3" s="435"/>
      <c r="AG3" s="435"/>
      <c r="AH3" s="435"/>
      <c r="AI3" s="435"/>
      <c r="AJ3" s="435"/>
      <c r="AK3" s="435"/>
      <c r="AL3" s="435"/>
      <c r="AM3" s="435"/>
      <c r="AN3" s="435"/>
      <c r="AO3" s="435"/>
      <c r="AP3" s="435"/>
      <c r="AQ3" s="435"/>
      <c r="AR3" s="435"/>
      <c r="AS3" s="435"/>
      <c r="AT3" s="435"/>
      <c r="AU3" s="435"/>
      <c r="AV3" s="435"/>
      <c r="AW3" s="435"/>
      <c r="AX3" s="435"/>
      <c r="AY3" s="435"/>
      <c r="AZ3" s="435"/>
      <c r="BA3" s="435"/>
      <c r="BB3" s="435"/>
      <c r="BC3" s="435"/>
      <c r="BD3" s="435"/>
      <c r="BE3" s="435"/>
      <c r="BF3" s="435"/>
      <c r="BG3" s="435"/>
      <c r="BH3" s="435"/>
      <c r="BI3" s="435"/>
      <c r="BJ3" s="435"/>
      <c r="BK3" s="435"/>
      <c r="BL3" s="435"/>
      <c r="BM3" s="435"/>
      <c r="BN3" s="435"/>
      <c r="BO3" s="435"/>
      <c r="BP3" s="435"/>
      <c r="BQ3" s="435"/>
      <c r="BR3" s="435"/>
      <c r="BS3" s="435"/>
      <c r="BT3" s="435"/>
      <c r="BU3" s="435"/>
      <c r="BV3" s="435"/>
      <c r="BW3" s="435"/>
      <c r="BX3" s="435"/>
      <c r="BY3" s="435"/>
      <c r="BZ3" s="435"/>
      <c r="CA3" s="435"/>
      <c r="CB3" s="435"/>
      <c r="CC3" s="435"/>
      <c r="CD3" s="435"/>
      <c r="CE3" s="435"/>
      <c r="CF3" s="435"/>
      <c r="CG3" s="435"/>
      <c r="CH3" s="435"/>
      <c r="CI3" s="435"/>
      <c r="CJ3" s="435"/>
      <c r="CK3" s="435"/>
      <c r="CL3" s="435"/>
      <c r="CM3" s="435"/>
      <c r="CN3" s="435"/>
      <c r="CO3" s="435"/>
      <c r="CP3" s="435"/>
      <c r="CQ3" s="435"/>
      <c r="CR3" s="435"/>
      <c r="CS3" s="435"/>
      <c r="CT3" s="435"/>
      <c r="CU3" s="435"/>
      <c r="CV3" s="435"/>
      <c r="CW3" s="436"/>
      <c r="CX3" s="435" t="s">
        <v>102</v>
      </c>
      <c r="CY3" s="435"/>
      <c r="CZ3" s="435"/>
      <c r="DA3" s="435"/>
      <c r="DB3" s="435"/>
      <c r="DC3" s="435"/>
      <c r="DD3" s="435"/>
      <c r="DE3" s="435"/>
      <c r="DF3" s="435"/>
      <c r="DG3" s="435"/>
      <c r="DH3" s="435"/>
      <c r="DI3" s="435"/>
      <c r="DJ3" s="435"/>
      <c r="DK3" s="435"/>
      <c r="DL3" s="435"/>
      <c r="DM3" s="435"/>
      <c r="DN3" s="435"/>
      <c r="DO3" s="435"/>
      <c r="DP3" s="435"/>
      <c r="DQ3" s="435"/>
      <c r="DR3" s="435"/>
      <c r="DS3" s="435"/>
      <c r="DT3" s="435"/>
      <c r="DU3" s="435"/>
      <c r="DV3" s="435"/>
      <c r="DW3" s="435"/>
      <c r="DX3" s="435"/>
      <c r="DY3" s="435"/>
      <c r="DZ3" s="435"/>
      <c r="EA3" s="435"/>
      <c r="EB3" s="435"/>
      <c r="EC3" s="435"/>
      <c r="ED3" s="435"/>
      <c r="EE3" s="435"/>
      <c r="EF3" s="435"/>
      <c r="EG3" s="435"/>
      <c r="EH3" s="435"/>
      <c r="EI3" s="435"/>
      <c r="EJ3" s="435"/>
      <c r="EK3" s="435"/>
      <c r="EL3" s="435"/>
      <c r="EM3" s="435"/>
      <c r="EN3" s="435"/>
      <c r="EO3" s="435"/>
      <c r="EP3" s="435"/>
      <c r="EQ3" s="435"/>
      <c r="ER3" s="435"/>
      <c r="ES3" s="435"/>
      <c r="ET3" s="435"/>
      <c r="EU3" s="435"/>
      <c r="EV3" s="435"/>
      <c r="EW3" s="435"/>
      <c r="EX3" s="435"/>
      <c r="EY3" s="435"/>
      <c r="EZ3" s="435"/>
      <c r="FA3" s="435"/>
      <c r="FB3" s="435"/>
      <c r="FC3" s="435"/>
      <c r="FD3" s="435"/>
      <c r="FE3" s="435"/>
      <c r="FF3" s="435"/>
      <c r="FG3" s="435"/>
      <c r="FH3" s="435"/>
      <c r="FI3" s="435"/>
      <c r="FJ3" s="435"/>
      <c r="FK3" s="435"/>
      <c r="FL3" s="435"/>
      <c r="FM3" s="435"/>
      <c r="FN3" s="435"/>
      <c r="FO3" s="435"/>
      <c r="FP3" s="435"/>
      <c r="FQ3" s="435"/>
      <c r="FR3" s="435"/>
      <c r="FS3" s="435"/>
      <c r="FT3" s="435"/>
      <c r="FU3" s="435"/>
      <c r="FV3" s="435"/>
      <c r="FW3" s="435"/>
      <c r="FX3" s="435"/>
      <c r="FY3" s="435"/>
      <c r="FZ3" s="435"/>
      <c r="GA3" s="435"/>
      <c r="GB3" s="435"/>
      <c r="GC3" s="435"/>
      <c r="GD3" s="435"/>
      <c r="GE3" s="435"/>
      <c r="GF3" s="435"/>
      <c r="GG3" s="435"/>
      <c r="GH3" s="435"/>
      <c r="GI3" s="435"/>
      <c r="GJ3" s="435"/>
      <c r="GK3" s="435"/>
      <c r="GL3" s="435"/>
      <c r="GM3" s="435"/>
      <c r="GN3" s="435"/>
      <c r="GO3" s="435"/>
      <c r="GP3" s="435"/>
      <c r="GQ3" s="435"/>
      <c r="GR3" s="436"/>
      <c r="GS3" s="435" t="s">
        <v>103</v>
      </c>
      <c r="GT3" s="435"/>
      <c r="GU3" s="435"/>
      <c r="GV3" s="435"/>
      <c r="GW3" s="435"/>
      <c r="GX3" s="435"/>
      <c r="GY3" s="435"/>
      <c r="GZ3" s="435"/>
      <c r="HA3" s="435"/>
      <c r="HB3" s="435"/>
      <c r="HC3" s="435"/>
      <c r="HD3" s="435"/>
      <c r="HE3" s="435"/>
      <c r="HF3" s="435"/>
      <c r="HG3" s="435"/>
      <c r="HH3" s="435"/>
      <c r="HI3" s="435"/>
      <c r="HJ3" s="435"/>
      <c r="HK3" s="435"/>
      <c r="HL3" s="435"/>
      <c r="HM3" s="435"/>
      <c r="HN3" s="435"/>
      <c r="HO3" s="435"/>
      <c r="HP3" s="435"/>
      <c r="HQ3" s="435"/>
      <c r="HR3" s="435"/>
      <c r="HS3" s="435"/>
      <c r="HT3" s="435"/>
      <c r="HU3" s="435"/>
      <c r="HV3" s="435"/>
      <c r="HW3" s="435"/>
      <c r="HX3" s="435"/>
      <c r="HY3" s="435"/>
      <c r="HZ3" s="435"/>
      <c r="IA3" s="435"/>
      <c r="IB3" s="435"/>
      <c r="IC3" s="435"/>
      <c r="ID3" s="435"/>
      <c r="IE3" s="435"/>
      <c r="IF3" s="435"/>
      <c r="IG3" s="435"/>
      <c r="IH3" s="435"/>
      <c r="II3" s="435"/>
      <c r="IJ3" s="435"/>
      <c r="IK3" s="435"/>
      <c r="IL3" s="435"/>
      <c r="IM3" s="435"/>
      <c r="IN3" s="435"/>
      <c r="IO3" s="435"/>
      <c r="IP3" s="435"/>
      <c r="IQ3" s="435"/>
      <c r="IR3" s="435"/>
      <c r="IS3" s="435"/>
      <c r="IT3" s="435"/>
      <c r="IU3" s="435"/>
      <c r="IV3" s="435"/>
      <c r="IW3" s="435"/>
      <c r="IX3" s="435"/>
      <c r="IY3" s="435"/>
      <c r="IZ3" s="435"/>
      <c r="JA3" s="435"/>
      <c r="JB3" s="435"/>
      <c r="JC3" s="435"/>
      <c r="JD3" s="435"/>
      <c r="JE3" s="435"/>
      <c r="JF3" s="435"/>
      <c r="JG3" s="435"/>
      <c r="JH3" s="435"/>
      <c r="JI3" s="435"/>
      <c r="JJ3" s="435"/>
      <c r="JK3" s="435"/>
      <c r="JL3" s="435"/>
      <c r="JM3" s="435"/>
      <c r="JN3" s="435"/>
      <c r="JO3" s="435"/>
      <c r="JP3" s="435"/>
      <c r="JQ3" s="435"/>
      <c r="JR3" s="435"/>
      <c r="JS3" s="435"/>
      <c r="JT3" s="435"/>
      <c r="JU3" s="435"/>
      <c r="JV3" s="435"/>
      <c r="JW3" s="435"/>
      <c r="JX3" s="435"/>
      <c r="JY3" s="435"/>
      <c r="JZ3" s="435"/>
      <c r="KA3" s="435"/>
      <c r="KB3" s="435"/>
      <c r="KC3" s="435"/>
      <c r="KD3" s="435"/>
      <c r="KE3" s="435"/>
      <c r="KF3" s="435"/>
      <c r="KG3" s="435"/>
      <c r="KH3" s="435"/>
      <c r="KI3" s="435"/>
      <c r="KJ3" s="435"/>
      <c r="KK3" s="435"/>
      <c r="KL3" s="435"/>
      <c r="KM3" s="436"/>
    </row>
    <row r="4" spans="2:299" ht="21" customHeight="1" thickBot="1" x14ac:dyDescent="0.25">
      <c r="B4" s="441"/>
      <c r="C4" s="437" t="s">
        <v>39</v>
      </c>
      <c r="D4" s="438"/>
      <c r="E4" s="438"/>
      <c r="F4" s="438"/>
      <c r="G4" s="438"/>
      <c r="H4" s="438"/>
      <c r="I4" s="438"/>
      <c r="J4" s="438"/>
      <c r="K4" s="438"/>
      <c r="L4" s="438"/>
      <c r="M4" s="438"/>
      <c r="N4" s="438"/>
      <c r="O4" s="438"/>
      <c r="P4" s="438"/>
      <c r="Q4" s="438"/>
      <c r="R4" s="438"/>
      <c r="S4" s="438"/>
      <c r="T4" s="438"/>
      <c r="U4" s="438"/>
      <c r="V4" s="438"/>
      <c r="W4" s="438"/>
      <c r="X4" s="438"/>
      <c r="Y4" s="438"/>
      <c r="Z4" s="438"/>
      <c r="AA4" s="438"/>
      <c r="AB4" s="438"/>
      <c r="AC4" s="438"/>
      <c r="AD4" s="438"/>
      <c r="AE4" s="438"/>
      <c r="AF4" s="438"/>
      <c r="AG4" s="438"/>
      <c r="AH4" s="438"/>
      <c r="AI4" s="438"/>
      <c r="AJ4" s="438"/>
      <c r="AK4" s="438"/>
      <c r="AL4" s="438"/>
      <c r="AM4" s="438"/>
      <c r="AN4" s="438"/>
      <c r="AO4" s="438"/>
      <c r="AP4" s="438"/>
      <c r="AQ4" s="438"/>
      <c r="AR4" s="438"/>
      <c r="AS4" s="438"/>
      <c r="AT4" s="438"/>
      <c r="AU4" s="438"/>
      <c r="AV4" s="438"/>
      <c r="AW4" s="438"/>
      <c r="AX4" s="438"/>
      <c r="AY4" s="438"/>
      <c r="AZ4" s="438"/>
      <c r="BA4" s="438"/>
      <c r="BB4" s="438"/>
      <c r="BC4" s="438"/>
      <c r="BD4" s="438"/>
      <c r="BE4" s="438"/>
      <c r="BF4" s="438"/>
      <c r="BG4" s="438"/>
      <c r="BH4" s="438"/>
      <c r="BI4" s="438"/>
      <c r="BJ4" s="438"/>
      <c r="BK4" s="438"/>
      <c r="BL4" s="438"/>
      <c r="BM4" s="438"/>
      <c r="BN4" s="438"/>
      <c r="BO4" s="438"/>
      <c r="BP4" s="438"/>
      <c r="BQ4" s="438"/>
      <c r="BR4" s="438"/>
      <c r="BS4" s="438"/>
      <c r="BT4" s="438"/>
      <c r="BU4" s="438"/>
      <c r="BV4" s="438"/>
      <c r="BW4" s="438"/>
      <c r="BX4" s="438"/>
      <c r="BY4" s="438"/>
      <c r="BZ4" s="438"/>
      <c r="CA4" s="439"/>
      <c r="CB4" s="423" t="s">
        <v>40</v>
      </c>
      <c r="CC4" s="424"/>
      <c r="CD4" s="424"/>
      <c r="CE4" s="424"/>
      <c r="CF4" s="424"/>
      <c r="CG4" s="424"/>
      <c r="CH4" s="424"/>
      <c r="CI4" s="424"/>
      <c r="CJ4" s="424"/>
      <c r="CK4" s="424"/>
      <c r="CL4" s="425"/>
      <c r="CM4" s="423" t="s">
        <v>41</v>
      </c>
      <c r="CN4" s="424"/>
      <c r="CO4" s="424"/>
      <c r="CP4" s="424"/>
      <c r="CQ4" s="424"/>
      <c r="CR4" s="424"/>
      <c r="CS4" s="424"/>
      <c r="CT4" s="424"/>
      <c r="CU4" s="424"/>
      <c r="CV4" s="424"/>
      <c r="CW4" s="425"/>
      <c r="CX4" s="437" t="s">
        <v>39</v>
      </c>
      <c r="CY4" s="438"/>
      <c r="CZ4" s="438"/>
      <c r="DA4" s="438"/>
      <c r="DB4" s="438"/>
      <c r="DC4" s="438"/>
      <c r="DD4" s="438"/>
      <c r="DE4" s="438"/>
      <c r="DF4" s="438"/>
      <c r="DG4" s="438"/>
      <c r="DH4" s="438"/>
      <c r="DI4" s="438"/>
      <c r="DJ4" s="438"/>
      <c r="DK4" s="438"/>
      <c r="DL4" s="438"/>
      <c r="DM4" s="438"/>
      <c r="DN4" s="438"/>
      <c r="DO4" s="438"/>
      <c r="DP4" s="438"/>
      <c r="DQ4" s="438"/>
      <c r="DR4" s="438"/>
      <c r="DS4" s="438"/>
      <c r="DT4" s="438"/>
      <c r="DU4" s="438"/>
      <c r="DV4" s="438"/>
      <c r="DW4" s="438"/>
      <c r="DX4" s="438"/>
      <c r="DY4" s="438"/>
      <c r="DZ4" s="438"/>
      <c r="EA4" s="438"/>
      <c r="EB4" s="438"/>
      <c r="EC4" s="438"/>
      <c r="ED4" s="438"/>
      <c r="EE4" s="438"/>
      <c r="EF4" s="438"/>
      <c r="EG4" s="438"/>
      <c r="EH4" s="438"/>
      <c r="EI4" s="438"/>
      <c r="EJ4" s="438"/>
      <c r="EK4" s="438"/>
      <c r="EL4" s="438"/>
      <c r="EM4" s="438"/>
      <c r="EN4" s="438"/>
      <c r="EO4" s="438"/>
      <c r="EP4" s="438"/>
      <c r="EQ4" s="438"/>
      <c r="ER4" s="438"/>
      <c r="ES4" s="438"/>
      <c r="ET4" s="438"/>
      <c r="EU4" s="438"/>
      <c r="EV4" s="438"/>
      <c r="EW4" s="438"/>
      <c r="EX4" s="438"/>
      <c r="EY4" s="438"/>
      <c r="EZ4" s="438"/>
      <c r="FA4" s="438"/>
      <c r="FB4" s="438"/>
      <c r="FC4" s="438"/>
      <c r="FD4" s="438"/>
      <c r="FE4" s="438"/>
      <c r="FF4" s="438"/>
      <c r="FG4" s="438"/>
      <c r="FH4" s="438"/>
      <c r="FI4" s="438"/>
      <c r="FJ4" s="438"/>
      <c r="FK4" s="438"/>
      <c r="FL4" s="438"/>
      <c r="FM4" s="438"/>
      <c r="FN4" s="438"/>
      <c r="FO4" s="438"/>
      <c r="FP4" s="438"/>
      <c r="FQ4" s="438"/>
      <c r="FR4" s="438"/>
      <c r="FS4" s="438"/>
      <c r="FT4" s="438"/>
      <c r="FU4" s="438"/>
      <c r="FV4" s="439"/>
      <c r="FW4" s="423" t="s">
        <v>40</v>
      </c>
      <c r="FX4" s="424"/>
      <c r="FY4" s="424"/>
      <c r="FZ4" s="424"/>
      <c r="GA4" s="424"/>
      <c r="GB4" s="424"/>
      <c r="GC4" s="424"/>
      <c r="GD4" s="424"/>
      <c r="GE4" s="424"/>
      <c r="GF4" s="424"/>
      <c r="GG4" s="425"/>
      <c r="GH4" s="423" t="s">
        <v>41</v>
      </c>
      <c r="GI4" s="424"/>
      <c r="GJ4" s="424"/>
      <c r="GK4" s="424"/>
      <c r="GL4" s="424"/>
      <c r="GM4" s="424"/>
      <c r="GN4" s="424"/>
      <c r="GO4" s="424"/>
      <c r="GP4" s="424"/>
      <c r="GQ4" s="424"/>
      <c r="GR4" s="425"/>
      <c r="GS4" s="437" t="s">
        <v>39</v>
      </c>
      <c r="GT4" s="438"/>
      <c r="GU4" s="438"/>
      <c r="GV4" s="438"/>
      <c r="GW4" s="438"/>
      <c r="GX4" s="438"/>
      <c r="GY4" s="438"/>
      <c r="GZ4" s="438"/>
      <c r="HA4" s="438"/>
      <c r="HB4" s="438"/>
      <c r="HC4" s="438"/>
      <c r="HD4" s="438"/>
      <c r="HE4" s="438"/>
      <c r="HF4" s="438"/>
      <c r="HG4" s="438"/>
      <c r="HH4" s="438"/>
      <c r="HI4" s="438"/>
      <c r="HJ4" s="438"/>
      <c r="HK4" s="438"/>
      <c r="HL4" s="438"/>
      <c r="HM4" s="438"/>
      <c r="HN4" s="438"/>
      <c r="HO4" s="438"/>
      <c r="HP4" s="438"/>
      <c r="HQ4" s="438"/>
      <c r="HR4" s="438"/>
      <c r="HS4" s="438"/>
      <c r="HT4" s="438"/>
      <c r="HU4" s="438"/>
      <c r="HV4" s="438"/>
      <c r="HW4" s="438"/>
      <c r="HX4" s="438"/>
      <c r="HY4" s="438"/>
      <c r="HZ4" s="438"/>
      <c r="IA4" s="438"/>
      <c r="IB4" s="438"/>
      <c r="IC4" s="438"/>
      <c r="ID4" s="438"/>
      <c r="IE4" s="438"/>
      <c r="IF4" s="438"/>
      <c r="IG4" s="438"/>
      <c r="IH4" s="438"/>
      <c r="II4" s="438"/>
      <c r="IJ4" s="438"/>
      <c r="IK4" s="438"/>
      <c r="IL4" s="438"/>
      <c r="IM4" s="438"/>
      <c r="IN4" s="438"/>
      <c r="IO4" s="438"/>
      <c r="IP4" s="438"/>
      <c r="IQ4" s="438"/>
      <c r="IR4" s="438"/>
      <c r="IS4" s="438"/>
      <c r="IT4" s="438"/>
      <c r="IU4" s="438"/>
      <c r="IV4" s="438"/>
      <c r="IW4" s="438"/>
      <c r="IX4" s="438"/>
      <c r="IY4" s="438"/>
      <c r="IZ4" s="438"/>
      <c r="JA4" s="438"/>
      <c r="JB4" s="438"/>
      <c r="JC4" s="438"/>
      <c r="JD4" s="438"/>
      <c r="JE4" s="438"/>
      <c r="JF4" s="438"/>
      <c r="JG4" s="438"/>
      <c r="JH4" s="438"/>
      <c r="JI4" s="438"/>
      <c r="JJ4" s="438"/>
      <c r="JK4" s="438"/>
      <c r="JL4" s="438"/>
      <c r="JM4" s="438"/>
      <c r="JN4" s="438"/>
      <c r="JO4" s="438"/>
      <c r="JP4" s="438"/>
      <c r="JQ4" s="439"/>
      <c r="JR4" s="423" t="s">
        <v>40</v>
      </c>
      <c r="JS4" s="424"/>
      <c r="JT4" s="424"/>
      <c r="JU4" s="424"/>
      <c r="JV4" s="424"/>
      <c r="JW4" s="424"/>
      <c r="JX4" s="424"/>
      <c r="JY4" s="424"/>
      <c r="JZ4" s="424"/>
      <c r="KA4" s="424"/>
      <c r="KB4" s="425"/>
      <c r="KC4" s="423" t="s">
        <v>41</v>
      </c>
      <c r="KD4" s="424"/>
      <c r="KE4" s="424"/>
      <c r="KF4" s="424"/>
      <c r="KG4" s="424"/>
      <c r="KH4" s="424"/>
      <c r="KI4" s="424"/>
      <c r="KJ4" s="424"/>
      <c r="KK4" s="424"/>
      <c r="KL4" s="424"/>
      <c r="KM4" s="425"/>
    </row>
    <row r="5" spans="2:299" ht="21" customHeight="1" thickBot="1" x14ac:dyDescent="0.25">
      <c r="B5" s="429"/>
      <c r="C5" s="429"/>
      <c r="D5" s="430"/>
      <c r="E5" s="430"/>
      <c r="F5" s="430"/>
      <c r="G5" s="430"/>
      <c r="H5" s="430"/>
      <c r="I5" s="430"/>
      <c r="J5" s="430"/>
      <c r="K5" s="430"/>
      <c r="L5" s="430"/>
      <c r="M5" s="431"/>
      <c r="N5" s="432" t="s">
        <v>97</v>
      </c>
      <c r="O5" s="433"/>
      <c r="P5" s="433"/>
      <c r="Q5" s="433"/>
      <c r="R5" s="433"/>
      <c r="S5" s="433"/>
      <c r="T5" s="433"/>
      <c r="U5" s="433"/>
      <c r="V5" s="433"/>
      <c r="W5" s="433"/>
      <c r="X5" s="434"/>
      <c r="Y5" s="432" t="s">
        <v>98</v>
      </c>
      <c r="Z5" s="433"/>
      <c r="AA5" s="433"/>
      <c r="AB5" s="433"/>
      <c r="AC5" s="433"/>
      <c r="AD5" s="433"/>
      <c r="AE5" s="433"/>
      <c r="AF5" s="433"/>
      <c r="AG5" s="433"/>
      <c r="AH5" s="433"/>
      <c r="AI5" s="434"/>
      <c r="AJ5" s="432" t="s">
        <v>99</v>
      </c>
      <c r="AK5" s="433"/>
      <c r="AL5" s="433"/>
      <c r="AM5" s="433"/>
      <c r="AN5" s="433"/>
      <c r="AO5" s="433"/>
      <c r="AP5" s="433"/>
      <c r="AQ5" s="433"/>
      <c r="AR5" s="433"/>
      <c r="AS5" s="433"/>
      <c r="AT5" s="434"/>
      <c r="AU5" s="432" t="s">
        <v>100</v>
      </c>
      <c r="AV5" s="433"/>
      <c r="AW5" s="433"/>
      <c r="AX5" s="433"/>
      <c r="AY5" s="433"/>
      <c r="AZ5" s="433"/>
      <c r="BA5" s="433"/>
      <c r="BB5" s="433"/>
      <c r="BC5" s="433"/>
      <c r="BD5" s="433"/>
      <c r="BE5" s="434"/>
      <c r="BF5" s="432" t="s">
        <v>162</v>
      </c>
      <c r="BG5" s="433"/>
      <c r="BH5" s="433"/>
      <c r="BI5" s="433"/>
      <c r="BJ5" s="433"/>
      <c r="BK5" s="433"/>
      <c r="BL5" s="433"/>
      <c r="BM5" s="433"/>
      <c r="BN5" s="433"/>
      <c r="BO5" s="433"/>
      <c r="BP5" s="434"/>
      <c r="BQ5" s="432" t="s">
        <v>101</v>
      </c>
      <c r="BR5" s="433"/>
      <c r="BS5" s="433"/>
      <c r="BT5" s="433"/>
      <c r="BU5" s="433"/>
      <c r="BV5" s="433"/>
      <c r="BW5" s="433"/>
      <c r="BX5" s="433"/>
      <c r="BY5" s="433"/>
      <c r="BZ5" s="433"/>
      <c r="CA5" s="434"/>
      <c r="CB5" s="426"/>
      <c r="CC5" s="427"/>
      <c r="CD5" s="427"/>
      <c r="CE5" s="427"/>
      <c r="CF5" s="427"/>
      <c r="CG5" s="427"/>
      <c r="CH5" s="427"/>
      <c r="CI5" s="427"/>
      <c r="CJ5" s="427"/>
      <c r="CK5" s="427"/>
      <c r="CL5" s="428"/>
      <c r="CM5" s="426"/>
      <c r="CN5" s="427"/>
      <c r="CO5" s="427"/>
      <c r="CP5" s="427"/>
      <c r="CQ5" s="427"/>
      <c r="CR5" s="427"/>
      <c r="CS5" s="427"/>
      <c r="CT5" s="427"/>
      <c r="CU5" s="427"/>
      <c r="CV5" s="427"/>
      <c r="CW5" s="428"/>
      <c r="CX5" s="429"/>
      <c r="CY5" s="430"/>
      <c r="CZ5" s="430"/>
      <c r="DA5" s="430"/>
      <c r="DB5" s="430"/>
      <c r="DC5" s="430"/>
      <c r="DD5" s="430"/>
      <c r="DE5" s="430"/>
      <c r="DF5" s="430"/>
      <c r="DG5" s="430"/>
      <c r="DH5" s="431"/>
      <c r="DI5" s="432" t="s">
        <v>97</v>
      </c>
      <c r="DJ5" s="433"/>
      <c r="DK5" s="433"/>
      <c r="DL5" s="433"/>
      <c r="DM5" s="433"/>
      <c r="DN5" s="433"/>
      <c r="DO5" s="433"/>
      <c r="DP5" s="433"/>
      <c r="DQ5" s="433"/>
      <c r="DR5" s="433"/>
      <c r="DS5" s="434"/>
      <c r="DT5" s="432" t="s">
        <v>98</v>
      </c>
      <c r="DU5" s="433"/>
      <c r="DV5" s="433"/>
      <c r="DW5" s="433"/>
      <c r="DX5" s="433"/>
      <c r="DY5" s="433"/>
      <c r="DZ5" s="433"/>
      <c r="EA5" s="433"/>
      <c r="EB5" s="433"/>
      <c r="EC5" s="433"/>
      <c r="ED5" s="434"/>
      <c r="EE5" s="432" t="s">
        <v>99</v>
      </c>
      <c r="EF5" s="433"/>
      <c r="EG5" s="433"/>
      <c r="EH5" s="433"/>
      <c r="EI5" s="433"/>
      <c r="EJ5" s="433"/>
      <c r="EK5" s="433"/>
      <c r="EL5" s="433"/>
      <c r="EM5" s="433"/>
      <c r="EN5" s="433"/>
      <c r="EO5" s="434"/>
      <c r="EP5" s="432" t="s">
        <v>100</v>
      </c>
      <c r="EQ5" s="433"/>
      <c r="ER5" s="433"/>
      <c r="ES5" s="433"/>
      <c r="ET5" s="433"/>
      <c r="EU5" s="433"/>
      <c r="EV5" s="433"/>
      <c r="EW5" s="433"/>
      <c r="EX5" s="433"/>
      <c r="EY5" s="433"/>
      <c r="EZ5" s="434"/>
      <c r="FA5" s="432" t="s">
        <v>162</v>
      </c>
      <c r="FB5" s="433"/>
      <c r="FC5" s="433"/>
      <c r="FD5" s="433"/>
      <c r="FE5" s="433"/>
      <c r="FF5" s="433"/>
      <c r="FG5" s="433"/>
      <c r="FH5" s="433"/>
      <c r="FI5" s="433"/>
      <c r="FJ5" s="433"/>
      <c r="FK5" s="434"/>
      <c r="FL5" s="432" t="s">
        <v>101</v>
      </c>
      <c r="FM5" s="433"/>
      <c r="FN5" s="433"/>
      <c r="FO5" s="433"/>
      <c r="FP5" s="433"/>
      <c r="FQ5" s="433"/>
      <c r="FR5" s="433"/>
      <c r="FS5" s="433"/>
      <c r="FT5" s="433"/>
      <c r="FU5" s="433"/>
      <c r="FV5" s="434"/>
      <c r="FW5" s="426"/>
      <c r="FX5" s="427"/>
      <c r="FY5" s="427"/>
      <c r="FZ5" s="427"/>
      <c r="GA5" s="427"/>
      <c r="GB5" s="427"/>
      <c r="GC5" s="427"/>
      <c r="GD5" s="427"/>
      <c r="GE5" s="427"/>
      <c r="GF5" s="427"/>
      <c r="GG5" s="428"/>
      <c r="GH5" s="426"/>
      <c r="GI5" s="427"/>
      <c r="GJ5" s="427"/>
      <c r="GK5" s="427"/>
      <c r="GL5" s="427"/>
      <c r="GM5" s="427"/>
      <c r="GN5" s="427"/>
      <c r="GO5" s="427"/>
      <c r="GP5" s="427"/>
      <c r="GQ5" s="427"/>
      <c r="GR5" s="428"/>
      <c r="GS5" s="429"/>
      <c r="GT5" s="430"/>
      <c r="GU5" s="430"/>
      <c r="GV5" s="430"/>
      <c r="GW5" s="430"/>
      <c r="GX5" s="430"/>
      <c r="GY5" s="430"/>
      <c r="GZ5" s="430"/>
      <c r="HA5" s="430"/>
      <c r="HB5" s="430"/>
      <c r="HC5" s="431"/>
      <c r="HD5" s="432" t="s">
        <v>97</v>
      </c>
      <c r="HE5" s="433"/>
      <c r="HF5" s="433"/>
      <c r="HG5" s="433"/>
      <c r="HH5" s="433"/>
      <c r="HI5" s="433"/>
      <c r="HJ5" s="433"/>
      <c r="HK5" s="433"/>
      <c r="HL5" s="433"/>
      <c r="HM5" s="433"/>
      <c r="HN5" s="434"/>
      <c r="HO5" s="432" t="s">
        <v>98</v>
      </c>
      <c r="HP5" s="433"/>
      <c r="HQ5" s="433"/>
      <c r="HR5" s="433"/>
      <c r="HS5" s="433"/>
      <c r="HT5" s="433"/>
      <c r="HU5" s="433"/>
      <c r="HV5" s="433"/>
      <c r="HW5" s="433"/>
      <c r="HX5" s="433"/>
      <c r="HY5" s="434"/>
      <c r="HZ5" s="432" t="s">
        <v>99</v>
      </c>
      <c r="IA5" s="433"/>
      <c r="IB5" s="433"/>
      <c r="IC5" s="433"/>
      <c r="ID5" s="433"/>
      <c r="IE5" s="433"/>
      <c r="IF5" s="433"/>
      <c r="IG5" s="433"/>
      <c r="IH5" s="433"/>
      <c r="II5" s="433"/>
      <c r="IJ5" s="434"/>
      <c r="IK5" s="432" t="s">
        <v>100</v>
      </c>
      <c r="IL5" s="433"/>
      <c r="IM5" s="433"/>
      <c r="IN5" s="433"/>
      <c r="IO5" s="433"/>
      <c r="IP5" s="433"/>
      <c r="IQ5" s="433"/>
      <c r="IR5" s="433"/>
      <c r="IS5" s="433"/>
      <c r="IT5" s="433"/>
      <c r="IU5" s="434"/>
      <c r="IV5" s="432" t="s">
        <v>162</v>
      </c>
      <c r="IW5" s="433"/>
      <c r="IX5" s="433"/>
      <c r="IY5" s="433"/>
      <c r="IZ5" s="433"/>
      <c r="JA5" s="433"/>
      <c r="JB5" s="433"/>
      <c r="JC5" s="433"/>
      <c r="JD5" s="433"/>
      <c r="JE5" s="433"/>
      <c r="JF5" s="434"/>
      <c r="JG5" s="432" t="s">
        <v>101</v>
      </c>
      <c r="JH5" s="433"/>
      <c r="JI5" s="433"/>
      <c r="JJ5" s="433"/>
      <c r="JK5" s="433"/>
      <c r="JL5" s="433"/>
      <c r="JM5" s="433"/>
      <c r="JN5" s="433"/>
      <c r="JO5" s="433"/>
      <c r="JP5" s="433"/>
      <c r="JQ5" s="434"/>
      <c r="JR5" s="426"/>
      <c r="JS5" s="427"/>
      <c r="JT5" s="427"/>
      <c r="JU5" s="427"/>
      <c r="JV5" s="427"/>
      <c r="JW5" s="427"/>
      <c r="JX5" s="427"/>
      <c r="JY5" s="427"/>
      <c r="JZ5" s="427"/>
      <c r="KA5" s="427"/>
      <c r="KB5" s="428"/>
      <c r="KC5" s="426"/>
      <c r="KD5" s="427"/>
      <c r="KE5" s="427"/>
      <c r="KF5" s="427"/>
      <c r="KG5" s="427"/>
      <c r="KH5" s="427"/>
      <c r="KI5" s="427"/>
      <c r="KJ5" s="427"/>
      <c r="KK5" s="427"/>
      <c r="KL5" s="427"/>
      <c r="KM5" s="428"/>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3609</v>
      </c>
      <c r="D7" s="86">
        <v>3639</v>
      </c>
      <c r="E7" s="87">
        <v>7248</v>
      </c>
      <c r="F7" s="412">
        <v>0</v>
      </c>
      <c r="G7" s="86">
        <v>4611</v>
      </c>
      <c r="H7" s="86">
        <v>4343</v>
      </c>
      <c r="I7" s="86">
        <v>2605</v>
      </c>
      <c r="J7" s="86">
        <v>2163</v>
      </c>
      <c r="K7" s="86">
        <v>1412</v>
      </c>
      <c r="L7" s="88">
        <v>15134</v>
      </c>
      <c r="M7" s="89">
        <v>22382</v>
      </c>
      <c r="N7" s="90">
        <v>114</v>
      </c>
      <c r="O7" s="91">
        <v>157</v>
      </c>
      <c r="P7" s="92">
        <v>271</v>
      </c>
      <c r="Q7" s="412">
        <v>0</v>
      </c>
      <c r="R7" s="91">
        <v>131</v>
      </c>
      <c r="S7" s="91">
        <v>151</v>
      </c>
      <c r="T7" s="91">
        <v>92</v>
      </c>
      <c r="U7" s="91">
        <v>82</v>
      </c>
      <c r="V7" s="91">
        <v>65</v>
      </c>
      <c r="W7" s="92">
        <v>521</v>
      </c>
      <c r="X7" s="93">
        <v>792</v>
      </c>
      <c r="Y7" s="90">
        <v>229</v>
      </c>
      <c r="Z7" s="91">
        <v>274</v>
      </c>
      <c r="AA7" s="92">
        <v>503</v>
      </c>
      <c r="AB7" s="412">
        <v>0</v>
      </c>
      <c r="AC7" s="91">
        <v>261</v>
      </c>
      <c r="AD7" s="91">
        <v>301</v>
      </c>
      <c r="AE7" s="91">
        <v>175</v>
      </c>
      <c r="AF7" s="91">
        <v>174</v>
      </c>
      <c r="AG7" s="91">
        <v>128</v>
      </c>
      <c r="AH7" s="92">
        <v>1039</v>
      </c>
      <c r="AI7" s="93">
        <v>1542</v>
      </c>
      <c r="AJ7" s="90">
        <v>420</v>
      </c>
      <c r="AK7" s="91">
        <v>452</v>
      </c>
      <c r="AL7" s="92">
        <v>872</v>
      </c>
      <c r="AM7" s="412">
        <v>0</v>
      </c>
      <c r="AN7" s="91">
        <v>524</v>
      </c>
      <c r="AO7" s="91">
        <v>485</v>
      </c>
      <c r="AP7" s="91">
        <v>289</v>
      </c>
      <c r="AQ7" s="91">
        <v>270</v>
      </c>
      <c r="AR7" s="91">
        <v>202</v>
      </c>
      <c r="AS7" s="92">
        <v>1770</v>
      </c>
      <c r="AT7" s="93">
        <v>2642</v>
      </c>
      <c r="AU7" s="90">
        <v>815</v>
      </c>
      <c r="AV7" s="91">
        <v>789</v>
      </c>
      <c r="AW7" s="92">
        <v>1604</v>
      </c>
      <c r="AX7" s="412">
        <v>0</v>
      </c>
      <c r="AY7" s="91">
        <v>1021</v>
      </c>
      <c r="AZ7" s="91">
        <v>898</v>
      </c>
      <c r="BA7" s="91">
        <v>486</v>
      </c>
      <c r="BB7" s="91">
        <v>423</v>
      </c>
      <c r="BC7" s="91">
        <v>297</v>
      </c>
      <c r="BD7" s="92">
        <v>3125</v>
      </c>
      <c r="BE7" s="93">
        <v>4729</v>
      </c>
      <c r="BF7" s="90">
        <v>1179</v>
      </c>
      <c r="BG7" s="91">
        <v>1030</v>
      </c>
      <c r="BH7" s="92">
        <v>2209</v>
      </c>
      <c r="BI7" s="412">
        <v>0</v>
      </c>
      <c r="BJ7" s="91">
        <v>1382</v>
      </c>
      <c r="BK7" s="91">
        <v>1207</v>
      </c>
      <c r="BL7" s="91">
        <v>723</v>
      </c>
      <c r="BM7" s="91">
        <v>549</v>
      </c>
      <c r="BN7" s="91">
        <v>341</v>
      </c>
      <c r="BO7" s="92">
        <v>4202</v>
      </c>
      <c r="BP7" s="93">
        <v>6411</v>
      </c>
      <c r="BQ7" s="90">
        <v>852</v>
      </c>
      <c r="BR7" s="91">
        <v>937</v>
      </c>
      <c r="BS7" s="92">
        <v>1789</v>
      </c>
      <c r="BT7" s="412">
        <v>0</v>
      </c>
      <c r="BU7" s="91">
        <v>1292</v>
      </c>
      <c r="BV7" s="91">
        <v>1301</v>
      </c>
      <c r="BW7" s="91">
        <v>840</v>
      </c>
      <c r="BX7" s="91">
        <v>665</v>
      </c>
      <c r="BY7" s="91">
        <v>379</v>
      </c>
      <c r="BZ7" s="92">
        <v>4477</v>
      </c>
      <c r="CA7" s="93">
        <v>6266</v>
      </c>
      <c r="CB7" s="90">
        <v>0</v>
      </c>
      <c r="CC7" s="91">
        <v>0</v>
      </c>
      <c r="CD7" s="92">
        <v>0</v>
      </c>
      <c r="CE7" s="412">
        <v>0</v>
      </c>
      <c r="CF7" s="91">
        <v>0</v>
      </c>
      <c r="CG7" s="91">
        <v>0</v>
      </c>
      <c r="CH7" s="91">
        <v>0</v>
      </c>
      <c r="CI7" s="91">
        <v>0</v>
      </c>
      <c r="CJ7" s="91">
        <v>0</v>
      </c>
      <c r="CK7" s="92">
        <v>0</v>
      </c>
      <c r="CL7" s="93">
        <v>0</v>
      </c>
      <c r="CM7" s="90">
        <v>3609</v>
      </c>
      <c r="CN7" s="91">
        <v>3639</v>
      </c>
      <c r="CO7" s="92">
        <v>7248</v>
      </c>
      <c r="CP7" s="412">
        <v>0</v>
      </c>
      <c r="CQ7" s="91">
        <v>4611</v>
      </c>
      <c r="CR7" s="91">
        <v>4343</v>
      </c>
      <c r="CS7" s="91">
        <v>2605</v>
      </c>
      <c r="CT7" s="91">
        <v>2163</v>
      </c>
      <c r="CU7" s="91">
        <v>1412</v>
      </c>
      <c r="CV7" s="92">
        <v>15134</v>
      </c>
      <c r="CW7" s="93">
        <v>22382</v>
      </c>
      <c r="CX7" s="94">
        <v>1311</v>
      </c>
      <c r="CY7" s="86">
        <v>1587</v>
      </c>
      <c r="CZ7" s="87">
        <v>2898</v>
      </c>
      <c r="DA7" s="412">
        <v>0</v>
      </c>
      <c r="DB7" s="86">
        <v>1853</v>
      </c>
      <c r="DC7" s="86">
        <v>1791</v>
      </c>
      <c r="DD7" s="86">
        <v>1082</v>
      </c>
      <c r="DE7" s="86">
        <v>1116</v>
      </c>
      <c r="DF7" s="86">
        <v>712</v>
      </c>
      <c r="DG7" s="88">
        <v>6554</v>
      </c>
      <c r="DH7" s="89">
        <v>9452</v>
      </c>
      <c r="DI7" s="90">
        <v>31</v>
      </c>
      <c r="DJ7" s="91">
        <v>43</v>
      </c>
      <c r="DK7" s="92">
        <v>74</v>
      </c>
      <c r="DL7" s="412">
        <v>0</v>
      </c>
      <c r="DM7" s="91">
        <v>25</v>
      </c>
      <c r="DN7" s="91">
        <v>39</v>
      </c>
      <c r="DO7" s="91">
        <v>16</v>
      </c>
      <c r="DP7" s="91">
        <v>21</v>
      </c>
      <c r="DQ7" s="91">
        <v>14</v>
      </c>
      <c r="DR7" s="92">
        <v>115</v>
      </c>
      <c r="DS7" s="93">
        <v>189</v>
      </c>
      <c r="DT7" s="90">
        <v>83</v>
      </c>
      <c r="DU7" s="91">
        <v>99</v>
      </c>
      <c r="DV7" s="92">
        <v>182</v>
      </c>
      <c r="DW7" s="412">
        <v>0</v>
      </c>
      <c r="DX7" s="91">
        <v>75</v>
      </c>
      <c r="DY7" s="91">
        <v>83</v>
      </c>
      <c r="DZ7" s="91">
        <v>46</v>
      </c>
      <c r="EA7" s="91">
        <v>42</v>
      </c>
      <c r="EB7" s="91">
        <v>33</v>
      </c>
      <c r="EC7" s="92">
        <v>279</v>
      </c>
      <c r="ED7" s="93">
        <v>461</v>
      </c>
      <c r="EE7" s="90">
        <v>200</v>
      </c>
      <c r="EF7" s="91">
        <v>227</v>
      </c>
      <c r="EG7" s="92">
        <v>427</v>
      </c>
      <c r="EH7" s="412">
        <v>0</v>
      </c>
      <c r="EI7" s="91">
        <v>215</v>
      </c>
      <c r="EJ7" s="91">
        <v>176</v>
      </c>
      <c r="EK7" s="91">
        <v>80</v>
      </c>
      <c r="EL7" s="91">
        <v>74</v>
      </c>
      <c r="EM7" s="91">
        <v>65</v>
      </c>
      <c r="EN7" s="92">
        <v>610</v>
      </c>
      <c r="EO7" s="93">
        <v>1037</v>
      </c>
      <c r="EP7" s="90">
        <v>393</v>
      </c>
      <c r="EQ7" s="91">
        <v>390</v>
      </c>
      <c r="ER7" s="92">
        <v>783</v>
      </c>
      <c r="ES7" s="412">
        <v>0</v>
      </c>
      <c r="ET7" s="91">
        <v>379</v>
      </c>
      <c r="EU7" s="91">
        <v>318</v>
      </c>
      <c r="EV7" s="91">
        <v>157</v>
      </c>
      <c r="EW7" s="91">
        <v>161</v>
      </c>
      <c r="EX7" s="91">
        <v>108</v>
      </c>
      <c r="EY7" s="92">
        <v>1123</v>
      </c>
      <c r="EZ7" s="93">
        <v>1906</v>
      </c>
      <c r="FA7" s="90">
        <v>365</v>
      </c>
      <c r="FB7" s="91">
        <v>466</v>
      </c>
      <c r="FC7" s="92">
        <v>831</v>
      </c>
      <c r="FD7" s="412">
        <v>0</v>
      </c>
      <c r="FE7" s="91">
        <v>572</v>
      </c>
      <c r="FF7" s="91">
        <v>489</v>
      </c>
      <c r="FG7" s="91">
        <v>250</v>
      </c>
      <c r="FH7" s="91">
        <v>257</v>
      </c>
      <c r="FI7" s="91">
        <v>175</v>
      </c>
      <c r="FJ7" s="92">
        <v>1743</v>
      </c>
      <c r="FK7" s="93">
        <v>2574</v>
      </c>
      <c r="FL7" s="90">
        <v>239</v>
      </c>
      <c r="FM7" s="91">
        <v>362</v>
      </c>
      <c r="FN7" s="92">
        <v>601</v>
      </c>
      <c r="FO7" s="412">
        <v>0</v>
      </c>
      <c r="FP7" s="91">
        <v>587</v>
      </c>
      <c r="FQ7" s="91">
        <v>686</v>
      </c>
      <c r="FR7" s="91">
        <v>533</v>
      </c>
      <c r="FS7" s="91">
        <v>561</v>
      </c>
      <c r="FT7" s="91">
        <v>317</v>
      </c>
      <c r="FU7" s="92">
        <v>2684</v>
      </c>
      <c r="FV7" s="93">
        <v>3285</v>
      </c>
      <c r="FW7" s="90">
        <v>0</v>
      </c>
      <c r="FX7" s="91">
        <v>0</v>
      </c>
      <c r="FY7" s="92">
        <v>0</v>
      </c>
      <c r="FZ7" s="412">
        <v>0</v>
      </c>
      <c r="GA7" s="91">
        <v>0</v>
      </c>
      <c r="GB7" s="91">
        <v>0</v>
      </c>
      <c r="GC7" s="91">
        <v>0</v>
      </c>
      <c r="GD7" s="91">
        <v>0</v>
      </c>
      <c r="GE7" s="91">
        <v>0</v>
      </c>
      <c r="GF7" s="92">
        <v>0</v>
      </c>
      <c r="GG7" s="93">
        <v>0</v>
      </c>
      <c r="GH7" s="90">
        <v>1311</v>
      </c>
      <c r="GI7" s="91">
        <v>1587</v>
      </c>
      <c r="GJ7" s="92">
        <v>2898</v>
      </c>
      <c r="GK7" s="412">
        <v>0</v>
      </c>
      <c r="GL7" s="91">
        <v>1853</v>
      </c>
      <c r="GM7" s="91">
        <v>1791</v>
      </c>
      <c r="GN7" s="91">
        <v>1082</v>
      </c>
      <c r="GO7" s="91">
        <v>1116</v>
      </c>
      <c r="GP7" s="91">
        <v>712</v>
      </c>
      <c r="GQ7" s="92">
        <v>6554</v>
      </c>
      <c r="GR7" s="93">
        <v>9452</v>
      </c>
      <c r="GS7" s="94">
        <v>4920</v>
      </c>
      <c r="GT7" s="86">
        <v>5226</v>
      </c>
      <c r="GU7" s="87">
        <v>10146</v>
      </c>
      <c r="GV7" s="412">
        <v>0</v>
      </c>
      <c r="GW7" s="86">
        <v>6464</v>
      </c>
      <c r="GX7" s="86">
        <v>6134</v>
      </c>
      <c r="GY7" s="86">
        <v>3687</v>
      </c>
      <c r="GZ7" s="86">
        <v>3279</v>
      </c>
      <c r="HA7" s="86">
        <v>2124</v>
      </c>
      <c r="HB7" s="88">
        <v>21688</v>
      </c>
      <c r="HC7" s="89">
        <v>31834</v>
      </c>
      <c r="HD7" s="90">
        <v>145</v>
      </c>
      <c r="HE7" s="91">
        <v>200</v>
      </c>
      <c r="HF7" s="92">
        <v>345</v>
      </c>
      <c r="HG7" s="412">
        <v>0</v>
      </c>
      <c r="HH7" s="91">
        <v>156</v>
      </c>
      <c r="HI7" s="91">
        <v>190</v>
      </c>
      <c r="HJ7" s="91">
        <v>108</v>
      </c>
      <c r="HK7" s="91">
        <v>103</v>
      </c>
      <c r="HL7" s="91">
        <v>79</v>
      </c>
      <c r="HM7" s="92">
        <v>636</v>
      </c>
      <c r="HN7" s="93">
        <v>981</v>
      </c>
      <c r="HO7" s="90">
        <v>312</v>
      </c>
      <c r="HP7" s="91">
        <v>373</v>
      </c>
      <c r="HQ7" s="92">
        <v>685</v>
      </c>
      <c r="HR7" s="412">
        <v>0</v>
      </c>
      <c r="HS7" s="91">
        <v>336</v>
      </c>
      <c r="HT7" s="91">
        <v>384</v>
      </c>
      <c r="HU7" s="91">
        <v>221</v>
      </c>
      <c r="HV7" s="91">
        <v>216</v>
      </c>
      <c r="HW7" s="91">
        <v>161</v>
      </c>
      <c r="HX7" s="92">
        <v>1318</v>
      </c>
      <c r="HY7" s="93">
        <v>2003</v>
      </c>
      <c r="HZ7" s="90">
        <v>620</v>
      </c>
      <c r="IA7" s="91">
        <v>679</v>
      </c>
      <c r="IB7" s="92">
        <v>1299</v>
      </c>
      <c r="IC7" s="412">
        <v>0</v>
      </c>
      <c r="ID7" s="91">
        <v>739</v>
      </c>
      <c r="IE7" s="91">
        <v>661</v>
      </c>
      <c r="IF7" s="91">
        <v>369</v>
      </c>
      <c r="IG7" s="91">
        <v>344</v>
      </c>
      <c r="IH7" s="91">
        <v>267</v>
      </c>
      <c r="II7" s="92">
        <v>2380</v>
      </c>
      <c r="IJ7" s="93">
        <v>3679</v>
      </c>
      <c r="IK7" s="90">
        <v>1208</v>
      </c>
      <c r="IL7" s="91">
        <v>1179</v>
      </c>
      <c r="IM7" s="92">
        <v>2387</v>
      </c>
      <c r="IN7" s="412">
        <v>0</v>
      </c>
      <c r="IO7" s="91">
        <v>1400</v>
      </c>
      <c r="IP7" s="91">
        <v>1216</v>
      </c>
      <c r="IQ7" s="91">
        <v>643</v>
      </c>
      <c r="IR7" s="91">
        <v>584</v>
      </c>
      <c r="IS7" s="91">
        <v>405</v>
      </c>
      <c r="IT7" s="92">
        <v>4248</v>
      </c>
      <c r="IU7" s="93">
        <v>6635</v>
      </c>
      <c r="IV7" s="90">
        <v>1544</v>
      </c>
      <c r="IW7" s="91">
        <v>1496</v>
      </c>
      <c r="IX7" s="92">
        <v>3040</v>
      </c>
      <c r="IY7" s="412">
        <v>0</v>
      </c>
      <c r="IZ7" s="91">
        <v>1954</v>
      </c>
      <c r="JA7" s="91">
        <v>1696</v>
      </c>
      <c r="JB7" s="91">
        <v>973</v>
      </c>
      <c r="JC7" s="91">
        <v>806</v>
      </c>
      <c r="JD7" s="91">
        <v>516</v>
      </c>
      <c r="JE7" s="92">
        <v>5945</v>
      </c>
      <c r="JF7" s="93">
        <v>8985</v>
      </c>
      <c r="JG7" s="90">
        <v>1091</v>
      </c>
      <c r="JH7" s="91">
        <v>1299</v>
      </c>
      <c r="JI7" s="92">
        <v>2390</v>
      </c>
      <c r="JJ7" s="412">
        <v>0</v>
      </c>
      <c r="JK7" s="91">
        <v>1879</v>
      </c>
      <c r="JL7" s="91">
        <v>1987</v>
      </c>
      <c r="JM7" s="91">
        <v>1373</v>
      </c>
      <c r="JN7" s="91">
        <v>1226</v>
      </c>
      <c r="JO7" s="91">
        <v>696</v>
      </c>
      <c r="JP7" s="92">
        <v>7161</v>
      </c>
      <c r="JQ7" s="93">
        <v>9551</v>
      </c>
      <c r="JR7" s="90">
        <v>0</v>
      </c>
      <c r="JS7" s="91">
        <v>0</v>
      </c>
      <c r="JT7" s="92">
        <v>0</v>
      </c>
      <c r="JU7" s="412">
        <v>0</v>
      </c>
      <c r="JV7" s="91">
        <v>0</v>
      </c>
      <c r="JW7" s="91">
        <v>0</v>
      </c>
      <c r="JX7" s="91">
        <v>0</v>
      </c>
      <c r="JY7" s="91">
        <v>0</v>
      </c>
      <c r="JZ7" s="91">
        <v>0</v>
      </c>
      <c r="KA7" s="92">
        <v>0</v>
      </c>
      <c r="KB7" s="93">
        <v>0</v>
      </c>
      <c r="KC7" s="90">
        <v>4920</v>
      </c>
      <c r="KD7" s="91">
        <v>5226</v>
      </c>
      <c r="KE7" s="92">
        <v>10146</v>
      </c>
      <c r="KF7" s="412">
        <v>0</v>
      </c>
      <c r="KG7" s="91">
        <v>6464</v>
      </c>
      <c r="KH7" s="91">
        <v>6134</v>
      </c>
      <c r="KI7" s="91">
        <v>3687</v>
      </c>
      <c r="KJ7" s="91">
        <v>3279</v>
      </c>
      <c r="KK7" s="91">
        <v>2124</v>
      </c>
      <c r="KL7" s="92">
        <v>21688</v>
      </c>
      <c r="KM7" s="93">
        <v>31834</v>
      </c>
    </row>
    <row r="8" spans="2:299" s="70" customFormat="1" ht="21" customHeight="1" x14ac:dyDescent="0.2">
      <c r="B8" s="95" t="s">
        <v>5</v>
      </c>
      <c r="C8" s="96">
        <v>1559</v>
      </c>
      <c r="D8" s="97">
        <v>1885</v>
      </c>
      <c r="E8" s="98">
        <v>3444</v>
      </c>
      <c r="F8" s="413">
        <v>0</v>
      </c>
      <c r="G8" s="97">
        <v>1734</v>
      </c>
      <c r="H8" s="97">
        <v>2095</v>
      </c>
      <c r="I8" s="97">
        <v>1180</v>
      </c>
      <c r="J8" s="97">
        <v>995</v>
      </c>
      <c r="K8" s="97">
        <v>638</v>
      </c>
      <c r="L8" s="99">
        <v>6642</v>
      </c>
      <c r="M8" s="100">
        <v>10086</v>
      </c>
      <c r="N8" s="101">
        <v>36</v>
      </c>
      <c r="O8" s="102">
        <v>79</v>
      </c>
      <c r="P8" s="103">
        <v>115</v>
      </c>
      <c r="Q8" s="413">
        <v>0</v>
      </c>
      <c r="R8" s="102">
        <v>47</v>
      </c>
      <c r="S8" s="102">
        <v>71</v>
      </c>
      <c r="T8" s="102">
        <v>38</v>
      </c>
      <c r="U8" s="102">
        <v>43</v>
      </c>
      <c r="V8" s="102">
        <v>35</v>
      </c>
      <c r="W8" s="103">
        <v>234</v>
      </c>
      <c r="X8" s="104">
        <v>349</v>
      </c>
      <c r="Y8" s="101">
        <v>102</v>
      </c>
      <c r="Z8" s="102">
        <v>126</v>
      </c>
      <c r="AA8" s="103">
        <v>228</v>
      </c>
      <c r="AB8" s="413">
        <v>0</v>
      </c>
      <c r="AC8" s="102">
        <v>86</v>
      </c>
      <c r="AD8" s="102">
        <v>137</v>
      </c>
      <c r="AE8" s="102">
        <v>71</v>
      </c>
      <c r="AF8" s="102">
        <v>71</v>
      </c>
      <c r="AG8" s="102">
        <v>45</v>
      </c>
      <c r="AH8" s="103">
        <v>410</v>
      </c>
      <c r="AI8" s="104">
        <v>638</v>
      </c>
      <c r="AJ8" s="101">
        <v>163</v>
      </c>
      <c r="AK8" s="102">
        <v>235</v>
      </c>
      <c r="AL8" s="103">
        <v>398</v>
      </c>
      <c r="AM8" s="413">
        <v>0</v>
      </c>
      <c r="AN8" s="102">
        <v>165</v>
      </c>
      <c r="AO8" s="102">
        <v>230</v>
      </c>
      <c r="AP8" s="102">
        <v>122</v>
      </c>
      <c r="AQ8" s="102">
        <v>136</v>
      </c>
      <c r="AR8" s="102">
        <v>79</v>
      </c>
      <c r="AS8" s="103">
        <v>732</v>
      </c>
      <c r="AT8" s="104">
        <v>1130</v>
      </c>
      <c r="AU8" s="101">
        <v>352</v>
      </c>
      <c r="AV8" s="102">
        <v>413</v>
      </c>
      <c r="AW8" s="103">
        <v>765</v>
      </c>
      <c r="AX8" s="413">
        <v>0</v>
      </c>
      <c r="AY8" s="102">
        <v>358</v>
      </c>
      <c r="AZ8" s="102">
        <v>430</v>
      </c>
      <c r="BA8" s="102">
        <v>205</v>
      </c>
      <c r="BB8" s="102">
        <v>197</v>
      </c>
      <c r="BC8" s="102">
        <v>123</v>
      </c>
      <c r="BD8" s="103">
        <v>1313</v>
      </c>
      <c r="BE8" s="104">
        <v>2078</v>
      </c>
      <c r="BF8" s="101">
        <v>520</v>
      </c>
      <c r="BG8" s="102">
        <v>542</v>
      </c>
      <c r="BH8" s="103">
        <v>1062</v>
      </c>
      <c r="BI8" s="413">
        <v>0</v>
      </c>
      <c r="BJ8" s="102">
        <v>565</v>
      </c>
      <c r="BK8" s="102">
        <v>579</v>
      </c>
      <c r="BL8" s="102">
        <v>329</v>
      </c>
      <c r="BM8" s="102">
        <v>258</v>
      </c>
      <c r="BN8" s="102">
        <v>159</v>
      </c>
      <c r="BO8" s="103">
        <v>1890</v>
      </c>
      <c r="BP8" s="104">
        <v>2952</v>
      </c>
      <c r="BQ8" s="101">
        <v>386</v>
      </c>
      <c r="BR8" s="102">
        <v>490</v>
      </c>
      <c r="BS8" s="103">
        <v>876</v>
      </c>
      <c r="BT8" s="413">
        <v>0</v>
      </c>
      <c r="BU8" s="102">
        <v>513</v>
      </c>
      <c r="BV8" s="102">
        <v>648</v>
      </c>
      <c r="BW8" s="102">
        <v>415</v>
      </c>
      <c r="BX8" s="102">
        <v>290</v>
      </c>
      <c r="BY8" s="102">
        <v>197</v>
      </c>
      <c r="BZ8" s="103">
        <v>2063</v>
      </c>
      <c r="CA8" s="104">
        <v>2939</v>
      </c>
      <c r="CB8" s="101">
        <v>0</v>
      </c>
      <c r="CC8" s="102">
        <v>0</v>
      </c>
      <c r="CD8" s="103">
        <v>0</v>
      </c>
      <c r="CE8" s="413">
        <v>0</v>
      </c>
      <c r="CF8" s="102">
        <v>0</v>
      </c>
      <c r="CG8" s="102">
        <v>0</v>
      </c>
      <c r="CH8" s="102">
        <v>0</v>
      </c>
      <c r="CI8" s="102">
        <v>0</v>
      </c>
      <c r="CJ8" s="102">
        <v>0</v>
      </c>
      <c r="CK8" s="103">
        <v>0</v>
      </c>
      <c r="CL8" s="104">
        <v>0</v>
      </c>
      <c r="CM8" s="101">
        <v>1559</v>
      </c>
      <c r="CN8" s="102">
        <v>1885</v>
      </c>
      <c r="CO8" s="103">
        <v>3444</v>
      </c>
      <c r="CP8" s="413">
        <v>0</v>
      </c>
      <c r="CQ8" s="102">
        <v>1734</v>
      </c>
      <c r="CR8" s="102">
        <v>2095</v>
      </c>
      <c r="CS8" s="102">
        <v>1180</v>
      </c>
      <c r="CT8" s="102">
        <v>995</v>
      </c>
      <c r="CU8" s="102">
        <v>638</v>
      </c>
      <c r="CV8" s="103">
        <v>6642</v>
      </c>
      <c r="CW8" s="104">
        <v>10086</v>
      </c>
      <c r="CX8" s="105">
        <v>521</v>
      </c>
      <c r="CY8" s="97">
        <v>755</v>
      </c>
      <c r="CZ8" s="98">
        <v>1276</v>
      </c>
      <c r="DA8" s="413">
        <v>0</v>
      </c>
      <c r="DB8" s="97">
        <v>694</v>
      </c>
      <c r="DC8" s="97">
        <v>846</v>
      </c>
      <c r="DD8" s="97">
        <v>478</v>
      </c>
      <c r="DE8" s="97">
        <v>480</v>
      </c>
      <c r="DF8" s="97">
        <v>316</v>
      </c>
      <c r="DG8" s="99">
        <v>2814</v>
      </c>
      <c r="DH8" s="100">
        <v>4090</v>
      </c>
      <c r="DI8" s="101">
        <v>11</v>
      </c>
      <c r="DJ8" s="102">
        <v>21</v>
      </c>
      <c r="DK8" s="103">
        <v>32</v>
      </c>
      <c r="DL8" s="413">
        <v>0</v>
      </c>
      <c r="DM8" s="102">
        <v>12</v>
      </c>
      <c r="DN8" s="102">
        <v>18</v>
      </c>
      <c r="DO8" s="102">
        <v>9</v>
      </c>
      <c r="DP8" s="102">
        <v>12</v>
      </c>
      <c r="DQ8" s="102">
        <v>4</v>
      </c>
      <c r="DR8" s="103">
        <v>55</v>
      </c>
      <c r="DS8" s="104">
        <v>87</v>
      </c>
      <c r="DT8" s="101">
        <v>28</v>
      </c>
      <c r="DU8" s="102">
        <v>45</v>
      </c>
      <c r="DV8" s="103">
        <v>73</v>
      </c>
      <c r="DW8" s="413">
        <v>0</v>
      </c>
      <c r="DX8" s="102">
        <v>16</v>
      </c>
      <c r="DY8" s="102">
        <v>37</v>
      </c>
      <c r="DZ8" s="102">
        <v>20</v>
      </c>
      <c r="EA8" s="102">
        <v>15</v>
      </c>
      <c r="EB8" s="102">
        <v>19</v>
      </c>
      <c r="EC8" s="103">
        <v>107</v>
      </c>
      <c r="ED8" s="104">
        <v>180</v>
      </c>
      <c r="EE8" s="101">
        <v>80</v>
      </c>
      <c r="EF8" s="102">
        <v>105</v>
      </c>
      <c r="EG8" s="103">
        <v>185</v>
      </c>
      <c r="EH8" s="413">
        <v>0</v>
      </c>
      <c r="EI8" s="102">
        <v>75</v>
      </c>
      <c r="EJ8" s="102">
        <v>92</v>
      </c>
      <c r="EK8" s="102">
        <v>25</v>
      </c>
      <c r="EL8" s="102">
        <v>28</v>
      </c>
      <c r="EM8" s="102">
        <v>32</v>
      </c>
      <c r="EN8" s="103">
        <v>252</v>
      </c>
      <c r="EO8" s="104">
        <v>437</v>
      </c>
      <c r="EP8" s="101">
        <v>158</v>
      </c>
      <c r="EQ8" s="102">
        <v>190</v>
      </c>
      <c r="ER8" s="103">
        <v>348</v>
      </c>
      <c r="ES8" s="413">
        <v>0</v>
      </c>
      <c r="ET8" s="102">
        <v>147</v>
      </c>
      <c r="EU8" s="102">
        <v>141</v>
      </c>
      <c r="EV8" s="102">
        <v>79</v>
      </c>
      <c r="EW8" s="102">
        <v>66</v>
      </c>
      <c r="EX8" s="102">
        <v>37</v>
      </c>
      <c r="EY8" s="103">
        <v>470</v>
      </c>
      <c r="EZ8" s="104">
        <v>818</v>
      </c>
      <c r="FA8" s="101">
        <v>140</v>
      </c>
      <c r="FB8" s="102">
        <v>231</v>
      </c>
      <c r="FC8" s="103">
        <v>371</v>
      </c>
      <c r="FD8" s="413">
        <v>0</v>
      </c>
      <c r="FE8" s="102">
        <v>226</v>
      </c>
      <c r="FF8" s="102">
        <v>245</v>
      </c>
      <c r="FG8" s="102">
        <v>112</v>
      </c>
      <c r="FH8" s="102">
        <v>120</v>
      </c>
      <c r="FI8" s="102">
        <v>73</v>
      </c>
      <c r="FJ8" s="103">
        <v>776</v>
      </c>
      <c r="FK8" s="104">
        <v>1147</v>
      </c>
      <c r="FL8" s="101">
        <v>104</v>
      </c>
      <c r="FM8" s="102">
        <v>163</v>
      </c>
      <c r="FN8" s="103">
        <v>267</v>
      </c>
      <c r="FO8" s="413">
        <v>0</v>
      </c>
      <c r="FP8" s="102">
        <v>218</v>
      </c>
      <c r="FQ8" s="102">
        <v>313</v>
      </c>
      <c r="FR8" s="102">
        <v>233</v>
      </c>
      <c r="FS8" s="102">
        <v>239</v>
      </c>
      <c r="FT8" s="102">
        <v>151</v>
      </c>
      <c r="FU8" s="103">
        <v>1154</v>
      </c>
      <c r="FV8" s="104">
        <v>1421</v>
      </c>
      <c r="FW8" s="101">
        <v>0</v>
      </c>
      <c r="FX8" s="102">
        <v>0</v>
      </c>
      <c r="FY8" s="103">
        <v>0</v>
      </c>
      <c r="FZ8" s="413">
        <v>0</v>
      </c>
      <c r="GA8" s="102">
        <v>0</v>
      </c>
      <c r="GB8" s="102">
        <v>0</v>
      </c>
      <c r="GC8" s="102">
        <v>0</v>
      </c>
      <c r="GD8" s="102">
        <v>0</v>
      </c>
      <c r="GE8" s="102">
        <v>0</v>
      </c>
      <c r="GF8" s="103">
        <v>0</v>
      </c>
      <c r="GG8" s="104">
        <v>0</v>
      </c>
      <c r="GH8" s="101">
        <v>521</v>
      </c>
      <c r="GI8" s="102">
        <v>755</v>
      </c>
      <c r="GJ8" s="103">
        <v>1276</v>
      </c>
      <c r="GK8" s="413">
        <v>0</v>
      </c>
      <c r="GL8" s="102">
        <v>694</v>
      </c>
      <c r="GM8" s="102">
        <v>846</v>
      </c>
      <c r="GN8" s="102">
        <v>478</v>
      </c>
      <c r="GO8" s="102">
        <v>480</v>
      </c>
      <c r="GP8" s="102">
        <v>316</v>
      </c>
      <c r="GQ8" s="103">
        <v>2814</v>
      </c>
      <c r="GR8" s="104">
        <v>4090</v>
      </c>
      <c r="GS8" s="105">
        <v>2080</v>
      </c>
      <c r="GT8" s="97">
        <v>2640</v>
      </c>
      <c r="GU8" s="98">
        <v>4720</v>
      </c>
      <c r="GV8" s="413">
        <v>0</v>
      </c>
      <c r="GW8" s="97">
        <v>2428</v>
      </c>
      <c r="GX8" s="97">
        <v>2941</v>
      </c>
      <c r="GY8" s="97">
        <v>1658</v>
      </c>
      <c r="GZ8" s="97">
        <v>1475</v>
      </c>
      <c r="HA8" s="97">
        <v>954</v>
      </c>
      <c r="HB8" s="99">
        <v>9456</v>
      </c>
      <c r="HC8" s="100">
        <v>14176</v>
      </c>
      <c r="HD8" s="101">
        <v>47</v>
      </c>
      <c r="HE8" s="102">
        <v>100</v>
      </c>
      <c r="HF8" s="103">
        <v>147</v>
      </c>
      <c r="HG8" s="413">
        <v>0</v>
      </c>
      <c r="HH8" s="102">
        <v>59</v>
      </c>
      <c r="HI8" s="102">
        <v>89</v>
      </c>
      <c r="HJ8" s="102">
        <v>47</v>
      </c>
      <c r="HK8" s="102">
        <v>55</v>
      </c>
      <c r="HL8" s="102">
        <v>39</v>
      </c>
      <c r="HM8" s="103">
        <v>289</v>
      </c>
      <c r="HN8" s="104">
        <v>436</v>
      </c>
      <c r="HO8" s="101">
        <v>130</v>
      </c>
      <c r="HP8" s="102">
        <v>171</v>
      </c>
      <c r="HQ8" s="103">
        <v>301</v>
      </c>
      <c r="HR8" s="413">
        <v>0</v>
      </c>
      <c r="HS8" s="102">
        <v>102</v>
      </c>
      <c r="HT8" s="102">
        <v>174</v>
      </c>
      <c r="HU8" s="102">
        <v>91</v>
      </c>
      <c r="HV8" s="102">
        <v>86</v>
      </c>
      <c r="HW8" s="102">
        <v>64</v>
      </c>
      <c r="HX8" s="103">
        <v>517</v>
      </c>
      <c r="HY8" s="104">
        <v>818</v>
      </c>
      <c r="HZ8" s="101">
        <v>243</v>
      </c>
      <c r="IA8" s="102">
        <v>340</v>
      </c>
      <c r="IB8" s="103">
        <v>583</v>
      </c>
      <c r="IC8" s="413">
        <v>0</v>
      </c>
      <c r="ID8" s="102">
        <v>240</v>
      </c>
      <c r="IE8" s="102">
        <v>322</v>
      </c>
      <c r="IF8" s="102">
        <v>147</v>
      </c>
      <c r="IG8" s="102">
        <v>164</v>
      </c>
      <c r="IH8" s="102">
        <v>111</v>
      </c>
      <c r="II8" s="103">
        <v>984</v>
      </c>
      <c r="IJ8" s="104">
        <v>1567</v>
      </c>
      <c r="IK8" s="101">
        <v>510</v>
      </c>
      <c r="IL8" s="102">
        <v>603</v>
      </c>
      <c r="IM8" s="103">
        <v>1113</v>
      </c>
      <c r="IN8" s="413">
        <v>0</v>
      </c>
      <c r="IO8" s="102">
        <v>505</v>
      </c>
      <c r="IP8" s="102">
        <v>571</v>
      </c>
      <c r="IQ8" s="102">
        <v>284</v>
      </c>
      <c r="IR8" s="102">
        <v>263</v>
      </c>
      <c r="IS8" s="102">
        <v>160</v>
      </c>
      <c r="IT8" s="103">
        <v>1783</v>
      </c>
      <c r="IU8" s="104">
        <v>2896</v>
      </c>
      <c r="IV8" s="101">
        <v>660</v>
      </c>
      <c r="IW8" s="102">
        <v>773</v>
      </c>
      <c r="IX8" s="103">
        <v>1433</v>
      </c>
      <c r="IY8" s="413">
        <v>0</v>
      </c>
      <c r="IZ8" s="102">
        <v>791</v>
      </c>
      <c r="JA8" s="102">
        <v>824</v>
      </c>
      <c r="JB8" s="102">
        <v>441</v>
      </c>
      <c r="JC8" s="102">
        <v>378</v>
      </c>
      <c r="JD8" s="102">
        <v>232</v>
      </c>
      <c r="JE8" s="103">
        <v>2666</v>
      </c>
      <c r="JF8" s="104">
        <v>4099</v>
      </c>
      <c r="JG8" s="101">
        <v>490</v>
      </c>
      <c r="JH8" s="102">
        <v>653</v>
      </c>
      <c r="JI8" s="103">
        <v>1143</v>
      </c>
      <c r="JJ8" s="413">
        <v>0</v>
      </c>
      <c r="JK8" s="102">
        <v>731</v>
      </c>
      <c r="JL8" s="102">
        <v>961</v>
      </c>
      <c r="JM8" s="102">
        <v>648</v>
      </c>
      <c r="JN8" s="102">
        <v>529</v>
      </c>
      <c r="JO8" s="102">
        <v>348</v>
      </c>
      <c r="JP8" s="103">
        <v>3217</v>
      </c>
      <c r="JQ8" s="104">
        <v>4360</v>
      </c>
      <c r="JR8" s="101">
        <v>0</v>
      </c>
      <c r="JS8" s="102">
        <v>0</v>
      </c>
      <c r="JT8" s="103">
        <v>0</v>
      </c>
      <c r="JU8" s="413">
        <v>0</v>
      </c>
      <c r="JV8" s="102">
        <v>0</v>
      </c>
      <c r="JW8" s="102">
        <v>0</v>
      </c>
      <c r="JX8" s="102">
        <v>0</v>
      </c>
      <c r="JY8" s="102">
        <v>0</v>
      </c>
      <c r="JZ8" s="102">
        <v>0</v>
      </c>
      <c r="KA8" s="103">
        <v>0</v>
      </c>
      <c r="KB8" s="104">
        <v>0</v>
      </c>
      <c r="KC8" s="101">
        <v>2080</v>
      </c>
      <c r="KD8" s="102">
        <v>2640</v>
      </c>
      <c r="KE8" s="103">
        <v>4720</v>
      </c>
      <c r="KF8" s="413">
        <v>0</v>
      </c>
      <c r="KG8" s="102">
        <v>2428</v>
      </c>
      <c r="KH8" s="102">
        <v>2941</v>
      </c>
      <c r="KI8" s="102">
        <v>1658</v>
      </c>
      <c r="KJ8" s="102">
        <v>1475</v>
      </c>
      <c r="KK8" s="102">
        <v>954</v>
      </c>
      <c r="KL8" s="103">
        <v>9456</v>
      </c>
      <c r="KM8" s="104">
        <v>14176</v>
      </c>
    </row>
    <row r="9" spans="2:299" s="70" customFormat="1" ht="21" customHeight="1" x14ac:dyDescent="0.2">
      <c r="B9" s="106" t="s">
        <v>6</v>
      </c>
      <c r="C9" s="96">
        <v>478</v>
      </c>
      <c r="D9" s="97">
        <v>436</v>
      </c>
      <c r="E9" s="98">
        <v>914</v>
      </c>
      <c r="F9" s="413">
        <v>0</v>
      </c>
      <c r="G9" s="97">
        <v>779</v>
      </c>
      <c r="H9" s="97">
        <v>631</v>
      </c>
      <c r="I9" s="97">
        <v>349</v>
      </c>
      <c r="J9" s="97">
        <v>352</v>
      </c>
      <c r="K9" s="97">
        <v>229</v>
      </c>
      <c r="L9" s="99">
        <v>2340</v>
      </c>
      <c r="M9" s="100">
        <v>3254</v>
      </c>
      <c r="N9" s="101">
        <v>26</v>
      </c>
      <c r="O9" s="102">
        <v>24</v>
      </c>
      <c r="P9" s="103">
        <v>50</v>
      </c>
      <c r="Q9" s="413">
        <v>0</v>
      </c>
      <c r="R9" s="102">
        <v>24</v>
      </c>
      <c r="S9" s="102">
        <v>25</v>
      </c>
      <c r="T9" s="102">
        <v>13</v>
      </c>
      <c r="U9" s="102">
        <v>16</v>
      </c>
      <c r="V9" s="102">
        <v>10</v>
      </c>
      <c r="W9" s="103">
        <v>88</v>
      </c>
      <c r="X9" s="104">
        <v>138</v>
      </c>
      <c r="Y9" s="101">
        <v>36</v>
      </c>
      <c r="Z9" s="102">
        <v>36</v>
      </c>
      <c r="AA9" s="103">
        <v>72</v>
      </c>
      <c r="AB9" s="413">
        <v>0</v>
      </c>
      <c r="AC9" s="102">
        <v>57</v>
      </c>
      <c r="AD9" s="102">
        <v>35</v>
      </c>
      <c r="AE9" s="102">
        <v>28</v>
      </c>
      <c r="AF9" s="102">
        <v>36</v>
      </c>
      <c r="AG9" s="102">
        <v>24</v>
      </c>
      <c r="AH9" s="103">
        <v>180</v>
      </c>
      <c r="AI9" s="104">
        <v>252</v>
      </c>
      <c r="AJ9" s="101">
        <v>77</v>
      </c>
      <c r="AK9" s="102">
        <v>55</v>
      </c>
      <c r="AL9" s="103">
        <v>132</v>
      </c>
      <c r="AM9" s="413">
        <v>0</v>
      </c>
      <c r="AN9" s="102">
        <v>94</v>
      </c>
      <c r="AO9" s="102">
        <v>69</v>
      </c>
      <c r="AP9" s="102">
        <v>42</v>
      </c>
      <c r="AQ9" s="102">
        <v>41</v>
      </c>
      <c r="AR9" s="102">
        <v>43</v>
      </c>
      <c r="AS9" s="103">
        <v>289</v>
      </c>
      <c r="AT9" s="104">
        <v>421</v>
      </c>
      <c r="AU9" s="101">
        <v>91</v>
      </c>
      <c r="AV9" s="102">
        <v>76</v>
      </c>
      <c r="AW9" s="103">
        <v>167</v>
      </c>
      <c r="AX9" s="413">
        <v>0</v>
      </c>
      <c r="AY9" s="102">
        <v>186</v>
      </c>
      <c r="AZ9" s="102">
        <v>129</v>
      </c>
      <c r="BA9" s="102">
        <v>66</v>
      </c>
      <c r="BB9" s="102">
        <v>68</v>
      </c>
      <c r="BC9" s="102">
        <v>44</v>
      </c>
      <c r="BD9" s="103">
        <v>493</v>
      </c>
      <c r="BE9" s="104">
        <v>660</v>
      </c>
      <c r="BF9" s="101">
        <v>142</v>
      </c>
      <c r="BG9" s="102">
        <v>114</v>
      </c>
      <c r="BH9" s="103">
        <v>256</v>
      </c>
      <c r="BI9" s="413">
        <v>0</v>
      </c>
      <c r="BJ9" s="102">
        <v>211</v>
      </c>
      <c r="BK9" s="102">
        <v>176</v>
      </c>
      <c r="BL9" s="102">
        <v>91</v>
      </c>
      <c r="BM9" s="102">
        <v>77</v>
      </c>
      <c r="BN9" s="102">
        <v>51</v>
      </c>
      <c r="BO9" s="103">
        <v>606</v>
      </c>
      <c r="BP9" s="104">
        <v>862</v>
      </c>
      <c r="BQ9" s="101">
        <v>106</v>
      </c>
      <c r="BR9" s="102">
        <v>131</v>
      </c>
      <c r="BS9" s="103">
        <v>237</v>
      </c>
      <c r="BT9" s="413">
        <v>0</v>
      </c>
      <c r="BU9" s="102">
        <v>207</v>
      </c>
      <c r="BV9" s="102">
        <v>197</v>
      </c>
      <c r="BW9" s="102">
        <v>109</v>
      </c>
      <c r="BX9" s="102">
        <v>114</v>
      </c>
      <c r="BY9" s="102">
        <v>57</v>
      </c>
      <c r="BZ9" s="103">
        <v>684</v>
      </c>
      <c r="CA9" s="104">
        <v>921</v>
      </c>
      <c r="CB9" s="101">
        <v>0</v>
      </c>
      <c r="CC9" s="102">
        <v>0</v>
      </c>
      <c r="CD9" s="103">
        <v>0</v>
      </c>
      <c r="CE9" s="413">
        <v>0</v>
      </c>
      <c r="CF9" s="102">
        <v>0</v>
      </c>
      <c r="CG9" s="102">
        <v>0</v>
      </c>
      <c r="CH9" s="102">
        <v>0</v>
      </c>
      <c r="CI9" s="102">
        <v>0</v>
      </c>
      <c r="CJ9" s="102">
        <v>0</v>
      </c>
      <c r="CK9" s="103">
        <v>0</v>
      </c>
      <c r="CL9" s="104">
        <v>0</v>
      </c>
      <c r="CM9" s="101">
        <v>478</v>
      </c>
      <c r="CN9" s="102">
        <v>436</v>
      </c>
      <c r="CO9" s="103">
        <v>914</v>
      </c>
      <c r="CP9" s="413">
        <v>0</v>
      </c>
      <c r="CQ9" s="102">
        <v>779</v>
      </c>
      <c r="CR9" s="102">
        <v>631</v>
      </c>
      <c r="CS9" s="102">
        <v>349</v>
      </c>
      <c r="CT9" s="102">
        <v>352</v>
      </c>
      <c r="CU9" s="102">
        <v>229</v>
      </c>
      <c r="CV9" s="103">
        <v>2340</v>
      </c>
      <c r="CW9" s="104">
        <v>3254</v>
      </c>
      <c r="CX9" s="105">
        <v>240</v>
      </c>
      <c r="CY9" s="97">
        <v>265</v>
      </c>
      <c r="CZ9" s="98">
        <v>505</v>
      </c>
      <c r="DA9" s="413">
        <v>0</v>
      </c>
      <c r="DB9" s="97">
        <v>391</v>
      </c>
      <c r="DC9" s="97">
        <v>296</v>
      </c>
      <c r="DD9" s="97">
        <v>210</v>
      </c>
      <c r="DE9" s="97">
        <v>204</v>
      </c>
      <c r="DF9" s="97">
        <v>113</v>
      </c>
      <c r="DG9" s="99">
        <v>1214</v>
      </c>
      <c r="DH9" s="100">
        <v>1719</v>
      </c>
      <c r="DI9" s="101">
        <v>5</v>
      </c>
      <c r="DJ9" s="102">
        <v>5</v>
      </c>
      <c r="DK9" s="103">
        <v>10</v>
      </c>
      <c r="DL9" s="413">
        <v>0</v>
      </c>
      <c r="DM9" s="102">
        <v>3</v>
      </c>
      <c r="DN9" s="102">
        <v>5</v>
      </c>
      <c r="DO9" s="102">
        <v>2</v>
      </c>
      <c r="DP9" s="102">
        <v>2</v>
      </c>
      <c r="DQ9" s="102">
        <v>2</v>
      </c>
      <c r="DR9" s="103">
        <v>14</v>
      </c>
      <c r="DS9" s="104">
        <v>24</v>
      </c>
      <c r="DT9" s="101">
        <v>18</v>
      </c>
      <c r="DU9" s="102">
        <v>18</v>
      </c>
      <c r="DV9" s="103">
        <v>36</v>
      </c>
      <c r="DW9" s="413">
        <v>0</v>
      </c>
      <c r="DX9" s="102">
        <v>27</v>
      </c>
      <c r="DY9" s="102">
        <v>15</v>
      </c>
      <c r="DZ9" s="102">
        <v>12</v>
      </c>
      <c r="EA9" s="102">
        <v>7</v>
      </c>
      <c r="EB9" s="102">
        <v>5</v>
      </c>
      <c r="EC9" s="103">
        <v>66</v>
      </c>
      <c r="ED9" s="104">
        <v>102</v>
      </c>
      <c r="EE9" s="101">
        <v>33</v>
      </c>
      <c r="EF9" s="102">
        <v>40</v>
      </c>
      <c r="EG9" s="103">
        <v>73</v>
      </c>
      <c r="EH9" s="413">
        <v>0</v>
      </c>
      <c r="EI9" s="102">
        <v>49</v>
      </c>
      <c r="EJ9" s="102">
        <v>29</v>
      </c>
      <c r="EK9" s="102">
        <v>14</v>
      </c>
      <c r="EL9" s="102">
        <v>7</v>
      </c>
      <c r="EM9" s="102">
        <v>11</v>
      </c>
      <c r="EN9" s="103">
        <v>110</v>
      </c>
      <c r="EO9" s="104">
        <v>183</v>
      </c>
      <c r="EP9" s="101">
        <v>75</v>
      </c>
      <c r="EQ9" s="102">
        <v>56</v>
      </c>
      <c r="ER9" s="103">
        <v>131</v>
      </c>
      <c r="ES9" s="413">
        <v>0</v>
      </c>
      <c r="ET9" s="102">
        <v>78</v>
      </c>
      <c r="EU9" s="102">
        <v>60</v>
      </c>
      <c r="EV9" s="102">
        <v>24</v>
      </c>
      <c r="EW9" s="102">
        <v>35</v>
      </c>
      <c r="EX9" s="102">
        <v>24</v>
      </c>
      <c r="EY9" s="103">
        <v>221</v>
      </c>
      <c r="EZ9" s="104">
        <v>352</v>
      </c>
      <c r="FA9" s="101">
        <v>64</v>
      </c>
      <c r="FB9" s="102">
        <v>78</v>
      </c>
      <c r="FC9" s="103">
        <v>142</v>
      </c>
      <c r="FD9" s="413">
        <v>0</v>
      </c>
      <c r="FE9" s="102">
        <v>108</v>
      </c>
      <c r="FF9" s="102">
        <v>71</v>
      </c>
      <c r="FG9" s="102">
        <v>50</v>
      </c>
      <c r="FH9" s="102">
        <v>49</v>
      </c>
      <c r="FI9" s="102">
        <v>24</v>
      </c>
      <c r="FJ9" s="103">
        <v>302</v>
      </c>
      <c r="FK9" s="104">
        <v>444</v>
      </c>
      <c r="FL9" s="101">
        <v>45</v>
      </c>
      <c r="FM9" s="102">
        <v>68</v>
      </c>
      <c r="FN9" s="103">
        <v>113</v>
      </c>
      <c r="FO9" s="413">
        <v>0</v>
      </c>
      <c r="FP9" s="102">
        <v>126</v>
      </c>
      <c r="FQ9" s="102">
        <v>116</v>
      </c>
      <c r="FR9" s="102">
        <v>108</v>
      </c>
      <c r="FS9" s="102">
        <v>104</v>
      </c>
      <c r="FT9" s="102">
        <v>47</v>
      </c>
      <c r="FU9" s="103">
        <v>501</v>
      </c>
      <c r="FV9" s="104">
        <v>614</v>
      </c>
      <c r="FW9" s="101">
        <v>0</v>
      </c>
      <c r="FX9" s="102">
        <v>0</v>
      </c>
      <c r="FY9" s="103">
        <v>0</v>
      </c>
      <c r="FZ9" s="413">
        <v>0</v>
      </c>
      <c r="GA9" s="102">
        <v>0</v>
      </c>
      <c r="GB9" s="102">
        <v>0</v>
      </c>
      <c r="GC9" s="102">
        <v>0</v>
      </c>
      <c r="GD9" s="102">
        <v>0</v>
      </c>
      <c r="GE9" s="102">
        <v>0</v>
      </c>
      <c r="GF9" s="103">
        <v>0</v>
      </c>
      <c r="GG9" s="104">
        <v>0</v>
      </c>
      <c r="GH9" s="101">
        <v>240</v>
      </c>
      <c r="GI9" s="102">
        <v>265</v>
      </c>
      <c r="GJ9" s="103">
        <v>505</v>
      </c>
      <c r="GK9" s="413">
        <v>0</v>
      </c>
      <c r="GL9" s="102">
        <v>391</v>
      </c>
      <c r="GM9" s="102">
        <v>296</v>
      </c>
      <c r="GN9" s="102">
        <v>210</v>
      </c>
      <c r="GO9" s="102">
        <v>204</v>
      </c>
      <c r="GP9" s="102">
        <v>113</v>
      </c>
      <c r="GQ9" s="103">
        <v>1214</v>
      </c>
      <c r="GR9" s="104">
        <v>1719</v>
      </c>
      <c r="GS9" s="105">
        <v>718</v>
      </c>
      <c r="GT9" s="97">
        <v>701</v>
      </c>
      <c r="GU9" s="98">
        <v>1419</v>
      </c>
      <c r="GV9" s="413">
        <v>0</v>
      </c>
      <c r="GW9" s="97">
        <v>1170</v>
      </c>
      <c r="GX9" s="97">
        <v>927</v>
      </c>
      <c r="GY9" s="97">
        <v>559</v>
      </c>
      <c r="GZ9" s="97">
        <v>556</v>
      </c>
      <c r="HA9" s="97">
        <v>342</v>
      </c>
      <c r="HB9" s="99">
        <v>3554</v>
      </c>
      <c r="HC9" s="100">
        <v>4973</v>
      </c>
      <c r="HD9" s="101">
        <v>31</v>
      </c>
      <c r="HE9" s="102">
        <v>29</v>
      </c>
      <c r="HF9" s="103">
        <v>60</v>
      </c>
      <c r="HG9" s="413">
        <v>0</v>
      </c>
      <c r="HH9" s="102">
        <v>27</v>
      </c>
      <c r="HI9" s="102">
        <v>30</v>
      </c>
      <c r="HJ9" s="102">
        <v>15</v>
      </c>
      <c r="HK9" s="102">
        <v>18</v>
      </c>
      <c r="HL9" s="102">
        <v>12</v>
      </c>
      <c r="HM9" s="103">
        <v>102</v>
      </c>
      <c r="HN9" s="104">
        <v>162</v>
      </c>
      <c r="HO9" s="101">
        <v>54</v>
      </c>
      <c r="HP9" s="102">
        <v>54</v>
      </c>
      <c r="HQ9" s="103">
        <v>108</v>
      </c>
      <c r="HR9" s="413">
        <v>0</v>
      </c>
      <c r="HS9" s="102">
        <v>84</v>
      </c>
      <c r="HT9" s="102">
        <v>50</v>
      </c>
      <c r="HU9" s="102">
        <v>40</v>
      </c>
      <c r="HV9" s="102">
        <v>43</v>
      </c>
      <c r="HW9" s="102">
        <v>29</v>
      </c>
      <c r="HX9" s="103">
        <v>246</v>
      </c>
      <c r="HY9" s="104">
        <v>354</v>
      </c>
      <c r="HZ9" s="101">
        <v>110</v>
      </c>
      <c r="IA9" s="102">
        <v>95</v>
      </c>
      <c r="IB9" s="103">
        <v>205</v>
      </c>
      <c r="IC9" s="413">
        <v>0</v>
      </c>
      <c r="ID9" s="102">
        <v>143</v>
      </c>
      <c r="IE9" s="102">
        <v>98</v>
      </c>
      <c r="IF9" s="102">
        <v>56</v>
      </c>
      <c r="IG9" s="102">
        <v>48</v>
      </c>
      <c r="IH9" s="102">
        <v>54</v>
      </c>
      <c r="II9" s="103">
        <v>399</v>
      </c>
      <c r="IJ9" s="104">
        <v>604</v>
      </c>
      <c r="IK9" s="101">
        <v>166</v>
      </c>
      <c r="IL9" s="102">
        <v>132</v>
      </c>
      <c r="IM9" s="103">
        <v>298</v>
      </c>
      <c r="IN9" s="413">
        <v>0</v>
      </c>
      <c r="IO9" s="102">
        <v>264</v>
      </c>
      <c r="IP9" s="102">
        <v>189</v>
      </c>
      <c r="IQ9" s="102">
        <v>90</v>
      </c>
      <c r="IR9" s="102">
        <v>103</v>
      </c>
      <c r="IS9" s="102">
        <v>68</v>
      </c>
      <c r="IT9" s="103">
        <v>714</v>
      </c>
      <c r="IU9" s="104">
        <v>1012</v>
      </c>
      <c r="IV9" s="101">
        <v>206</v>
      </c>
      <c r="IW9" s="102">
        <v>192</v>
      </c>
      <c r="IX9" s="103">
        <v>398</v>
      </c>
      <c r="IY9" s="413">
        <v>0</v>
      </c>
      <c r="IZ9" s="102">
        <v>319</v>
      </c>
      <c r="JA9" s="102">
        <v>247</v>
      </c>
      <c r="JB9" s="102">
        <v>141</v>
      </c>
      <c r="JC9" s="102">
        <v>126</v>
      </c>
      <c r="JD9" s="102">
        <v>75</v>
      </c>
      <c r="JE9" s="103">
        <v>908</v>
      </c>
      <c r="JF9" s="104">
        <v>1306</v>
      </c>
      <c r="JG9" s="101">
        <v>151</v>
      </c>
      <c r="JH9" s="102">
        <v>199</v>
      </c>
      <c r="JI9" s="103">
        <v>350</v>
      </c>
      <c r="JJ9" s="413">
        <v>0</v>
      </c>
      <c r="JK9" s="102">
        <v>333</v>
      </c>
      <c r="JL9" s="102">
        <v>313</v>
      </c>
      <c r="JM9" s="102">
        <v>217</v>
      </c>
      <c r="JN9" s="102">
        <v>218</v>
      </c>
      <c r="JO9" s="102">
        <v>104</v>
      </c>
      <c r="JP9" s="103">
        <v>1185</v>
      </c>
      <c r="JQ9" s="104">
        <v>1535</v>
      </c>
      <c r="JR9" s="101">
        <v>0</v>
      </c>
      <c r="JS9" s="102">
        <v>0</v>
      </c>
      <c r="JT9" s="103">
        <v>0</v>
      </c>
      <c r="JU9" s="413">
        <v>0</v>
      </c>
      <c r="JV9" s="102">
        <v>0</v>
      </c>
      <c r="JW9" s="102">
        <v>0</v>
      </c>
      <c r="JX9" s="102">
        <v>0</v>
      </c>
      <c r="JY9" s="102">
        <v>0</v>
      </c>
      <c r="JZ9" s="102">
        <v>0</v>
      </c>
      <c r="KA9" s="103">
        <v>0</v>
      </c>
      <c r="KB9" s="104">
        <v>0</v>
      </c>
      <c r="KC9" s="101">
        <v>718</v>
      </c>
      <c r="KD9" s="102">
        <v>701</v>
      </c>
      <c r="KE9" s="103">
        <v>1419</v>
      </c>
      <c r="KF9" s="413">
        <v>0</v>
      </c>
      <c r="KG9" s="102">
        <v>1170</v>
      </c>
      <c r="KH9" s="102">
        <v>927</v>
      </c>
      <c r="KI9" s="102">
        <v>559</v>
      </c>
      <c r="KJ9" s="102">
        <v>556</v>
      </c>
      <c r="KK9" s="102">
        <v>342</v>
      </c>
      <c r="KL9" s="103">
        <v>3554</v>
      </c>
      <c r="KM9" s="104">
        <v>4973</v>
      </c>
    </row>
    <row r="10" spans="2:299" s="70" customFormat="1" ht="21" customHeight="1" x14ac:dyDescent="0.2">
      <c r="B10" s="106" t="s">
        <v>14</v>
      </c>
      <c r="C10" s="96">
        <v>208</v>
      </c>
      <c r="D10" s="97">
        <v>233</v>
      </c>
      <c r="E10" s="98">
        <v>441</v>
      </c>
      <c r="F10" s="413">
        <v>0</v>
      </c>
      <c r="G10" s="97">
        <v>237</v>
      </c>
      <c r="H10" s="97">
        <v>292</v>
      </c>
      <c r="I10" s="97">
        <v>179</v>
      </c>
      <c r="J10" s="97">
        <v>146</v>
      </c>
      <c r="K10" s="97">
        <v>82</v>
      </c>
      <c r="L10" s="99">
        <v>936</v>
      </c>
      <c r="M10" s="100">
        <v>1377</v>
      </c>
      <c r="N10" s="101">
        <v>7</v>
      </c>
      <c r="O10" s="102">
        <v>11</v>
      </c>
      <c r="P10" s="103">
        <v>18</v>
      </c>
      <c r="Q10" s="413">
        <v>0</v>
      </c>
      <c r="R10" s="102">
        <v>11</v>
      </c>
      <c r="S10" s="102">
        <v>8</v>
      </c>
      <c r="T10" s="102">
        <v>3</v>
      </c>
      <c r="U10" s="102">
        <v>9</v>
      </c>
      <c r="V10" s="102">
        <v>2</v>
      </c>
      <c r="W10" s="103">
        <v>33</v>
      </c>
      <c r="X10" s="104">
        <v>51</v>
      </c>
      <c r="Y10" s="101">
        <v>15</v>
      </c>
      <c r="Z10" s="102">
        <v>23</v>
      </c>
      <c r="AA10" s="103">
        <v>38</v>
      </c>
      <c r="AB10" s="413">
        <v>0</v>
      </c>
      <c r="AC10" s="102">
        <v>10</v>
      </c>
      <c r="AD10" s="102">
        <v>17</v>
      </c>
      <c r="AE10" s="102">
        <v>16</v>
      </c>
      <c r="AF10" s="102">
        <v>11</v>
      </c>
      <c r="AG10" s="102">
        <v>10</v>
      </c>
      <c r="AH10" s="103">
        <v>64</v>
      </c>
      <c r="AI10" s="104">
        <v>102</v>
      </c>
      <c r="AJ10" s="101">
        <v>27</v>
      </c>
      <c r="AK10" s="102">
        <v>33</v>
      </c>
      <c r="AL10" s="103">
        <v>60</v>
      </c>
      <c r="AM10" s="413">
        <v>0</v>
      </c>
      <c r="AN10" s="102">
        <v>24</v>
      </c>
      <c r="AO10" s="102">
        <v>41</v>
      </c>
      <c r="AP10" s="102">
        <v>22</v>
      </c>
      <c r="AQ10" s="102">
        <v>16</v>
      </c>
      <c r="AR10" s="102">
        <v>14</v>
      </c>
      <c r="AS10" s="103">
        <v>117</v>
      </c>
      <c r="AT10" s="104">
        <v>177</v>
      </c>
      <c r="AU10" s="101">
        <v>52</v>
      </c>
      <c r="AV10" s="102">
        <v>58</v>
      </c>
      <c r="AW10" s="103">
        <v>110</v>
      </c>
      <c r="AX10" s="413">
        <v>0</v>
      </c>
      <c r="AY10" s="102">
        <v>49</v>
      </c>
      <c r="AZ10" s="102">
        <v>69</v>
      </c>
      <c r="BA10" s="102">
        <v>36</v>
      </c>
      <c r="BB10" s="102">
        <v>28</v>
      </c>
      <c r="BC10" s="102">
        <v>16</v>
      </c>
      <c r="BD10" s="103">
        <v>198</v>
      </c>
      <c r="BE10" s="104">
        <v>308</v>
      </c>
      <c r="BF10" s="101">
        <v>76</v>
      </c>
      <c r="BG10" s="102">
        <v>66</v>
      </c>
      <c r="BH10" s="103">
        <v>142</v>
      </c>
      <c r="BI10" s="413">
        <v>0</v>
      </c>
      <c r="BJ10" s="102">
        <v>72</v>
      </c>
      <c r="BK10" s="102">
        <v>81</v>
      </c>
      <c r="BL10" s="102">
        <v>56</v>
      </c>
      <c r="BM10" s="102">
        <v>39</v>
      </c>
      <c r="BN10" s="102">
        <v>20</v>
      </c>
      <c r="BO10" s="103">
        <v>268</v>
      </c>
      <c r="BP10" s="104">
        <v>410</v>
      </c>
      <c r="BQ10" s="101">
        <v>31</v>
      </c>
      <c r="BR10" s="102">
        <v>42</v>
      </c>
      <c r="BS10" s="103">
        <v>73</v>
      </c>
      <c r="BT10" s="413">
        <v>0</v>
      </c>
      <c r="BU10" s="102">
        <v>71</v>
      </c>
      <c r="BV10" s="102">
        <v>76</v>
      </c>
      <c r="BW10" s="102">
        <v>46</v>
      </c>
      <c r="BX10" s="102">
        <v>43</v>
      </c>
      <c r="BY10" s="102">
        <v>20</v>
      </c>
      <c r="BZ10" s="103">
        <v>256</v>
      </c>
      <c r="CA10" s="104">
        <v>329</v>
      </c>
      <c r="CB10" s="101">
        <v>0</v>
      </c>
      <c r="CC10" s="102">
        <v>0</v>
      </c>
      <c r="CD10" s="103">
        <v>0</v>
      </c>
      <c r="CE10" s="413">
        <v>0</v>
      </c>
      <c r="CF10" s="102">
        <v>0</v>
      </c>
      <c r="CG10" s="102">
        <v>0</v>
      </c>
      <c r="CH10" s="102">
        <v>0</v>
      </c>
      <c r="CI10" s="102">
        <v>0</v>
      </c>
      <c r="CJ10" s="102">
        <v>0</v>
      </c>
      <c r="CK10" s="103">
        <v>0</v>
      </c>
      <c r="CL10" s="104">
        <v>0</v>
      </c>
      <c r="CM10" s="101">
        <v>208</v>
      </c>
      <c r="CN10" s="102">
        <v>233</v>
      </c>
      <c r="CO10" s="103">
        <v>441</v>
      </c>
      <c r="CP10" s="413">
        <v>0</v>
      </c>
      <c r="CQ10" s="102">
        <v>237</v>
      </c>
      <c r="CR10" s="102">
        <v>292</v>
      </c>
      <c r="CS10" s="102">
        <v>179</v>
      </c>
      <c r="CT10" s="102">
        <v>146</v>
      </c>
      <c r="CU10" s="102">
        <v>82</v>
      </c>
      <c r="CV10" s="103">
        <v>936</v>
      </c>
      <c r="CW10" s="104">
        <v>1377</v>
      </c>
      <c r="CX10" s="105">
        <v>58</v>
      </c>
      <c r="CY10" s="97">
        <v>80</v>
      </c>
      <c r="CZ10" s="98">
        <v>138</v>
      </c>
      <c r="DA10" s="413">
        <v>0</v>
      </c>
      <c r="DB10" s="97">
        <v>100</v>
      </c>
      <c r="DC10" s="97">
        <v>130</v>
      </c>
      <c r="DD10" s="97">
        <v>70</v>
      </c>
      <c r="DE10" s="97">
        <v>82</v>
      </c>
      <c r="DF10" s="97">
        <v>54</v>
      </c>
      <c r="DG10" s="99">
        <v>436</v>
      </c>
      <c r="DH10" s="100">
        <v>574</v>
      </c>
      <c r="DI10" s="101">
        <v>1</v>
      </c>
      <c r="DJ10" s="102">
        <v>5</v>
      </c>
      <c r="DK10" s="103">
        <v>6</v>
      </c>
      <c r="DL10" s="413">
        <v>0</v>
      </c>
      <c r="DM10" s="102">
        <v>2</v>
      </c>
      <c r="DN10" s="102">
        <v>5</v>
      </c>
      <c r="DO10" s="102">
        <v>0</v>
      </c>
      <c r="DP10" s="102">
        <v>3</v>
      </c>
      <c r="DQ10" s="102">
        <v>4</v>
      </c>
      <c r="DR10" s="103">
        <v>14</v>
      </c>
      <c r="DS10" s="104">
        <v>20</v>
      </c>
      <c r="DT10" s="101">
        <v>4</v>
      </c>
      <c r="DU10" s="102">
        <v>2</v>
      </c>
      <c r="DV10" s="103">
        <v>6</v>
      </c>
      <c r="DW10" s="413">
        <v>0</v>
      </c>
      <c r="DX10" s="102">
        <v>6</v>
      </c>
      <c r="DY10" s="102">
        <v>8</v>
      </c>
      <c r="DZ10" s="102">
        <v>5</v>
      </c>
      <c r="EA10" s="102">
        <v>0</v>
      </c>
      <c r="EB10" s="102">
        <v>1</v>
      </c>
      <c r="EC10" s="103">
        <v>20</v>
      </c>
      <c r="ED10" s="104">
        <v>26</v>
      </c>
      <c r="EE10" s="101">
        <v>13</v>
      </c>
      <c r="EF10" s="102">
        <v>12</v>
      </c>
      <c r="EG10" s="103">
        <v>25</v>
      </c>
      <c r="EH10" s="413">
        <v>0</v>
      </c>
      <c r="EI10" s="102">
        <v>9</v>
      </c>
      <c r="EJ10" s="102">
        <v>9</v>
      </c>
      <c r="EK10" s="102">
        <v>7</v>
      </c>
      <c r="EL10" s="102">
        <v>7</v>
      </c>
      <c r="EM10" s="102">
        <v>4</v>
      </c>
      <c r="EN10" s="103">
        <v>36</v>
      </c>
      <c r="EO10" s="104">
        <v>61</v>
      </c>
      <c r="EP10" s="101">
        <v>15</v>
      </c>
      <c r="EQ10" s="102">
        <v>17</v>
      </c>
      <c r="ER10" s="103">
        <v>32</v>
      </c>
      <c r="ES10" s="413">
        <v>0</v>
      </c>
      <c r="ET10" s="102">
        <v>17</v>
      </c>
      <c r="EU10" s="102">
        <v>27</v>
      </c>
      <c r="EV10" s="102">
        <v>11</v>
      </c>
      <c r="EW10" s="102">
        <v>10</v>
      </c>
      <c r="EX10" s="102">
        <v>10</v>
      </c>
      <c r="EY10" s="103">
        <v>75</v>
      </c>
      <c r="EZ10" s="104">
        <v>107</v>
      </c>
      <c r="FA10" s="101">
        <v>18</v>
      </c>
      <c r="FB10" s="102">
        <v>24</v>
      </c>
      <c r="FC10" s="103">
        <v>42</v>
      </c>
      <c r="FD10" s="413">
        <v>0</v>
      </c>
      <c r="FE10" s="102">
        <v>31</v>
      </c>
      <c r="FF10" s="102">
        <v>38</v>
      </c>
      <c r="FG10" s="102">
        <v>14</v>
      </c>
      <c r="FH10" s="102">
        <v>21</v>
      </c>
      <c r="FI10" s="102">
        <v>14</v>
      </c>
      <c r="FJ10" s="103">
        <v>118</v>
      </c>
      <c r="FK10" s="104">
        <v>160</v>
      </c>
      <c r="FL10" s="101">
        <v>7</v>
      </c>
      <c r="FM10" s="102">
        <v>20</v>
      </c>
      <c r="FN10" s="103">
        <v>27</v>
      </c>
      <c r="FO10" s="413">
        <v>0</v>
      </c>
      <c r="FP10" s="102">
        <v>35</v>
      </c>
      <c r="FQ10" s="102">
        <v>43</v>
      </c>
      <c r="FR10" s="102">
        <v>33</v>
      </c>
      <c r="FS10" s="102">
        <v>41</v>
      </c>
      <c r="FT10" s="102">
        <v>21</v>
      </c>
      <c r="FU10" s="103">
        <v>173</v>
      </c>
      <c r="FV10" s="104">
        <v>200</v>
      </c>
      <c r="FW10" s="101">
        <v>0</v>
      </c>
      <c r="FX10" s="102">
        <v>0</v>
      </c>
      <c r="FY10" s="103">
        <v>0</v>
      </c>
      <c r="FZ10" s="413">
        <v>0</v>
      </c>
      <c r="GA10" s="102">
        <v>0</v>
      </c>
      <c r="GB10" s="102">
        <v>0</v>
      </c>
      <c r="GC10" s="102">
        <v>0</v>
      </c>
      <c r="GD10" s="102">
        <v>0</v>
      </c>
      <c r="GE10" s="102">
        <v>0</v>
      </c>
      <c r="GF10" s="103">
        <v>0</v>
      </c>
      <c r="GG10" s="104">
        <v>0</v>
      </c>
      <c r="GH10" s="101">
        <v>58</v>
      </c>
      <c r="GI10" s="102">
        <v>80</v>
      </c>
      <c r="GJ10" s="103">
        <v>138</v>
      </c>
      <c r="GK10" s="413">
        <v>0</v>
      </c>
      <c r="GL10" s="102">
        <v>100</v>
      </c>
      <c r="GM10" s="102">
        <v>130</v>
      </c>
      <c r="GN10" s="102">
        <v>70</v>
      </c>
      <c r="GO10" s="102">
        <v>82</v>
      </c>
      <c r="GP10" s="102">
        <v>54</v>
      </c>
      <c r="GQ10" s="103">
        <v>436</v>
      </c>
      <c r="GR10" s="104">
        <v>574</v>
      </c>
      <c r="GS10" s="105">
        <v>266</v>
      </c>
      <c r="GT10" s="97">
        <v>313</v>
      </c>
      <c r="GU10" s="98">
        <v>579</v>
      </c>
      <c r="GV10" s="413">
        <v>0</v>
      </c>
      <c r="GW10" s="97">
        <v>337</v>
      </c>
      <c r="GX10" s="97">
        <v>422</v>
      </c>
      <c r="GY10" s="97">
        <v>249</v>
      </c>
      <c r="GZ10" s="97">
        <v>228</v>
      </c>
      <c r="HA10" s="97">
        <v>136</v>
      </c>
      <c r="HB10" s="99">
        <v>1372</v>
      </c>
      <c r="HC10" s="100">
        <v>1951</v>
      </c>
      <c r="HD10" s="101">
        <v>8</v>
      </c>
      <c r="HE10" s="102">
        <v>16</v>
      </c>
      <c r="HF10" s="103">
        <v>24</v>
      </c>
      <c r="HG10" s="413">
        <v>0</v>
      </c>
      <c r="HH10" s="102">
        <v>13</v>
      </c>
      <c r="HI10" s="102">
        <v>13</v>
      </c>
      <c r="HJ10" s="102">
        <v>3</v>
      </c>
      <c r="HK10" s="102">
        <v>12</v>
      </c>
      <c r="HL10" s="102">
        <v>6</v>
      </c>
      <c r="HM10" s="103">
        <v>47</v>
      </c>
      <c r="HN10" s="104">
        <v>71</v>
      </c>
      <c r="HO10" s="101">
        <v>19</v>
      </c>
      <c r="HP10" s="102">
        <v>25</v>
      </c>
      <c r="HQ10" s="103">
        <v>44</v>
      </c>
      <c r="HR10" s="413">
        <v>0</v>
      </c>
      <c r="HS10" s="102">
        <v>16</v>
      </c>
      <c r="HT10" s="102">
        <v>25</v>
      </c>
      <c r="HU10" s="102">
        <v>21</v>
      </c>
      <c r="HV10" s="102">
        <v>11</v>
      </c>
      <c r="HW10" s="102">
        <v>11</v>
      </c>
      <c r="HX10" s="103">
        <v>84</v>
      </c>
      <c r="HY10" s="104">
        <v>128</v>
      </c>
      <c r="HZ10" s="101">
        <v>40</v>
      </c>
      <c r="IA10" s="102">
        <v>45</v>
      </c>
      <c r="IB10" s="103">
        <v>85</v>
      </c>
      <c r="IC10" s="413">
        <v>0</v>
      </c>
      <c r="ID10" s="102">
        <v>33</v>
      </c>
      <c r="IE10" s="102">
        <v>50</v>
      </c>
      <c r="IF10" s="102">
        <v>29</v>
      </c>
      <c r="IG10" s="102">
        <v>23</v>
      </c>
      <c r="IH10" s="102">
        <v>18</v>
      </c>
      <c r="II10" s="103">
        <v>153</v>
      </c>
      <c r="IJ10" s="104">
        <v>238</v>
      </c>
      <c r="IK10" s="101">
        <v>67</v>
      </c>
      <c r="IL10" s="102">
        <v>75</v>
      </c>
      <c r="IM10" s="103">
        <v>142</v>
      </c>
      <c r="IN10" s="413">
        <v>0</v>
      </c>
      <c r="IO10" s="102">
        <v>66</v>
      </c>
      <c r="IP10" s="102">
        <v>96</v>
      </c>
      <c r="IQ10" s="102">
        <v>47</v>
      </c>
      <c r="IR10" s="102">
        <v>38</v>
      </c>
      <c r="IS10" s="102">
        <v>26</v>
      </c>
      <c r="IT10" s="103">
        <v>273</v>
      </c>
      <c r="IU10" s="104">
        <v>415</v>
      </c>
      <c r="IV10" s="101">
        <v>94</v>
      </c>
      <c r="IW10" s="102">
        <v>90</v>
      </c>
      <c r="IX10" s="103">
        <v>184</v>
      </c>
      <c r="IY10" s="413">
        <v>0</v>
      </c>
      <c r="IZ10" s="102">
        <v>103</v>
      </c>
      <c r="JA10" s="102">
        <v>119</v>
      </c>
      <c r="JB10" s="102">
        <v>70</v>
      </c>
      <c r="JC10" s="102">
        <v>60</v>
      </c>
      <c r="JD10" s="102">
        <v>34</v>
      </c>
      <c r="JE10" s="103">
        <v>386</v>
      </c>
      <c r="JF10" s="104">
        <v>570</v>
      </c>
      <c r="JG10" s="101">
        <v>38</v>
      </c>
      <c r="JH10" s="102">
        <v>62</v>
      </c>
      <c r="JI10" s="103">
        <v>100</v>
      </c>
      <c r="JJ10" s="413">
        <v>0</v>
      </c>
      <c r="JK10" s="102">
        <v>106</v>
      </c>
      <c r="JL10" s="102">
        <v>119</v>
      </c>
      <c r="JM10" s="102">
        <v>79</v>
      </c>
      <c r="JN10" s="102">
        <v>84</v>
      </c>
      <c r="JO10" s="102">
        <v>41</v>
      </c>
      <c r="JP10" s="103">
        <v>429</v>
      </c>
      <c r="JQ10" s="104">
        <v>529</v>
      </c>
      <c r="JR10" s="101">
        <v>0</v>
      </c>
      <c r="JS10" s="102">
        <v>0</v>
      </c>
      <c r="JT10" s="103">
        <v>0</v>
      </c>
      <c r="JU10" s="413">
        <v>0</v>
      </c>
      <c r="JV10" s="102">
        <v>0</v>
      </c>
      <c r="JW10" s="102">
        <v>0</v>
      </c>
      <c r="JX10" s="102">
        <v>0</v>
      </c>
      <c r="JY10" s="102">
        <v>0</v>
      </c>
      <c r="JZ10" s="102">
        <v>0</v>
      </c>
      <c r="KA10" s="103">
        <v>0</v>
      </c>
      <c r="KB10" s="104">
        <v>0</v>
      </c>
      <c r="KC10" s="101">
        <v>266</v>
      </c>
      <c r="KD10" s="102">
        <v>313</v>
      </c>
      <c r="KE10" s="103">
        <v>579</v>
      </c>
      <c r="KF10" s="413">
        <v>0</v>
      </c>
      <c r="KG10" s="102">
        <v>337</v>
      </c>
      <c r="KH10" s="102">
        <v>422</v>
      </c>
      <c r="KI10" s="102">
        <v>249</v>
      </c>
      <c r="KJ10" s="102">
        <v>228</v>
      </c>
      <c r="KK10" s="102">
        <v>136</v>
      </c>
      <c r="KL10" s="103">
        <v>1372</v>
      </c>
      <c r="KM10" s="104">
        <v>1951</v>
      </c>
    </row>
    <row r="11" spans="2:299" s="70" customFormat="1" ht="21" customHeight="1" x14ac:dyDescent="0.2">
      <c r="B11" s="106" t="s">
        <v>7</v>
      </c>
      <c r="C11" s="96">
        <v>143</v>
      </c>
      <c r="D11" s="97">
        <v>103</v>
      </c>
      <c r="E11" s="98">
        <v>246</v>
      </c>
      <c r="F11" s="413">
        <v>0</v>
      </c>
      <c r="G11" s="97">
        <v>265</v>
      </c>
      <c r="H11" s="97">
        <v>131</v>
      </c>
      <c r="I11" s="97">
        <v>90</v>
      </c>
      <c r="J11" s="97">
        <v>81</v>
      </c>
      <c r="K11" s="97">
        <v>31</v>
      </c>
      <c r="L11" s="99">
        <v>598</v>
      </c>
      <c r="M11" s="100">
        <v>844</v>
      </c>
      <c r="N11" s="101">
        <v>6</v>
      </c>
      <c r="O11" s="102">
        <v>3</v>
      </c>
      <c r="P11" s="103">
        <v>9</v>
      </c>
      <c r="Q11" s="413">
        <v>0</v>
      </c>
      <c r="R11" s="102">
        <v>4</v>
      </c>
      <c r="S11" s="102">
        <v>4</v>
      </c>
      <c r="T11" s="102">
        <v>5</v>
      </c>
      <c r="U11" s="102">
        <v>1</v>
      </c>
      <c r="V11" s="102">
        <v>1</v>
      </c>
      <c r="W11" s="103">
        <v>15</v>
      </c>
      <c r="X11" s="104">
        <v>24</v>
      </c>
      <c r="Y11" s="101">
        <v>5</v>
      </c>
      <c r="Z11" s="102">
        <v>8</v>
      </c>
      <c r="AA11" s="103">
        <v>13</v>
      </c>
      <c r="AB11" s="413">
        <v>0</v>
      </c>
      <c r="AC11" s="102">
        <v>13</v>
      </c>
      <c r="AD11" s="102">
        <v>6</v>
      </c>
      <c r="AE11" s="102">
        <v>5</v>
      </c>
      <c r="AF11" s="102">
        <v>8</v>
      </c>
      <c r="AG11" s="102">
        <v>3</v>
      </c>
      <c r="AH11" s="103">
        <v>35</v>
      </c>
      <c r="AI11" s="104">
        <v>48</v>
      </c>
      <c r="AJ11" s="101">
        <v>16</v>
      </c>
      <c r="AK11" s="102">
        <v>15</v>
      </c>
      <c r="AL11" s="103">
        <v>31</v>
      </c>
      <c r="AM11" s="413">
        <v>0</v>
      </c>
      <c r="AN11" s="102">
        <v>37</v>
      </c>
      <c r="AO11" s="102">
        <v>13</v>
      </c>
      <c r="AP11" s="102">
        <v>8</v>
      </c>
      <c r="AQ11" s="102">
        <v>13</v>
      </c>
      <c r="AR11" s="102">
        <v>2</v>
      </c>
      <c r="AS11" s="103">
        <v>73</v>
      </c>
      <c r="AT11" s="104">
        <v>104</v>
      </c>
      <c r="AU11" s="101">
        <v>35</v>
      </c>
      <c r="AV11" s="102">
        <v>22</v>
      </c>
      <c r="AW11" s="103">
        <v>57</v>
      </c>
      <c r="AX11" s="413">
        <v>0</v>
      </c>
      <c r="AY11" s="102">
        <v>59</v>
      </c>
      <c r="AZ11" s="102">
        <v>25</v>
      </c>
      <c r="BA11" s="102">
        <v>18</v>
      </c>
      <c r="BB11" s="102">
        <v>12</v>
      </c>
      <c r="BC11" s="102">
        <v>13</v>
      </c>
      <c r="BD11" s="103">
        <v>127</v>
      </c>
      <c r="BE11" s="104">
        <v>184</v>
      </c>
      <c r="BF11" s="101">
        <v>49</v>
      </c>
      <c r="BG11" s="102">
        <v>28</v>
      </c>
      <c r="BH11" s="103">
        <v>77</v>
      </c>
      <c r="BI11" s="413">
        <v>0</v>
      </c>
      <c r="BJ11" s="102">
        <v>74</v>
      </c>
      <c r="BK11" s="102">
        <v>42</v>
      </c>
      <c r="BL11" s="102">
        <v>25</v>
      </c>
      <c r="BM11" s="102">
        <v>21</v>
      </c>
      <c r="BN11" s="102">
        <v>8</v>
      </c>
      <c r="BO11" s="103">
        <v>170</v>
      </c>
      <c r="BP11" s="104">
        <v>247</v>
      </c>
      <c r="BQ11" s="101">
        <v>32</v>
      </c>
      <c r="BR11" s="102">
        <v>27</v>
      </c>
      <c r="BS11" s="103">
        <v>59</v>
      </c>
      <c r="BT11" s="413">
        <v>0</v>
      </c>
      <c r="BU11" s="102">
        <v>78</v>
      </c>
      <c r="BV11" s="102">
        <v>41</v>
      </c>
      <c r="BW11" s="102">
        <v>29</v>
      </c>
      <c r="BX11" s="102">
        <v>26</v>
      </c>
      <c r="BY11" s="102">
        <v>4</v>
      </c>
      <c r="BZ11" s="103">
        <v>178</v>
      </c>
      <c r="CA11" s="104">
        <v>237</v>
      </c>
      <c r="CB11" s="101">
        <v>0</v>
      </c>
      <c r="CC11" s="102">
        <v>0</v>
      </c>
      <c r="CD11" s="103">
        <v>0</v>
      </c>
      <c r="CE11" s="413">
        <v>0</v>
      </c>
      <c r="CF11" s="102">
        <v>0</v>
      </c>
      <c r="CG11" s="102">
        <v>0</v>
      </c>
      <c r="CH11" s="102">
        <v>0</v>
      </c>
      <c r="CI11" s="102">
        <v>0</v>
      </c>
      <c r="CJ11" s="102">
        <v>0</v>
      </c>
      <c r="CK11" s="103">
        <v>0</v>
      </c>
      <c r="CL11" s="104">
        <v>0</v>
      </c>
      <c r="CM11" s="101">
        <v>143</v>
      </c>
      <c r="CN11" s="102">
        <v>103</v>
      </c>
      <c r="CO11" s="103">
        <v>246</v>
      </c>
      <c r="CP11" s="413">
        <v>0</v>
      </c>
      <c r="CQ11" s="102">
        <v>265</v>
      </c>
      <c r="CR11" s="102">
        <v>131</v>
      </c>
      <c r="CS11" s="102">
        <v>90</v>
      </c>
      <c r="CT11" s="102">
        <v>81</v>
      </c>
      <c r="CU11" s="102">
        <v>31</v>
      </c>
      <c r="CV11" s="103">
        <v>598</v>
      </c>
      <c r="CW11" s="104">
        <v>844</v>
      </c>
      <c r="CX11" s="105">
        <v>50</v>
      </c>
      <c r="CY11" s="97">
        <v>45</v>
      </c>
      <c r="CZ11" s="98">
        <v>95</v>
      </c>
      <c r="DA11" s="413">
        <v>0</v>
      </c>
      <c r="DB11" s="97">
        <v>72</v>
      </c>
      <c r="DC11" s="97">
        <v>29</v>
      </c>
      <c r="DD11" s="97">
        <v>22</v>
      </c>
      <c r="DE11" s="97">
        <v>25</v>
      </c>
      <c r="DF11" s="97">
        <v>19</v>
      </c>
      <c r="DG11" s="99">
        <v>167</v>
      </c>
      <c r="DH11" s="100">
        <v>262</v>
      </c>
      <c r="DI11" s="101">
        <v>1</v>
      </c>
      <c r="DJ11" s="102">
        <v>0</v>
      </c>
      <c r="DK11" s="103">
        <v>1</v>
      </c>
      <c r="DL11" s="413">
        <v>0</v>
      </c>
      <c r="DM11" s="102">
        <v>1</v>
      </c>
      <c r="DN11" s="102">
        <v>1</v>
      </c>
      <c r="DO11" s="102">
        <v>1</v>
      </c>
      <c r="DP11" s="102">
        <v>0</v>
      </c>
      <c r="DQ11" s="102">
        <v>0</v>
      </c>
      <c r="DR11" s="103">
        <v>3</v>
      </c>
      <c r="DS11" s="104">
        <v>4</v>
      </c>
      <c r="DT11" s="101">
        <v>3</v>
      </c>
      <c r="DU11" s="102">
        <v>4</v>
      </c>
      <c r="DV11" s="103">
        <v>7</v>
      </c>
      <c r="DW11" s="413">
        <v>0</v>
      </c>
      <c r="DX11" s="102">
        <v>2</v>
      </c>
      <c r="DY11" s="102">
        <v>2</v>
      </c>
      <c r="DZ11" s="102">
        <v>1</v>
      </c>
      <c r="EA11" s="102">
        <v>1</v>
      </c>
      <c r="EB11" s="102">
        <v>2</v>
      </c>
      <c r="EC11" s="103">
        <v>8</v>
      </c>
      <c r="ED11" s="104">
        <v>15</v>
      </c>
      <c r="EE11" s="101">
        <v>9</v>
      </c>
      <c r="EF11" s="102">
        <v>6</v>
      </c>
      <c r="EG11" s="103">
        <v>15</v>
      </c>
      <c r="EH11" s="413">
        <v>0</v>
      </c>
      <c r="EI11" s="102">
        <v>12</v>
      </c>
      <c r="EJ11" s="102">
        <v>2</v>
      </c>
      <c r="EK11" s="102">
        <v>1</v>
      </c>
      <c r="EL11" s="102">
        <v>4</v>
      </c>
      <c r="EM11" s="102">
        <v>3</v>
      </c>
      <c r="EN11" s="103">
        <v>22</v>
      </c>
      <c r="EO11" s="104">
        <v>37</v>
      </c>
      <c r="EP11" s="101">
        <v>13</v>
      </c>
      <c r="EQ11" s="102">
        <v>15</v>
      </c>
      <c r="ER11" s="103">
        <v>28</v>
      </c>
      <c r="ES11" s="413">
        <v>0</v>
      </c>
      <c r="ET11" s="102">
        <v>19</v>
      </c>
      <c r="EU11" s="102">
        <v>5</v>
      </c>
      <c r="EV11" s="102">
        <v>2</v>
      </c>
      <c r="EW11" s="102">
        <v>5</v>
      </c>
      <c r="EX11" s="102">
        <v>2</v>
      </c>
      <c r="EY11" s="103">
        <v>33</v>
      </c>
      <c r="EZ11" s="104">
        <v>61</v>
      </c>
      <c r="FA11" s="101">
        <v>14</v>
      </c>
      <c r="FB11" s="102">
        <v>13</v>
      </c>
      <c r="FC11" s="103">
        <v>27</v>
      </c>
      <c r="FD11" s="413">
        <v>0</v>
      </c>
      <c r="FE11" s="102">
        <v>18</v>
      </c>
      <c r="FF11" s="102">
        <v>6</v>
      </c>
      <c r="FG11" s="102">
        <v>6</v>
      </c>
      <c r="FH11" s="102">
        <v>7</v>
      </c>
      <c r="FI11" s="102">
        <v>7</v>
      </c>
      <c r="FJ11" s="103">
        <v>44</v>
      </c>
      <c r="FK11" s="104">
        <v>71</v>
      </c>
      <c r="FL11" s="101">
        <v>10</v>
      </c>
      <c r="FM11" s="102">
        <v>7</v>
      </c>
      <c r="FN11" s="103">
        <v>17</v>
      </c>
      <c r="FO11" s="413">
        <v>0</v>
      </c>
      <c r="FP11" s="102">
        <v>20</v>
      </c>
      <c r="FQ11" s="102">
        <v>13</v>
      </c>
      <c r="FR11" s="102">
        <v>11</v>
      </c>
      <c r="FS11" s="102">
        <v>8</v>
      </c>
      <c r="FT11" s="102">
        <v>5</v>
      </c>
      <c r="FU11" s="103">
        <v>57</v>
      </c>
      <c r="FV11" s="104">
        <v>74</v>
      </c>
      <c r="FW11" s="101">
        <v>0</v>
      </c>
      <c r="FX11" s="102">
        <v>0</v>
      </c>
      <c r="FY11" s="103">
        <v>0</v>
      </c>
      <c r="FZ11" s="413">
        <v>0</v>
      </c>
      <c r="GA11" s="102">
        <v>0</v>
      </c>
      <c r="GB11" s="102">
        <v>0</v>
      </c>
      <c r="GC11" s="102">
        <v>0</v>
      </c>
      <c r="GD11" s="102">
        <v>0</v>
      </c>
      <c r="GE11" s="102">
        <v>0</v>
      </c>
      <c r="GF11" s="103">
        <v>0</v>
      </c>
      <c r="GG11" s="104">
        <v>0</v>
      </c>
      <c r="GH11" s="101">
        <v>50</v>
      </c>
      <c r="GI11" s="102">
        <v>45</v>
      </c>
      <c r="GJ11" s="103">
        <v>95</v>
      </c>
      <c r="GK11" s="413">
        <v>0</v>
      </c>
      <c r="GL11" s="102">
        <v>72</v>
      </c>
      <c r="GM11" s="102">
        <v>29</v>
      </c>
      <c r="GN11" s="102">
        <v>22</v>
      </c>
      <c r="GO11" s="102">
        <v>25</v>
      </c>
      <c r="GP11" s="102">
        <v>19</v>
      </c>
      <c r="GQ11" s="103">
        <v>167</v>
      </c>
      <c r="GR11" s="104">
        <v>262</v>
      </c>
      <c r="GS11" s="105">
        <v>193</v>
      </c>
      <c r="GT11" s="97">
        <v>148</v>
      </c>
      <c r="GU11" s="98">
        <v>341</v>
      </c>
      <c r="GV11" s="413">
        <v>0</v>
      </c>
      <c r="GW11" s="97">
        <v>337</v>
      </c>
      <c r="GX11" s="97">
        <v>160</v>
      </c>
      <c r="GY11" s="97">
        <v>112</v>
      </c>
      <c r="GZ11" s="97">
        <v>106</v>
      </c>
      <c r="HA11" s="97">
        <v>50</v>
      </c>
      <c r="HB11" s="99">
        <v>765</v>
      </c>
      <c r="HC11" s="100">
        <v>1106</v>
      </c>
      <c r="HD11" s="101">
        <v>7</v>
      </c>
      <c r="HE11" s="102">
        <v>3</v>
      </c>
      <c r="HF11" s="103">
        <v>10</v>
      </c>
      <c r="HG11" s="413">
        <v>0</v>
      </c>
      <c r="HH11" s="102">
        <v>5</v>
      </c>
      <c r="HI11" s="102">
        <v>5</v>
      </c>
      <c r="HJ11" s="102">
        <v>6</v>
      </c>
      <c r="HK11" s="102">
        <v>1</v>
      </c>
      <c r="HL11" s="102">
        <v>1</v>
      </c>
      <c r="HM11" s="103">
        <v>18</v>
      </c>
      <c r="HN11" s="104">
        <v>28</v>
      </c>
      <c r="HO11" s="101">
        <v>8</v>
      </c>
      <c r="HP11" s="102">
        <v>12</v>
      </c>
      <c r="HQ11" s="103">
        <v>20</v>
      </c>
      <c r="HR11" s="413">
        <v>0</v>
      </c>
      <c r="HS11" s="102">
        <v>15</v>
      </c>
      <c r="HT11" s="102">
        <v>8</v>
      </c>
      <c r="HU11" s="102">
        <v>6</v>
      </c>
      <c r="HV11" s="102">
        <v>9</v>
      </c>
      <c r="HW11" s="102">
        <v>5</v>
      </c>
      <c r="HX11" s="103">
        <v>43</v>
      </c>
      <c r="HY11" s="104">
        <v>63</v>
      </c>
      <c r="HZ11" s="101">
        <v>25</v>
      </c>
      <c r="IA11" s="102">
        <v>21</v>
      </c>
      <c r="IB11" s="103">
        <v>46</v>
      </c>
      <c r="IC11" s="413">
        <v>0</v>
      </c>
      <c r="ID11" s="102">
        <v>49</v>
      </c>
      <c r="IE11" s="102">
        <v>15</v>
      </c>
      <c r="IF11" s="102">
        <v>9</v>
      </c>
      <c r="IG11" s="102">
        <v>17</v>
      </c>
      <c r="IH11" s="102">
        <v>5</v>
      </c>
      <c r="II11" s="103">
        <v>95</v>
      </c>
      <c r="IJ11" s="104">
        <v>141</v>
      </c>
      <c r="IK11" s="101">
        <v>48</v>
      </c>
      <c r="IL11" s="102">
        <v>37</v>
      </c>
      <c r="IM11" s="103">
        <v>85</v>
      </c>
      <c r="IN11" s="413">
        <v>0</v>
      </c>
      <c r="IO11" s="102">
        <v>78</v>
      </c>
      <c r="IP11" s="102">
        <v>30</v>
      </c>
      <c r="IQ11" s="102">
        <v>20</v>
      </c>
      <c r="IR11" s="102">
        <v>17</v>
      </c>
      <c r="IS11" s="102">
        <v>15</v>
      </c>
      <c r="IT11" s="103">
        <v>160</v>
      </c>
      <c r="IU11" s="104">
        <v>245</v>
      </c>
      <c r="IV11" s="101">
        <v>63</v>
      </c>
      <c r="IW11" s="102">
        <v>41</v>
      </c>
      <c r="IX11" s="103">
        <v>104</v>
      </c>
      <c r="IY11" s="413">
        <v>0</v>
      </c>
      <c r="IZ11" s="102">
        <v>92</v>
      </c>
      <c r="JA11" s="102">
        <v>48</v>
      </c>
      <c r="JB11" s="102">
        <v>31</v>
      </c>
      <c r="JC11" s="102">
        <v>28</v>
      </c>
      <c r="JD11" s="102">
        <v>15</v>
      </c>
      <c r="JE11" s="103">
        <v>214</v>
      </c>
      <c r="JF11" s="104">
        <v>318</v>
      </c>
      <c r="JG11" s="101">
        <v>42</v>
      </c>
      <c r="JH11" s="102">
        <v>34</v>
      </c>
      <c r="JI11" s="103">
        <v>76</v>
      </c>
      <c r="JJ11" s="413">
        <v>0</v>
      </c>
      <c r="JK11" s="102">
        <v>98</v>
      </c>
      <c r="JL11" s="102">
        <v>54</v>
      </c>
      <c r="JM11" s="102">
        <v>40</v>
      </c>
      <c r="JN11" s="102">
        <v>34</v>
      </c>
      <c r="JO11" s="102">
        <v>9</v>
      </c>
      <c r="JP11" s="103">
        <v>235</v>
      </c>
      <c r="JQ11" s="104">
        <v>311</v>
      </c>
      <c r="JR11" s="101">
        <v>0</v>
      </c>
      <c r="JS11" s="102">
        <v>0</v>
      </c>
      <c r="JT11" s="103">
        <v>0</v>
      </c>
      <c r="JU11" s="413">
        <v>0</v>
      </c>
      <c r="JV11" s="102">
        <v>0</v>
      </c>
      <c r="JW11" s="102">
        <v>0</v>
      </c>
      <c r="JX11" s="102">
        <v>0</v>
      </c>
      <c r="JY11" s="102">
        <v>0</v>
      </c>
      <c r="JZ11" s="102">
        <v>0</v>
      </c>
      <c r="KA11" s="103">
        <v>0</v>
      </c>
      <c r="KB11" s="104">
        <v>0</v>
      </c>
      <c r="KC11" s="101">
        <v>193</v>
      </c>
      <c r="KD11" s="102">
        <v>148</v>
      </c>
      <c r="KE11" s="103">
        <v>341</v>
      </c>
      <c r="KF11" s="413">
        <v>0</v>
      </c>
      <c r="KG11" s="102">
        <v>337</v>
      </c>
      <c r="KH11" s="102">
        <v>160</v>
      </c>
      <c r="KI11" s="102">
        <v>112</v>
      </c>
      <c r="KJ11" s="102">
        <v>106</v>
      </c>
      <c r="KK11" s="102">
        <v>50</v>
      </c>
      <c r="KL11" s="103">
        <v>765</v>
      </c>
      <c r="KM11" s="104">
        <v>1106</v>
      </c>
    </row>
    <row r="12" spans="2:299" s="70" customFormat="1" ht="21" customHeight="1" x14ac:dyDescent="0.2">
      <c r="B12" s="106" t="s">
        <v>8</v>
      </c>
      <c r="C12" s="96">
        <v>62</v>
      </c>
      <c r="D12" s="97">
        <v>43</v>
      </c>
      <c r="E12" s="98">
        <v>105</v>
      </c>
      <c r="F12" s="413">
        <v>0</v>
      </c>
      <c r="G12" s="97">
        <v>114</v>
      </c>
      <c r="H12" s="97">
        <v>86</v>
      </c>
      <c r="I12" s="97">
        <v>64</v>
      </c>
      <c r="J12" s="97">
        <v>42</v>
      </c>
      <c r="K12" s="97">
        <v>26</v>
      </c>
      <c r="L12" s="99">
        <v>332</v>
      </c>
      <c r="M12" s="100">
        <v>437</v>
      </c>
      <c r="N12" s="101">
        <v>1</v>
      </c>
      <c r="O12" s="102">
        <v>3</v>
      </c>
      <c r="P12" s="103">
        <v>4</v>
      </c>
      <c r="Q12" s="413">
        <v>0</v>
      </c>
      <c r="R12" s="102">
        <v>4</v>
      </c>
      <c r="S12" s="102">
        <v>4</v>
      </c>
      <c r="T12" s="102">
        <v>6</v>
      </c>
      <c r="U12" s="102">
        <v>0</v>
      </c>
      <c r="V12" s="102">
        <v>1</v>
      </c>
      <c r="W12" s="103">
        <v>15</v>
      </c>
      <c r="X12" s="104">
        <v>19</v>
      </c>
      <c r="Y12" s="101">
        <v>6</v>
      </c>
      <c r="Z12" s="102">
        <v>6</v>
      </c>
      <c r="AA12" s="103">
        <v>12</v>
      </c>
      <c r="AB12" s="413">
        <v>0</v>
      </c>
      <c r="AC12" s="102">
        <v>7</v>
      </c>
      <c r="AD12" s="102">
        <v>6</v>
      </c>
      <c r="AE12" s="102">
        <v>1</v>
      </c>
      <c r="AF12" s="102">
        <v>5</v>
      </c>
      <c r="AG12" s="102">
        <v>4</v>
      </c>
      <c r="AH12" s="103">
        <v>23</v>
      </c>
      <c r="AI12" s="104">
        <v>35</v>
      </c>
      <c r="AJ12" s="101">
        <v>10</v>
      </c>
      <c r="AK12" s="102">
        <v>6</v>
      </c>
      <c r="AL12" s="103">
        <v>16</v>
      </c>
      <c r="AM12" s="413">
        <v>0</v>
      </c>
      <c r="AN12" s="102">
        <v>17</v>
      </c>
      <c r="AO12" s="102">
        <v>9</v>
      </c>
      <c r="AP12" s="102">
        <v>9</v>
      </c>
      <c r="AQ12" s="102">
        <v>6</v>
      </c>
      <c r="AR12" s="102">
        <v>5</v>
      </c>
      <c r="AS12" s="103">
        <v>46</v>
      </c>
      <c r="AT12" s="104">
        <v>62</v>
      </c>
      <c r="AU12" s="101">
        <v>16</v>
      </c>
      <c r="AV12" s="102">
        <v>10</v>
      </c>
      <c r="AW12" s="103">
        <v>26</v>
      </c>
      <c r="AX12" s="413">
        <v>0</v>
      </c>
      <c r="AY12" s="102">
        <v>28</v>
      </c>
      <c r="AZ12" s="102">
        <v>16</v>
      </c>
      <c r="BA12" s="102">
        <v>7</v>
      </c>
      <c r="BB12" s="102">
        <v>7</v>
      </c>
      <c r="BC12" s="102">
        <v>2</v>
      </c>
      <c r="BD12" s="103">
        <v>60</v>
      </c>
      <c r="BE12" s="104">
        <v>86</v>
      </c>
      <c r="BF12" s="101">
        <v>17</v>
      </c>
      <c r="BG12" s="102">
        <v>13</v>
      </c>
      <c r="BH12" s="103">
        <v>30</v>
      </c>
      <c r="BI12" s="413">
        <v>0</v>
      </c>
      <c r="BJ12" s="102">
        <v>29</v>
      </c>
      <c r="BK12" s="102">
        <v>29</v>
      </c>
      <c r="BL12" s="102">
        <v>18</v>
      </c>
      <c r="BM12" s="102">
        <v>8</v>
      </c>
      <c r="BN12" s="102">
        <v>9</v>
      </c>
      <c r="BO12" s="103">
        <v>93</v>
      </c>
      <c r="BP12" s="104">
        <v>123</v>
      </c>
      <c r="BQ12" s="101">
        <v>12</v>
      </c>
      <c r="BR12" s="102">
        <v>5</v>
      </c>
      <c r="BS12" s="103">
        <v>17</v>
      </c>
      <c r="BT12" s="413">
        <v>0</v>
      </c>
      <c r="BU12" s="102">
        <v>29</v>
      </c>
      <c r="BV12" s="102">
        <v>22</v>
      </c>
      <c r="BW12" s="102">
        <v>23</v>
      </c>
      <c r="BX12" s="102">
        <v>16</v>
      </c>
      <c r="BY12" s="102">
        <v>5</v>
      </c>
      <c r="BZ12" s="103">
        <v>95</v>
      </c>
      <c r="CA12" s="104">
        <v>112</v>
      </c>
      <c r="CB12" s="101">
        <v>0</v>
      </c>
      <c r="CC12" s="102">
        <v>0</v>
      </c>
      <c r="CD12" s="103">
        <v>0</v>
      </c>
      <c r="CE12" s="413">
        <v>0</v>
      </c>
      <c r="CF12" s="102">
        <v>0</v>
      </c>
      <c r="CG12" s="102">
        <v>0</v>
      </c>
      <c r="CH12" s="102">
        <v>0</v>
      </c>
      <c r="CI12" s="102">
        <v>0</v>
      </c>
      <c r="CJ12" s="102">
        <v>0</v>
      </c>
      <c r="CK12" s="103">
        <v>0</v>
      </c>
      <c r="CL12" s="104">
        <v>0</v>
      </c>
      <c r="CM12" s="101">
        <v>62</v>
      </c>
      <c r="CN12" s="102">
        <v>43</v>
      </c>
      <c r="CO12" s="103">
        <v>105</v>
      </c>
      <c r="CP12" s="413">
        <v>0</v>
      </c>
      <c r="CQ12" s="102">
        <v>114</v>
      </c>
      <c r="CR12" s="102">
        <v>86</v>
      </c>
      <c r="CS12" s="102">
        <v>64</v>
      </c>
      <c r="CT12" s="102">
        <v>42</v>
      </c>
      <c r="CU12" s="102">
        <v>26</v>
      </c>
      <c r="CV12" s="103">
        <v>332</v>
      </c>
      <c r="CW12" s="104">
        <v>437</v>
      </c>
      <c r="CX12" s="105">
        <v>29</v>
      </c>
      <c r="CY12" s="97">
        <v>28</v>
      </c>
      <c r="CZ12" s="98">
        <v>57</v>
      </c>
      <c r="DA12" s="413">
        <v>0</v>
      </c>
      <c r="DB12" s="97">
        <v>41</v>
      </c>
      <c r="DC12" s="97">
        <v>47</v>
      </c>
      <c r="DD12" s="97">
        <v>26</v>
      </c>
      <c r="DE12" s="97">
        <v>19</v>
      </c>
      <c r="DF12" s="97">
        <v>16</v>
      </c>
      <c r="DG12" s="99">
        <v>149</v>
      </c>
      <c r="DH12" s="100">
        <v>206</v>
      </c>
      <c r="DI12" s="101">
        <v>1</v>
      </c>
      <c r="DJ12" s="102">
        <v>1</v>
      </c>
      <c r="DK12" s="103">
        <v>2</v>
      </c>
      <c r="DL12" s="413">
        <v>0</v>
      </c>
      <c r="DM12" s="102">
        <v>1</v>
      </c>
      <c r="DN12" s="102">
        <v>1</v>
      </c>
      <c r="DO12" s="102">
        <v>0</v>
      </c>
      <c r="DP12" s="102">
        <v>1</v>
      </c>
      <c r="DQ12" s="102">
        <v>0</v>
      </c>
      <c r="DR12" s="103">
        <v>3</v>
      </c>
      <c r="DS12" s="104">
        <v>5</v>
      </c>
      <c r="DT12" s="101">
        <v>2</v>
      </c>
      <c r="DU12" s="102">
        <v>1</v>
      </c>
      <c r="DV12" s="103">
        <v>3</v>
      </c>
      <c r="DW12" s="413">
        <v>0</v>
      </c>
      <c r="DX12" s="102">
        <v>1</v>
      </c>
      <c r="DY12" s="102">
        <v>2</v>
      </c>
      <c r="DZ12" s="102">
        <v>0</v>
      </c>
      <c r="EA12" s="102">
        <v>2</v>
      </c>
      <c r="EB12" s="102">
        <v>0</v>
      </c>
      <c r="EC12" s="103">
        <v>5</v>
      </c>
      <c r="ED12" s="104">
        <v>8</v>
      </c>
      <c r="EE12" s="101">
        <v>4</v>
      </c>
      <c r="EF12" s="102">
        <v>7</v>
      </c>
      <c r="EG12" s="103">
        <v>11</v>
      </c>
      <c r="EH12" s="413">
        <v>0</v>
      </c>
      <c r="EI12" s="102">
        <v>7</v>
      </c>
      <c r="EJ12" s="102">
        <v>2</v>
      </c>
      <c r="EK12" s="102">
        <v>4</v>
      </c>
      <c r="EL12" s="102">
        <v>2</v>
      </c>
      <c r="EM12" s="102">
        <v>0</v>
      </c>
      <c r="EN12" s="103">
        <v>15</v>
      </c>
      <c r="EO12" s="104">
        <v>26</v>
      </c>
      <c r="EP12" s="101">
        <v>8</v>
      </c>
      <c r="EQ12" s="102">
        <v>4</v>
      </c>
      <c r="ER12" s="103">
        <v>12</v>
      </c>
      <c r="ES12" s="413">
        <v>0</v>
      </c>
      <c r="ET12" s="102">
        <v>7</v>
      </c>
      <c r="EU12" s="102">
        <v>11</v>
      </c>
      <c r="EV12" s="102">
        <v>2</v>
      </c>
      <c r="EW12" s="102">
        <v>2</v>
      </c>
      <c r="EX12" s="102">
        <v>4</v>
      </c>
      <c r="EY12" s="103">
        <v>26</v>
      </c>
      <c r="EZ12" s="104">
        <v>38</v>
      </c>
      <c r="FA12" s="101">
        <v>10</v>
      </c>
      <c r="FB12" s="102">
        <v>6</v>
      </c>
      <c r="FC12" s="103">
        <v>16</v>
      </c>
      <c r="FD12" s="413">
        <v>0</v>
      </c>
      <c r="FE12" s="102">
        <v>12</v>
      </c>
      <c r="FF12" s="102">
        <v>14</v>
      </c>
      <c r="FG12" s="102">
        <v>3</v>
      </c>
      <c r="FH12" s="102">
        <v>6</v>
      </c>
      <c r="FI12" s="102">
        <v>6</v>
      </c>
      <c r="FJ12" s="103">
        <v>41</v>
      </c>
      <c r="FK12" s="104">
        <v>57</v>
      </c>
      <c r="FL12" s="101">
        <v>4</v>
      </c>
      <c r="FM12" s="102">
        <v>9</v>
      </c>
      <c r="FN12" s="103">
        <v>13</v>
      </c>
      <c r="FO12" s="413">
        <v>0</v>
      </c>
      <c r="FP12" s="102">
        <v>13</v>
      </c>
      <c r="FQ12" s="102">
        <v>17</v>
      </c>
      <c r="FR12" s="102">
        <v>17</v>
      </c>
      <c r="FS12" s="102">
        <v>6</v>
      </c>
      <c r="FT12" s="102">
        <v>6</v>
      </c>
      <c r="FU12" s="103">
        <v>59</v>
      </c>
      <c r="FV12" s="104">
        <v>72</v>
      </c>
      <c r="FW12" s="101">
        <v>0</v>
      </c>
      <c r="FX12" s="102">
        <v>0</v>
      </c>
      <c r="FY12" s="103">
        <v>0</v>
      </c>
      <c r="FZ12" s="413">
        <v>0</v>
      </c>
      <c r="GA12" s="102">
        <v>0</v>
      </c>
      <c r="GB12" s="102">
        <v>0</v>
      </c>
      <c r="GC12" s="102">
        <v>0</v>
      </c>
      <c r="GD12" s="102">
        <v>0</v>
      </c>
      <c r="GE12" s="102">
        <v>0</v>
      </c>
      <c r="GF12" s="103">
        <v>0</v>
      </c>
      <c r="GG12" s="104">
        <v>0</v>
      </c>
      <c r="GH12" s="101">
        <v>29</v>
      </c>
      <c r="GI12" s="102">
        <v>28</v>
      </c>
      <c r="GJ12" s="103">
        <v>57</v>
      </c>
      <c r="GK12" s="413">
        <v>0</v>
      </c>
      <c r="GL12" s="102">
        <v>41</v>
      </c>
      <c r="GM12" s="102">
        <v>47</v>
      </c>
      <c r="GN12" s="102">
        <v>26</v>
      </c>
      <c r="GO12" s="102">
        <v>19</v>
      </c>
      <c r="GP12" s="102">
        <v>16</v>
      </c>
      <c r="GQ12" s="103">
        <v>149</v>
      </c>
      <c r="GR12" s="104">
        <v>206</v>
      </c>
      <c r="GS12" s="105">
        <v>91</v>
      </c>
      <c r="GT12" s="97">
        <v>71</v>
      </c>
      <c r="GU12" s="98">
        <v>162</v>
      </c>
      <c r="GV12" s="413">
        <v>0</v>
      </c>
      <c r="GW12" s="97">
        <v>155</v>
      </c>
      <c r="GX12" s="97">
        <v>133</v>
      </c>
      <c r="GY12" s="97">
        <v>90</v>
      </c>
      <c r="GZ12" s="97">
        <v>61</v>
      </c>
      <c r="HA12" s="97">
        <v>42</v>
      </c>
      <c r="HB12" s="99">
        <v>481</v>
      </c>
      <c r="HC12" s="100">
        <v>643</v>
      </c>
      <c r="HD12" s="101">
        <v>2</v>
      </c>
      <c r="HE12" s="102">
        <v>4</v>
      </c>
      <c r="HF12" s="103">
        <v>6</v>
      </c>
      <c r="HG12" s="413">
        <v>0</v>
      </c>
      <c r="HH12" s="102">
        <v>5</v>
      </c>
      <c r="HI12" s="102">
        <v>5</v>
      </c>
      <c r="HJ12" s="102">
        <v>6</v>
      </c>
      <c r="HK12" s="102">
        <v>1</v>
      </c>
      <c r="HL12" s="102">
        <v>1</v>
      </c>
      <c r="HM12" s="103">
        <v>18</v>
      </c>
      <c r="HN12" s="104">
        <v>24</v>
      </c>
      <c r="HO12" s="101">
        <v>8</v>
      </c>
      <c r="HP12" s="102">
        <v>7</v>
      </c>
      <c r="HQ12" s="103">
        <v>15</v>
      </c>
      <c r="HR12" s="413">
        <v>0</v>
      </c>
      <c r="HS12" s="102">
        <v>8</v>
      </c>
      <c r="HT12" s="102">
        <v>8</v>
      </c>
      <c r="HU12" s="102">
        <v>1</v>
      </c>
      <c r="HV12" s="102">
        <v>7</v>
      </c>
      <c r="HW12" s="102">
        <v>4</v>
      </c>
      <c r="HX12" s="103">
        <v>28</v>
      </c>
      <c r="HY12" s="104">
        <v>43</v>
      </c>
      <c r="HZ12" s="101">
        <v>14</v>
      </c>
      <c r="IA12" s="102">
        <v>13</v>
      </c>
      <c r="IB12" s="103">
        <v>27</v>
      </c>
      <c r="IC12" s="413">
        <v>0</v>
      </c>
      <c r="ID12" s="102">
        <v>24</v>
      </c>
      <c r="IE12" s="102">
        <v>11</v>
      </c>
      <c r="IF12" s="102">
        <v>13</v>
      </c>
      <c r="IG12" s="102">
        <v>8</v>
      </c>
      <c r="IH12" s="102">
        <v>5</v>
      </c>
      <c r="II12" s="103">
        <v>61</v>
      </c>
      <c r="IJ12" s="104">
        <v>88</v>
      </c>
      <c r="IK12" s="101">
        <v>24</v>
      </c>
      <c r="IL12" s="102">
        <v>14</v>
      </c>
      <c r="IM12" s="103">
        <v>38</v>
      </c>
      <c r="IN12" s="413">
        <v>0</v>
      </c>
      <c r="IO12" s="102">
        <v>35</v>
      </c>
      <c r="IP12" s="102">
        <v>27</v>
      </c>
      <c r="IQ12" s="102">
        <v>9</v>
      </c>
      <c r="IR12" s="102">
        <v>9</v>
      </c>
      <c r="IS12" s="102">
        <v>6</v>
      </c>
      <c r="IT12" s="103">
        <v>86</v>
      </c>
      <c r="IU12" s="104">
        <v>124</v>
      </c>
      <c r="IV12" s="101">
        <v>27</v>
      </c>
      <c r="IW12" s="102">
        <v>19</v>
      </c>
      <c r="IX12" s="103">
        <v>46</v>
      </c>
      <c r="IY12" s="413">
        <v>0</v>
      </c>
      <c r="IZ12" s="102">
        <v>41</v>
      </c>
      <c r="JA12" s="102">
        <v>43</v>
      </c>
      <c r="JB12" s="102">
        <v>21</v>
      </c>
      <c r="JC12" s="102">
        <v>14</v>
      </c>
      <c r="JD12" s="102">
        <v>15</v>
      </c>
      <c r="JE12" s="103">
        <v>134</v>
      </c>
      <c r="JF12" s="104">
        <v>180</v>
      </c>
      <c r="JG12" s="101">
        <v>16</v>
      </c>
      <c r="JH12" s="102">
        <v>14</v>
      </c>
      <c r="JI12" s="103">
        <v>30</v>
      </c>
      <c r="JJ12" s="413">
        <v>0</v>
      </c>
      <c r="JK12" s="102">
        <v>42</v>
      </c>
      <c r="JL12" s="102">
        <v>39</v>
      </c>
      <c r="JM12" s="102">
        <v>40</v>
      </c>
      <c r="JN12" s="102">
        <v>22</v>
      </c>
      <c r="JO12" s="102">
        <v>11</v>
      </c>
      <c r="JP12" s="103">
        <v>154</v>
      </c>
      <c r="JQ12" s="104">
        <v>184</v>
      </c>
      <c r="JR12" s="101">
        <v>0</v>
      </c>
      <c r="JS12" s="102">
        <v>0</v>
      </c>
      <c r="JT12" s="103">
        <v>0</v>
      </c>
      <c r="JU12" s="413">
        <v>0</v>
      </c>
      <c r="JV12" s="102">
        <v>0</v>
      </c>
      <c r="JW12" s="102">
        <v>0</v>
      </c>
      <c r="JX12" s="102">
        <v>0</v>
      </c>
      <c r="JY12" s="102">
        <v>0</v>
      </c>
      <c r="JZ12" s="102">
        <v>0</v>
      </c>
      <c r="KA12" s="103">
        <v>0</v>
      </c>
      <c r="KB12" s="104">
        <v>0</v>
      </c>
      <c r="KC12" s="101">
        <v>91</v>
      </c>
      <c r="KD12" s="102">
        <v>71</v>
      </c>
      <c r="KE12" s="103">
        <v>162</v>
      </c>
      <c r="KF12" s="413">
        <v>0</v>
      </c>
      <c r="KG12" s="102">
        <v>155</v>
      </c>
      <c r="KH12" s="102">
        <v>133</v>
      </c>
      <c r="KI12" s="102">
        <v>90</v>
      </c>
      <c r="KJ12" s="102">
        <v>61</v>
      </c>
      <c r="KK12" s="102">
        <v>42</v>
      </c>
      <c r="KL12" s="103">
        <v>481</v>
      </c>
      <c r="KM12" s="104">
        <v>643</v>
      </c>
    </row>
    <row r="13" spans="2:299" s="70" customFormat="1" ht="21" customHeight="1" x14ac:dyDescent="0.2">
      <c r="B13" s="106" t="s">
        <v>9</v>
      </c>
      <c r="C13" s="96">
        <v>213</v>
      </c>
      <c r="D13" s="97">
        <v>122</v>
      </c>
      <c r="E13" s="98">
        <v>335</v>
      </c>
      <c r="F13" s="413">
        <v>0</v>
      </c>
      <c r="G13" s="97">
        <v>230</v>
      </c>
      <c r="H13" s="97">
        <v>149</v>
      </c>
      <c r="I13" s="97">
        <v>119</v>
      </c>
      <c r="J13" s="97">
        <v>86</v>
      </c>
      <c r="K13" s="97">
        <v>53</v>
      </c>
      <c r="L13" s="99">
        <v>637</v>
      </c>
      <c r="M13" s="100">
        <v>972</v>
      </c>
      <c r="N13" s="101">
        <v>3</v>
      </c>
      <c r="O13" s="102">
        <v>4</v>
      </c>
      <c r="P13" s="103">
        <v>7</v>
      </c>
      <c r="Q13" s="413">
        <v>0</v>
      </c>
      <c r="R13" s="102">
        <v>3</v>
      </c>
      <c r="S13" s="102">
        <v>7</v>
      </c>
      <c r="T13" s="102">
        <v>4</v>
      </c>
      <c r="U13" s="102">
        <v>1</v>
      </c>
      <c r="V13" s="102">
        <v>2</v>
      </c>
      <c r="W13" s="103">
        <v>17</v>
      </c>
      <c r="X13" s="104">
        <v>24</v>
      </c>
      <c r="Y13" s="101">
        <v>5</v>
      </c>
      <c r="Z13" s="102">
        <v>7</v>
      </c>
      <c r="AA13" s="103">
        <v>12</v>
      </c>
      <c r="AB13" s="413">
        <v>0</v>
      </c>
      <c r="AC13" s="102">
        <v>8</v>
      </c>
      <c r="AD13" s="102">
        <v>6</v>
      </c>
      <c r="AE13" s="102">
        <v>0</v>
      </c>
      <c r="AF13" s="102">
        <v>5</v>
      </c>
      <c r="AG13" s="102">
        <v>5</v>
      </c>
      <c r="AH13" s="103">
        <v>24</v>
      </c>
      <c r="AI13" s="104">
        <v>36</v>
      </c>
      <c r="AJ13" s="101">
        <v>21</v>
      </c>
      <c r="AK13" s="102">
        <v>10</v>
      </c>
      <c r="AL13" s="103">
        <v>31</v>
      </c>
      <c r="AM13" s="413">
        <v>0</v>
      </c>
      <c r="AN13" s="102">
        <v>13</v>
      </c>
      <c r="AO13" s="102">
        <v>9</v>
      </c>
      <c r="AP13" s="102">
        <v>11</v>
      </c>
      <c r="AQ13" s="102">
        <v>5</v>
      </c>
      <c r="AR13" s="102">
        <v>3</v>
      </c>
      <c r="AS13" s="103">
        <v>41</v>
      </c>
      <c r="AT13" s="104">
        <v>72</v>
      </c>
      <c r="AU13" s="101">
        <v>51</v>
      </c>
      <c r="AV13" s="102">
        <v>23</v>
      </c>
      <c r="AW13" s="103">
        <v>74</v>
      </c>
      <c r="AX13" s="413">
        <v>0</v>
      </c>
      <c r="AY13" s="102">
        <v>43</v>
      </c>
      <c r="AZ13" s="102">
        <v>24</v>
      </c>
      <c r="BA13" s="102">
        <v>28</v>
      </c>
      <c r="BB13" s="102">
        <v>9</v>
      </c>
      <c r="BC13" s="102">
        <v>6</v>
      </c>
      <c r="BD13" s="103">
        <v>110</v>
      </c>
      <c r="BE13" s="104">
        <v>184</v>
      </c>
      <c r="BF13" s="101">
        <v>75</v>
      </c>
      <c r="BG13" s="102">
        <v>46</v>
      </c>
      <c r="BH13" s="103">
        <v>121</v>
      </c>
      <c r="BI13" s="413">
        <v>0</v>
      </c>
      <c r="BJ13" s="102">
        <v>84</v>
      </c>
      <c r="BK13" s="102">
        <v>37</v>
      </c>
      <c r="BL13" s="102">
        <v>32</v>
      </c>
      <c r="BM13" s="102">
        <v>22</v>
      </c>
      <c r="BN13" s="102">
        <v>17</v>
      </c>
      <c r="BO13" s="103">
        <v>192</v>
      </c>
      <c r="BP13" s="104">
        <v>313</v>
      </c>
      <c r="BQ13" s="101">
        <v>58</v>
      </c>
      <c r="BR13" s="102">
        <v>32</v>
      </c>
      <c r="BS13" s="103">
        <v>90</v>
      </c>
      <c r="BT13" s="413">
        <v>0</v>
      </c>
      <c r="BU13" s="102">
        <v>79</v>
      </c>
      <c r="BV13" s="102">
        <v>66</v>
      </c>
      <c r="BW13" s="102">
        <v>44</v>
      </c>
      <c r="BX13" s="102">
        <v>44</v>
      </c>
      <c r="BY13" s="102">
        <v>20</v>
      </c>
      <c r="BZ13" s="103">
        <v>253</v>
      </c>
      <c r="CA13" s="104">
        <v>343</v>
      </c>
      <c r="CB13" s="101">
        <v>0</v>
      </c>
      <c r="CC13" s="102">
        <v>0</v>
      </c>
      <c r="CD13" s="103">
        <v>0</v>
      </c>
      <c r="CE13" s="413">
        <v>0</v>
      </c>
      <c r="CF13" s="102">
        <v>0</v>
      </c>
      <c r="CG13" s="102">
        <v>0</v>
      </c>
      <c r="CH13" s="102">
        <v>0</v>
      </c>
      <c r="CI13" s="102">
        <v>0</v>
      </c>
      <c r="CJ13" s="102">
        <v>0</v>
      </c>
      <c r="CK13" s="103">
        <v>0</v>
      </c>
      <c r="CL13" s="104">
        <v>0</v>
      </c>
      <c r="CM13" s="101">
        <v>213</v>
      </c>
      <c r="CN13" s="102">
        <v>122</v>
      </c>
      <c r="CO13" s="103">
        <v>335</v>
      </c>
      <c r="CP13" s="413">
        <v>0</v>
      </c>
      <c r="CQ13" s="102">
        <v>230</v>
      </c>
      <c r="CR13" s="102">
        <v>149</v>
      </c>
      <c r="CS13" s="102">
        <v>119</v>
      </c>
      <c r="CT13" s="102">
        <v>86</v>
      </c>
      <c r="CU13" s="102">
        <v>53</v>
      </c>
      <c r="CV13" s="103">
        <v>637</v>
      </c>
      <c r="CW13" s="104">
        <v>972</v>
      </c>
      <c r="CX13" s="105">
        <v>74</v>
      </c>
      <c r="CY13" s="97">
        <v>58</v>
      </c>
      <c r="CZ13" s="98">
        <v>132</v>
      </c>
      <c r="DA13" s="413">
        <v>0</v>
      </c>
      <c r="DB13" s="97">
        <v>81</v>
      </c>
      <c r="DC13" s="97">
        <v>65</v>
      </c>
      <c r="DD13" s="97">
        <v>37</v>
      </c>
      <c r="DE13" s="97">
        <v>49</v>
      </c>
      <c r="DF13" s="97">
        <v>16</v>
      </c>
      <c r="DG13" s="99">
        <v>248</v>
      </c>
      <c r="DH13" s="100">
        <v>380</v>
      </c>
      <c r="DI13" s="101">
        <v>2</v>
      </c>
      <c r="DJ13" s="102">
        <v>1</v>
      </c>
      <c r="DK13" s="103">
        <v>3</v>
      </c>
      <c r="DL13" s="413">
        <v>0</v>
      </c>
      <c r="DM13" s="102">
        <v>0</v>
      </c>
      <c r="DN13" s="102">
        <v>0</v>
      </c>
      <c r="DO13" s="102">
        <v>0</v>
      </c>
      <c r="DP13" s="102">
        <v>1</v>
      </c>
      <c r="DQ13" s="102">
        <v>2</v>
      </c>
      <c r="DR13" s="103">
        <v>3</v>
      </c>
      <c r="DS13" s="104">
        <v>6</v>
      </c>
      <c r="DT13" s="101">
        <v>3</v>
      </c>
      <c r="DU13" s="102">
        <v>7</v>
      </c>
      <c r="DV13" s="103">
        <v>10</v>
      </c>
      <c r="DW13" s="413">
        <v>0</v>
      </c>
      <c r="DX13" s="102">
        <v>3</v>
      </c>
      <c r="DY13" s="102">
        <v>0</v>
      </c>
      <c r="DZ13" s="102">
        <v>0</v>
      </c>
      <c r="EA13" s="102">
        <v>1</v>
      </c>
      <c r="EB13" s="102">
        <v>1</v>
      </c>
      <c r="EC13" s="103">
        <v>5</v>
      </c>
      <c r="ED13" s="104">
        <v>15</v>
      </c>
      <c r="EE13" s="101">
        <v>10</v>
      </c>
      <c r="EF13" s="102">
        <v>7</v>
      </c>
      <c r="EG13" s="103">
        <v>17</v>
      </c>
      <c r="EH13" s="413">
        <v>0</v>
      </c>
      <c r="EI13" s="102">
        <v>11</v>
      </c>
      <c r="EJ13" s="102">
        <v>8</v>
      </c>
      <c r="EK13" s="102">
        <v>3</v>
      </c>
      <c r="EL13" s="102">
        <v>4</v>
      </c>
      <c r="EM13" s="102">
        <v>0</v>
      </c>
      <c r="EN13" s="103">
        <v>26</v>
      </c>
      <c r="EO13" s="104">
        <v>43</v>
      </c>
      <c r="EP13" s="101">
        <v>24</v>
      </c>
      <c r="EQ13" s="102">
        <v>16</v>
      </c>
      <c r="ER13" s="103">
        <v>40</v>
      </c>
      <c r="ES13" s="413">
        <v>0</v>
      </c>
      <c r="ET13" s="102">
        <v>21</v>
      </c>
      <c r="EU13" s="102">
        <v>9</v>
      </c>
      <c r="EV13" s="102">
        <v>7</v>
      </c>
      <c r="EW13" s="102">
        <v>6</v>
      </c>
      <c r="EX13" s="102">
        <v>2</v>
      </c>
      <c r="EY13" s="103">
        <v>45</v>
      </c>
      <c r="EZ13" s="104">
        <v>85</v>
      </c>
      <c r="FA13" s="101">
        <v>22</v>
      </c>
      <c r="FB13" s="102">
        <v>13</v>
      </c>
      <c r="FC13" s="103">
        <v>35</v>
      </c>
      <c r="FD13" s="413">
        <v>0</v>
      </c>
      <c r="FE13" s="102">
        <v>29</v>
      </c>
      <c r="FF13" s="102">
        <v>15</v>
      </c>
      <c r="FG13" s="102">
        <v>6</v>
      </c>
      <c r="FH13" s="102">
        <v>6</v>
      </c>
      <c r="FI13" s="102">
        <v>4</v>
      </c>
      <c r="FJ13" s="103">
        <v>60</v>
      </c>
      <c r="FK13" s="104">
        <v>95</v>
      </c>
      <c r="FL13" s="101">
        <v>13</v>
      </c>
      <c r="FM13" s="102">
        <v>14</v>
      </c>
      <c r="FN13" s="103">
        <v>27</v>
      </c>
      <c r="FO13" s="413">
        <v>0</v>
      </c>
      <c r="FP13" s="102">
        <v>17</v>
      </c>
      <c r="FQ13" s="102">
        <v>33</v>
      </c>
      <c r="FR13" s="102">
        <v>21</v>
      </c>
      <c r="FS13" s="102">
        <v>31</v>
      </c>
      <c r="FT13" s="102">
        <v>7</v>
      </c>
      <c r="FU13" s="103">
        <v>109</v>
      </c>
      <c r="FV13" s="104">
        <v>136</v>
      </c>
      <c r="FW13" s="101">
        <v>0</v>
      </c>
      <c r="FX13" s="102">
        <v>0</v>
      </c>
      <c r="FY13" s="103">
        <v>0</v>
      </c>
      <c r="FZ13" s="413">
        <v>0</v>
      </c>
      <c r="GA13" s="102">
        <v>0</v>
      </c>
      <c r="GB13" s="102">
        <v>0</v>
      </c>
      <c r="GC13" s="102">
        <v>0</v>
      </c>
      <c r="GD13" s="102">
        <v>0</v>
      </c>
      <c r="GE13" s="102">
        <v>0</v>
      </c>
      <c r="GF13" s="103">
        <v>0</v>
      </c>
      <c r="GG13" s="104">
        <v>0</v>
      </c>
      <c r="GH13" s="101">
        <v>74</v>
      </c>
      <c r="GI13" s="102">
        <v>58</v>
      </c>
      <c r="GJ13" s="103">
        <v>132</v>
      </c>
      <c r="GK13" s="413">
        <v>0</v>
      </c>
      <c r="GL13" s="102">
        <v>81</v>
      </c>
      <c r="GM13" s="102">
        <v>65</v>
      </c>
      <c r="GN13" s="102">
        <v>37</v>
      </c>
      <c r="GO13" s="102">
        <v>49</v>
      </c>
      <c r="GP13" s="102">
        <v>16</v>
      </c>
      <c r="GQ13" s="103">
        <v>248</v>
      </c>
      <c r="GR13" s="104">
        <v>380</v>
      </c>
      <c r="GS13" s="105">
        <v>287</v>
      </c>
      <c r="GT13" s="97">
        <v>180</v>
      </c>
      <c r="GU13" s="98">
        <v>467</v>
      </c>
      <c r="GV13" s="413">
        <v>0</v>
      </c>
      <c r="GW13" s="97">
        <v>311</v>
      </c>
      <c r="GX13" s="97">
        <v>214</v>
      </c>
      <c r="GY13" s="97">
        <v>156</v>
      </c>
      <c r="GZ13" s="97">
        <v>135</v>
      </c>
      <c r="HA13" s="97">
        <v>69</v>
      </c>
      <c r="HB13" s="99">
        <v>885</v>
      </c>
      <c r="HC13" s="100">
        <v>1352</v>
      </c>
      <c r="HD13" s="101">
        <v>5</v>
      </c>
      <c r="HE13" s="102">
        <v>5</v>
      </c>
      <c r="HF13" s="103">
        <v>10</v>
      </c>
      <c r="HG13" s="413">
        <v>0</v>
      </c>
      <c r="HH13" s="102">
        <v>3</v>
      </c>
      <c r="HI13" s="102">
        <v>7</v>
      </c>
      <c r="HJ13" s="102">
        <v>4</v>
      </c>
      <c r="HK13" s="102">
        <v>2</v>
      </c>
      <c r="HL13" s="102">
        <v>4</v>
      </c>
      <c r="HM13" s="103">
        <v>20</v>
      </c>
      <c r="HN13" s="104">
        <v>30</v>
      </c>
      <c r="HO13" s="101">
        <v>8</v>
      </c>
      <c r="HP13" s="102">
        <v>14</v>
      </c>
      <c r="HQ13" s="103">
        <v>22</v>
      </c>
      <c r="HR13" s="413">
        <v>0</v>
      </c>
      <c r="HS13" s="102">
        <v>11</v>
      </c>
      <c r="HT13" s="102">
        <v>6</v>
      </c>
      <c r="HU13" s="102">
        <v>0</v>
      </c>
      <c r="HV13" s="102">
        <v>6</v>
      </c>
      <c r="HW13" s="102">
        <v>6</v>
      </c>
      <c r="HX13" s="103">
        <v>29</v>
      </c>
      <c r="HY13" s="104">
        <v>51</v>
      </c>
      <c r="HZ13" s="101">
        <v>31</v>
      </c>
      <c r="IA13" s="102">
        <v>17</v>
      </c>
      <c r="IB13" s="103">
        <v>48</v>
      </c>
      <c r="IC13" s="413">
        <v>0</v>
      </c>
      <c r="ID13" s="102">
        <v>24</v>
      </c>
      <c r="IE13" s="102">
        <v>17</v>
      </c>
      <c r="IF13" s="102">
        <v>14</v>
      </c>
      <c r="IG13" s="102">
        <v>9</v>
      </c>
      <c r="IH13" s="102">
        <v>3</v>
      </c>
      <c r="II13" s="103">
        <v>67</v>
      </c>
      <c r="IJ13" s="104">
        <v>115</v>
      </c>
      <c r="IK13" s="101">
        <v>75</v>
      </c>
      <c r="IL13" s="102">
        <v>39</v>
      </c>
      <c r="IM13" s="103">
        <v>114</v>
      </c>
      <c r="IN13" s="413">
        <v>0</v>
      </c>
      <c r="IO13" s="102">
        <v>64</v>
      </c>
      <c r="IP13" s="102">
        <v>33</v>
      </c>
      <c r="IQ13" s="102">
        <v>35</v>
      </c>
      <c r="IR13" s="102">
        <v>15</v>
      </c>
      <c r="IS13" s="102">
        <v>8</v>
      </c>
      <c r="IT13" s="103">
        <v>155</v>
      </c>
      <c r="IU13" s="104">
        <v>269</v>
      </c>
      <c r="IV13" s="101">
        <v>97</v>
      </c>
      <c r="IW13" s="102">
        <v>59</v>
      </c>
      <c r="IX13" s="103">
        <v>156</v>
      </c>
      <c r="IY13" s="413">
        <v>0</v>
      </c>
      <c r="IZ13" s="102">
        <v>113</v>
      </c>
      <c r="JA13" s="102">
        <v>52</v>
      </c>
      <c r="JB13" s="102">
        <v>38</v>
      </c>
      <c r="JC13" s="102">
        <v>28</v>
      </c>
      <c r="JD13" s="102">
        <v>21</v>
      </c>
      <c r="JE13" s="103">
        <v>252</v>
      </c>
      <c r="JF13" s="104">
        <v>408</v>
      </c>
      <c r="JG13" s="101">
        <v>71</v>
      </c>
      <c r="JH13" s="102">
        <v>46</v>
      </c>
      <c r="JI13" s="103">
        <v>117</v>
      </c>
      <c r="JJ13" s="413">
        <v>0</v>
      </c>
      <c r="JK13" s="102">
        <v>96</v>
      </c>
      <c r="JL13" s="102">
        <v>99</v>
      </c>
      <c r="JM13" s="102">
        <v>65</v>
      </c>
      <c r="JN13" s="102">
        <v>75</v>
      </c>
      <c r="JO13" s="102">
        <v>27</v>
      </c>
      <c r="JP13" s="103">
        <v>362</v>
      </c>
      <c r="JQ13" s="104">
        <v>479</v>
      </c>
      <c r="JR13" s="101">
        <v>0</v>
      </c>
      <c r="JS13" s="102">
        <v>0</v>
      </c>
      <c r="JT13" s="103">
        <v>0</v>
      </c>
      <c r="JU13" s="413">
        <v>0</v>
      </c>
      <c r="JV13" s="102">
        <v>0</v>
      </c>
      <c r="JW13" s="102">
        <v>0</v>
      </c>
      <c r="JX13" s="102">
        <v>0</v>
      </c>
      <c r="JY13" s="102">
        <v>0</v>
      </c>
      <c r="JZ13" s="102">
        <v>0</v>
      </c>
      <c r="KA13" s="103">
        <v>0</v>
      </c>
      <c r="KB13" s="104">
        <v>0</v>
      </c>
      <c r="KC13" s="101">
        <v>287</v>
      </c>
      <c r="KD13" s="102">
        <v>180</v>
      </c>
      <c r="KE13" s="103">
        <v>467</v>
      </c>
      <c r="KF13" s="413">
        <v>0</v>
      </c>
      <c r="KG13" s="102">
        <v>311</v>
      </c>
      <c r="KH13" s="102">
        <v>214</v>
      </c>
      <c r="KI13" s="102">
        <v>156</v>
      </c>
      <c r="KJ13" s="102">
        <v>135</v>
      </c>
      <c r="KK13" s="102">
        <v>69</v>
      </c>
      <c r="KL13" s="103">
        <v>885</v>
      </c>
      <c r="KM13" s="104">
        <v>1352</v>
      </c>
    </row>
    <row r="14" spans="2:299" s="70" customFormat="1" ht="21" customHeight="1" x14ac:dyDescent="0.2">
      <c r="B14" s="106" t="s">
        <v>10</v>
      </c>
      <c r="C14" s="96">
        <v>301</v>
      </c>
      <c r="D14" s="97">
        <v>201</v>
      </c>
      <c r="E14" s="98">
        <v>502</v>
      </c>
      <c r="F14" s="413">
        <v>0</v>
      </c>
      <c r="G14" s="97">
        <v>286</v>
      </c>
      <c r="H14" s="97">
        <v>150</v>
      </c>
      <c r="I14" s="97">
        <v>115</v>
      </c>
      <c r="J14" s="97">
        <v>90</v>
      </c>
      <c r="K14" s="97">
        <v>71</v>
      </c>
      <c r="L14" s="99">
        <v>712</v>
      </c>
      <c r="M14" s="100">
        <v>1214</v>
      </c>
      <c r="N14" s="101">
        <v>16</v>
      </c>
      <c r="O14" s="102">
        <v>10</v>
      </c>
      <c r="P14" s="103">
        <v>26</v>
      </c>
      <c r="Q14" s="413">
        <v>0</v>
      </c>
      <c r="R14" s="102">
        <v>5</v>
      </c>
      <c r="S14" s="102">
        <v>7</v>
      </c>
      <c r="T14" s="102">
        <v>3</v>
      </c>
      <c r="U14" s="102">
        <v>2</v>
      </c>
      <c r="V14" s="102">
        <v>2</v>
      </c>
      <c r="W14" s="103">
        <v>19</v>
      </c>
      <c r="X14" s="104">
        <v>45</v>
      </c>
      <c r="Y14" s="101">
        <v>14</v>
      </c>
      <c r="Z14" s="102">
        <v>14</v>
      </c>
      <c r="AA14" s="103">
        <v>28</v>
      </c>
      <c r="AB14" s="413">
        <v>0</v>
      </c>
      <c r="AC14" s="102">
        <v>15</v>
      </c>
      <c r="AD14" s="102">
        <v>17</v>
      </c>
      <c r="AE14" s="102">
        <v>9</v>
      </c>
      <c r="AF14" s="102">
        <v>9</v>
      </c>
      <c r="AG14" s="102">
        <v>8</v>
      </c>
      <c r="AH14" s="103">
        <v>58</v>
      </c>
      <c r="AI14" s="104">
        <v>86</v>
      </c>
      <c r="AJ14" s="101">
        <v>22</v>
      </c>
      <c r="AK14" s="102">
        <v>26</v>
      </c>
      <c r="AL14" s="103">
        <v>48</v>
      </c>
      <c r="AM14" s="413">
        <v>0</v>
      </c>
      <c r="AN14" s="102">
        <v>38</v>
      </c>
      <c r="AO14" s="102">
        <v>20</v>
      </c>
      <c r="AP14" s="102">
        <v>13</v>
      </c>
      <c r="AQ14" s="102">
        <v>6</v>
      </c>
      <c r="AR14" s="102">
        <v>15</v>
      </c>
      <c r="AS14" s="103">
        <v>92</v>
      </c>
      <c r="AT14" s="104">
        <v>140</v>
      </c>
      <c r="AU14" s="101">
        <v>64</v>
      </c>
      <c r="AV14" s="102">
        <v>39</v>
      </c>
      <c r="AW14" s="103">
        <v>103</v>
      </c>
      <c r="AX14" s="413">
        <v>0</v>
      </c>
      <c r="AY14" s="102">
        <v>75</v>
      </c>
      <c r="AZ14" s="102">
        <v>24</v>
      </c>
      <c r="BA14" s="102">
        <v>21</v>
      </c>
      <c r="BB14" s="102">
        <v>17</v>
      </c>
      <c r="BC14" s="102">
        <v>18</v>
      </c>
      <c r="BD14" s="103">
        <v>155</v>
      </c>
      <c r="BE14" s="104">
        <v>258</v>
      </c>
      <c r="BF14" s="101">
        <v>98</v>
      </c>
      <c r="BG14" s="102">
        <v>53</v>
      </c>
      <c r="BH14" s="103">
        <v>151</v>
      </c>
      <c r="BI14" s="413">
        <v>0</v>
      </c>
      <c r="BJ14" s="102">
        <v>71</v>
      </c>
      <c r="BK14" s="102">
        <v>39</v>
      </c>
      <c r="BL14" s="102">
        <v>33</v>
      </c>
      <c r="BM14" s="102">
        <v>20</v>
      </c>
      <c r="BN14" s="102">
        <v>12</v>
      </c>
      <c r="BO14" s="103">
        <v>175</v>
      </c>
      <c r="BP14" s="104">
        <v>326</v>
      </c>
      <c r="BQ14" s="101">
        <v>87</v>
      </c>
      <c r="BR14" s="102">
        <v>59</v>
      </c>
      <c r="BS14" s="103">
        <v>146</v>
      </c>
      <c r="BT14" s="413">
        <v>0</v>
      </c>
      <c r="BU14" s="102">
        <v>82</v>
      </c>
      <c r="BV14" s="102">
        <v>43</v>
      </c>
      <c r="BW14" s="102">
        <v>36</v>
      </c>
      <c r="BX14" s="102">
        <v>36</v>
      </c>
      <c r="BY14" s="102">
        <v>16</v>
      </c>
      <c r="BZ14" s="103">
        <v>213</v>
      </c>
      <c r="CA14" s="104">
        <v>359</v>
      </c>
      <c r="CB14" s="101">
        <v>0</v>
      </c>
      <c r="CC14" s="102">
        <v>0</v>
      </c>
      <c r="CD14" s="103">
        <v>0</v>
      </c>
      <c r="CE14" s="413">
        <v>0</v>
      </c>
      <c r="CF14" s="102">
        <v>0</v>
      </c>
      <c r="CG14" s="102">
        <v>0</v>
      </c>
      <c r="CH14" s="102">
        <v>0</v>
      </c>
      <c r="CI14" s="102">
        <v>0</v>
      </c>
      <c r="CJ14" s="102">
        <v>0</v>
      </c>
      <c r="CK14" s="103">
        <v>0</v>
      </c>
      <c r="CL14" s="104">
        <v>0</v>
      </c>
      <c r="CM14" s="101">
        <v>301</v>
      </c>
      <c r="CN14" s="102">
        <v>201</v>
      </c>
      <c r="CO14" s="103">
        <v>502</v>
      </c>
      <c r="CP14" s="413">
        <v>0</v>
      </c>
      <c r="CQ14" s="102">
        <v>286</v>
      </c>
      <c r="CR14" s="102">
        <v>150</v>
      </c>
      <c r="CS14" s="102">
        <v>115</v>
      </c>
      <c r="CT14" s="102">
        <v>90</v>
      </c>
      <c r="CU14" s="102">
        <v>71</v>
      </c>
      <c r="CV14" s="103">
        <v>712</v>
      </c>
      <c r="CW14" s="104">
        <v>1214</v>
      </c>
      <c r="CX14" s="105">
        <v>114</v>
      </c>
      <c r="CY14" s="97">
        <v>80</v>
      </c>
      <c r="CZ14" s="98">
        <v>194</v>
      </c>
      <c r="DA14" s="413">
        <v>0</v>
      </c>
      <c r="DB14" s="97">
        <v>123</v>
      </c>
      <c r="DC14" s="97">
        <v>58</v>
      </c>
      <c r="DD14" s="97">
        <v>40</v>
      </c>
      <c r="DE14" s="97">
        <v>55</v>
      </c>
      <c r="DF14" s="97">
        <v>37</v>
      </c>
      <c r="DG14" s="99">
        <v>313</v>
      </c>
      <c r="DH14" s="100">
        <v>507</v>
      </c>
      <c r="DI14" s="101">
        <v>6</v>
      </c>
      <c r="DJ14" s="102">
        <v>4</v>
      </c>
      <c r="DK14" s="103">
        <v>10</v>
      </c>
      <c r="DL14" s="413">
        <v>0</v>
      </c>
      <c r="DM14" s="102">
        <v>2</v>
      </c>
      <c r="DN14" s="102">
        <v>0</v>
      </c>
      <c r="DO14" s="102">
        <v>0</v>
      </c>
      <c r="DP14" s="102">
        <v>1</v>
      </c>
      <c r="DQ14" s="102">
        <v>0</v>
      </c>
      <c r="DR14" s="103">
        <v>3</v>
      </c>
      <c r="DS14" s="104">
        <v>13</v>
      </c>
      <c r="DT14" s="101">
        <v>8</v>
      </c>
      <c r="DU14" s="102">
        <v>4</v>
      </c>
      <c r="DV14" s="103">
        <v>12</v>
      </c>
      <c r="DW14" s="413">
        <v>0</v>
      </c>
      <c r="DX14" s="102">
        <v>5</v>
      </c>
      <c r="DY14" s="102">
        <v>4</v>
      </c>
      <c r="DZ14" s="102">
        <v>1</v>
      </c>
      <c r="EA14" s="102">
        <v>1</v>
      </c>
      <c r="EB14" s="102">
        <v>0</v>
      </c>
      <c r="EC14" s="103">
        <v>11</v>
      </c>
      <c r="ED14" s="104">
        <v>23</v>
      </c>
      <c r="EE14" s="101">
        <v>13</v>
      </c>
      <c r="EF14" s="102">
        <v>16</v>
      </c>
      <c r="EG14" s="103">
        <v>29</v>
      </c>
      <c r="EH14" s="413">
        <v>0</v>
      </c>
      <c r="EI14" s="102">
        <v>14</v>
      </c>
      <c r="EJ14" s="102">
        <v>3</v>
      </c>
      <c r="EK14" s="102">
        <v>3</v>
      </c>
      <c r="EL14" s="102">
        <v>2</v>
      </c>
      <c r="EM14" s="102">
        <v>2</v>
      </c>
      <c r="EN14" s="103">
        <v>24</v>
      </c>
      <c r="EO14" s="104">
        <v>53</v>
      </c>
      <c r="EP14" s="101">
        <v>31</v>
      </c>
      <c r="EQ14" s="102">
        <v>15</v>
      </c>
      <c r="ER14" s="103">
        <v>46</v>
      </c>
      <c r="ES14" s="413">
        <v>0</v>
      </c>
      <c r="ET14" s="102">
        <v>26</v>
      </c>
      <c r="EU14" s="102">
        <v>10</v>
      </c>
      <c r="EV14" s="102">
        <v>5</v>
      </c>
      <c r="EW14" s="102">
        <v>8</v>
      </c>
      <c r="EX14" s="102">
        <v>7</v>
      </c>
      <c r="EY14" s="103">
        <v>56</v>
      </c>
      <c r="EZ14" s="104">
        <v>102</v>
      </c>
      <c r="FA14" s="101">
        <v>32</v>
      </c>
      <c r="FB14" s="102">
        <v>25</v>
      </c>
      <c r="FC14" s="103">
        <v>57</v>
      </c>
      <c r="FD14" s="413">
        <v>0</v>
      </c>
      <c r="FE14" s="102">
        <v>33</v>
      </c>
      <c r="FF14" s="102">
        <v>15</v>
      </c>
      <c r="FG14" s="102">
        <v>12</v>
      </c>
      <c r="FH14" s="102">
        <v>12</v>
      </c>
      <c r="FI14" s="102">
        <v>11</v>
      </c>
      <c r="FJ14" s="103">
        <v>83</v>
      </c>
      <c r="FK14" s="104">
        <v>140</v>
      </c>
      <c r="FL14" s="101">
        <v>24</v>
      </c>
      <c r="FM14" s="102">
        <v>16</v>
      </c>
      <c r="FN14" s="103">
        <v>40</v>
      </c>
      <c r="FO14" s="413">
        <v>0</v>
      </c>
      <c r="FP14" s="102">
        <v>43</v>
      </c>
      <c r="FQ14" s="102">
        <v>26</v>
      </c>
      <c r="FR14" s="102">
        <v>19</v>
      </c>
      <c r="FS14" s="102">
        <v>31</v>
      </c>
      <c r="FT14" s="102">
        <v>17</v>
      </c>
      <c r="FU14" s="103">
        <v>136</v>
      </c>
      <c r="FV14" s="104">
        <v>176</v>
      </c>
      <c r="FW14" s="101">
        <v>0</v>
      </c>
      <c r="FX14" s="102">
        <v>0</v>
      </c>
      <c r="FY14" s="103">
        <v>0</v>
      </c>
      <c r="FZ14" s="413">
        <v>0</v>
      </c>
      <c r="GA14" s="102">
        <v>0</v>
      </c>
      <c r="GB14" s="102">
        <v>0</v>
      </c>
      <c r="GC14" s="102">
        <v>0</v>
      </c>
      <c r="GD14" s="102">
        <v>0</v>
      </c>
      <c r="GE14" s="102">
        <v>0</v>
      </c>
      <c r="GF14" s="103">
        <v>0</v>
      </c>
      <c r="GG14" s="104">
        <v>0</v>
      </c>
      <c r="GH14" s="101">
        <v>114</v>
      </c>
      <c r="GI14" s="102">
        <v>80</v>
      </c>
      <c r="GJ14" s="103">
        <v>194</v>
      </c>
      <c r="GK14" s="413">
        <v>0</v>
      </c>
      <c r="GL14" s="102">
        <v>123</v>
      </c>
      <c r="GM14" s="102">
        <v>58</v>
      </c>
      <c r="GN14" s="102">
        <v>40</v>
      </c>
      <c r="GO14" s="102">
        <v>55</v>
      </c>
      <c r="GP14" s="102">
        <v>37</v>
      </c>
      <c r="GQ14" s="103">
        <v>313</v>
      </c>
      <c r="GR14" s="104">
        <v>507</v>
      </c>
      <c r="GS14" s="105">
        <v>415</v>
      </c>
      <c r="GT14" s="97">
        <v>281</v>
      </c>
      <c r="GU14" s="98">
        <v>696</v>
      </c>
      <c r="GV14" s="413">
        <v>0</v>
      </c>
      <c r="GW14" s="97">
        <v>409</v>
      </c>
      <c r="GX14" s="97">
        <v>208</v>
      </c>
      <c r="GY14" s="97">
        <v>155</v>
      </c>
      <c r="GZ14" s="97">
        <v>145</v>
      </c>
      <c r="HA14" s="97">
        <v>108</v>
      </c>
      <c r="HB14" s="99">
        <v>1025</v>
      </c>
      <c r="HC14" s="100">
        <v>1721</v>
      </c>
      <c r="HD14" s="101">
        <v>22</v>
      </c>
      <c r="HE14" s="102">
        <v>14</v>
      </c>
      <c r="HF14" s="103">
        <v>36</v>
      </c>
      <c r="HG14" s="413">
        <v>0</v>
      </c>
      <c r="HH14" s="102">
        <v>7</v>
      </c>
      <c r="HI14" s="102">
        <v>7</v>
      </c>
      <c r="HJ14" s="102">
        <v>3</v>
      </c>
      <c r="HK14" s="102">
        <v>3</v>
      </c>
      <c r="HL14" s="102">
        <v>2</v>
      </c>
      <c r="HM14" s="103">
        <v>22</v>
      </c>
      <c r="HN14" s="104">
        <v>58</v>
      </c>
      <c r="HO14" s="101">
        <v>22</v>
      </c>
      <c r="HP14" s="102">
        <v>18</v>
      </c>
      <c r="HQ14" s="103">
        <v>40</v>
      </c>
      <c r="HR14" s="413">
        <v>0</v>
      </c>
      <c r="HS14" s="102">
        <v>20</v>
      </c>
      <c r="HT14" s="102">
        <v>21</v>
      </c>
      <c r="HU14" s="102">
        <v>10</v>
      </c>
      <c r="HV14" s="102">
        <v>10</v>
      </c>
      <c r="HW14" s="102">
        <v>8</v>
      </c>
      <c r="HX14" s="103">
        <v>69</v>
      </c>
      <c r="HY14" s="104">
        <v>109</v>
      </c>
      <c r="HZ14" s="101">
        <v>35</v>
      </c>
      <c r="IA14" s="102">
        <v>42</v>
      </c>
      <c r="IB14" s="103">
        <v>77</v>
      </c>
      <c r="IC14" s="413">
        <v>0</v>
      </c>
      <c r="ID14" s="102">
        <v>52</v>
      </c>
      <c r="IE14" s="102">
        <v>23</v>
      </c>
      <c r="IF14" s="102">
        <v>16</v>
      </c>
      <c r="IG14" s="102">
        <v>8</v>
      </c>
      <c r="IH14" s="102">
        <v>17</v>
      </c>
      <c r="II14" s="103">
        <v>116</v>
      </c>
      <c r="IJ14" s="104">
        <v>193</v>
      </c>
      <c r="IK14" s="101">
        <v>95</v>
      </c>
      <c r="IL14" s="102">
        <v>54</v>
      </c>
      <c r="IM14" s="103">
        <v>149</v>
      </c>
      <c r="IN14" s="413">
        <v>0</v>
      </c>
      <c r="IO14" s="102">
        <v>101</v>
      </c>
      <c r="IP14" s="102">
        <v>34</v>
      </c>
      <c r="IQ14" s="102">
        <v>26</v>
      </c>
      <c r="IR14" s="102">
        <v>25</v>
      </c>
      <c r="IS14" s="102">
        <v>25</v>
      </c>
      <c r="IT14" s="103">
        <v>211</v>
      </c>
      <c r="IU14" s="104">
        <v>360</v>
      </c>
      <c r="IV14" s="101">
        <v>130</v>
      </c>
      <c r="IW14" s="102">
        <v>78</v>
      </c>
      <c r="IX14" s="103">
        <v>208</v>
      </c>
      <c r="IY14" s="413">
        <v>0</v>
      </c>
      <c r="IZ14" s="102">
        <v>104</v>
      </c>
      <c r="JA14" s="102">
        <v>54</v>
      </c>
      <c r="JB14" s="102">
        <v>45</v>
      </c>
      <c r="JC14" s="102">
        <v>32</v>
      </c>
      <c r="JD14" s="102">
        <v>23</v>
      </c>
      <c r="JE14" s="103">
        <v>258</v>
      </c>
      <c r="JF14" s="104">
        <v>466</v>
      </c>
      <c r="JG14" s="101">
        <v>111</v>
      </c>
      <c r="JH14" s="102">
        <v>75</v>
      </c>
      <c r="JI14" s="103">
        <v>186</v>
      </c>
      <c r="JJ14" s="413">
        <v>0</v>
      </c>
      <c r="JK14" s="102">
        <v>125</v>
      </c>
      <c r="JL14" s="102">
        <v>69</v>
      </c>
      <c r="JM14" s="102">
        <v>55</v>
      </c>
      <c r="JN14" s="102">
        <v>67</v>
      </c>
      <c r="JO14" s="102">
        <v>33</v>
      </c>
      <c r="JP14" s="103">
        <v>349</v>
      </c>
      <c r="JQ14" s="104">
        <v>535</v>
      </c>
      <c r="JR14" s="101">
        <v>0</v>
      </c>
      <c r="JS14" s="102">
        <v>0</v>
      </c>
      <c r="JT14" s="103">
        <v>0</v>
      </c>
      <c r="JU14" s="413">
        <v>0</v>
      </c>
      <c r="JV14" s="102">
        <v>0</v>
      </c>
      <c r="JW14" s="102">
        <v>0</v>
      </c>
      <c r="JX14" s="102">
        <v>0</v>
      </c>
      <c r="JY14" s="102">
        <v>0</v>
      </c>
      <c r="JZ14" s="102">
        <v>0</v>
      </c>
      <c r="KA14" s="103">
        <v>0</v>
      </c>
      <c r="KB14" s="104">
        <v>0</v>
      </c>
      <c r="KC14" s="101">
        <v>415</v>
      </c>
      <c r="KD14" s="102">
        <v>281</v>
      </c>
      <c r="KE14" s="103">
        <v>696</v>
      </c>
      <c r="KF14" s="413">
        <v>0</v>
      </c>
      <c r="KG14" s="102">
        <v>409</v>
      </c>
      <c r="KH14" s="102">
        <v>208</v>
      </c>
      <c r="KI14" s="102">
        <v>155</v>
      </c>
      <c r="KJ14" s="102">
        <v>145</v>
      </c>
      <c r="KK14" s="102">
        <v>108</v>
      </c>
      <c r="KL14" s="103">
        <v>1025</v>
      </c>
      <c r="KM14" s="104">
        <v>1721</v>
      </c>
    </row>
    <row r="15" spans="2:299" s="70" customFormat="1" ht="21" customHeight="1" x14ac:dyDescent="0.2">
      <c r="B15" s="106" t="s">
        <v>11</v>
      </c>
      <c r="C15" s="96">
        <v>52</v>
      </c>
      <c r="D15" s="97">
        <v>45</v>
      </c>
      <c r="E15" s="98">
        <v>97</v>
      </c>
      <c r="F15" s="413">
        <v>0</v>
      </c>
      <c r="G15" s="97">
        <v>96</v>
      </c>
      <c r="H15" s="97">
        <v>74</v>
      </c>
      <c r="I15" s="97">
        <v>44</v>
      </c>
      <c r="J15" s="97">
        <v>28</v>
      </c>
      <c r="K15" s="97">
        <v>32</v>
      </c>
      <c r="L15" s="99">
        <v>274</v>
      </c>
      <c r="M15" s="100">
        <v>371</v>
      </c>
      <c r="N15" s="101">
        <v>0</v>
      </c>
      <c r="O15" s="102">
        <v>0</v>
      </c>
      <c r="P15" s="103">
        <v>0</v>
      </c>
      <c r="Q15" s="413">
        <v>0</v>
      </c>
      <c r="R15" s="102">
        <v>2</v>
      </c>
      <c r="S15" s="102">
        <v>6</v>
      </c>
      <c r="T15" s="102">
        <v>2</v>
      </c>
      <c r="U15" s="102">
        <v>1</v>
      </c>
      <c r="V15" s="102">
        <v>0</v>
      </c>
      <c r="W15" s="103">
        <v>11</v>
      </c>
      <c r="X15" s="104">
        <v>11</v>
      </c>
      <c r="Y15" s="101">
        <v>3</v>
      </c>
      <c r="Z15" s="102">
        <v>5</v>
      </c>
      <c r="AA15" s="103">
        <v>8</v>
      </c>
      <c r="AB15" s="413">
        <v>0</v>
      </c>
      <c r="AC15" s="102">
        <v>8</v>
      </c>
      <c r="AD15" s="102">
        <v>3</v>
      </c>
      <c r="AE15" s="102">
        <v>1</v>
      </c>
      <c r="AF15" s="102">
        <v>2</v>
      </c>
      <c r="AG15" s="102">
        <v>2</v>
      </c>
      <c r="AH15" s="103">
        <v>16</v>
      </c>
      <c r="AI15" s="104">
        <v>24</v>
      </c>
      <c r="AJ15" s="101">
        <v>7</v>
      </c>
      <c r="AK15" s="102">
        <v>3</v>
      </c>
      <c r="AL15" s="103">
        <v>10</v>
      </c>
      <c r="AM15" s="413">
        <v>0</v>
      </c>
      <c r="AN15" s="102">
        <v>19</v>
      </c>
      <c r="AO15" s="102">
        <v>7</v>
      </c>
      <c r="AP15" s="102">
        <v>6</v>
      </c>
      <c r="AQ15" s="102">
        <v>1</v>
      </c>
      <c r="AR15" s="102">
        <v>3</v>
      </c>
      <c r="AS15" s="103">
        <v>36</v>
      </c>
      <c r="AT15" s="104">
        <v>46</v>
      </c>
      <c r="AU15" s="101">
        <v>12</v>
      </c>
      <c r="AV15" s="102">
        <v>13</v>
      </c>
      <c r="AW15" s="103">
        <v>25</v>
      </c>
      <c r="AX15" s="413">
        <v>0</v>
      </c>
      <c r="AY15" s="102">
        <v>25</v>
      </c>
      <c r="AZ15" s="102">
        <v>14</v>
      </c>
      <c r="BA15" s="102">
        <v>9</v>
      </c>
      <c r="BB15" s="102">
        <v>11</v>
      </c>
      <c r="BC15" s="102">
        <v>13</v>
      </c>
      <c r="BD15" s="103">
        <v>72</v>
      </c>
      <c r="BE15" s="104">
        <v>97</v>
      </c>
      <c r="BF15" s="101">
        <v>19</v>
      </c>
      <c r="BG15" s="102">
        <v>14</v>
      </c>
      <c r="BH15" s="103">
        <v>33</v>
      </c>
      <c r="BI15" s="413">
        <v>0</v>
      </c>
      <c r="BJ15" s="102">
        <v>20</v>
      </c>
      <c r="BK15" s="102">
        <v>20</v>
      </c>
      <c r="BL15" s="102">
        <v>14</v>
      </c>
      <c r="BM15" s="102">
        <v>8</v>
      </c>
      <c r="BN15" s="102">
        <v>4</v>
      </c>
      <c r="BO15" s="103">
        <v>66</v>
      </c>
      <c r="BP15" s="104">
        <v>99</v>
      </c>
      <c r="BQ15" s="101">
        <v>11</v>
      </c>
      <c r="BR15" s="102">
        <v>10</v>
      </c>
      <c r="BS15" s="103">
        <v>21</v>
      </c>
      <c r="BT15" s="413">
        <v>0</v>
      </c>
      <c r="BU15" s="102">
        <v>22</v>
      </c>
      <c r="BV15" s="102">
        <v>24</v>
      </c>
      <c r="BW15" s="102">
        <v>12</v>
      </c>
      <c r="BX15" s="102">
        <v>5</v>
      </c>
      <c r="BY15" s="102">
        <v>10</v>
      </c>
      <c r="BZ15" s="103">
        <v>73</v>
      </c>
      <c r="CA15" s="104">
        <v>94</v>
      </c>
      <c r="CB15" s="101">
        <v>0</v>
      </c>
      <c r="CC15" s="102">
        <v>0</v>
      </c>
      <c r="CD15" s="103">
        <v>0</v>
      </c>
      <c r="CE15" s="413">
        <v>0</v>
      </c>
      <c r="CF15" s="102">
        <v>0</v>
      </c>
      <c r="CG15" s="102">
        <v>0</v>
      </c>
      <c r="CH15" s="102">
        <v>0</v>
      </c>
      <c r="CI15" s="102">
        <v>0</v>
      </c>
      <c r="CJ15" s="102">
        <v>0</v>
      </c>
      <c r="CK15" s="103">
        <v>0</v>
      </c>
      <c r="CL15" s="104">
        <v>0</v>
      </c>
      <c r="CM15" s="101">
        <v>52</v>
      </c>
      <c r="CN15" s="102">
        <v>45</v>
      </c>
      <c r="CO15" s="103">
        <v>97</v>
      </c>
      <c r="CP15" s="413">
        <v>0</v>
      </c>
      <c r="CQ15" s="102">
        <v>96</v>
      </c>
      <c r="CR15" s="102">
        <v>74</v>
      </c>
      <c r="CS15" s="102">
        <v>44</v>
      </c>
      <c r="CT15" s="102">
        <v>28</v>
      </c>
      <c r="CU15" s="102">
        <v>32</v>
      </c>
      <c r="CV15" s="103">
        <v>274</v>
      </c>
      <c r="CW15" s="104">
        <v>371</v>
      </c>
      <c r="CX15" s="105">
        <v>32</v>
      </c>
      <c r="CY15" s="97">
        <v>28</v>
      </c>
      <c r="CZ15" s="98">
        <v>60</v>
      </c>
      <c r="DA15" s="413">
        <v>0</v>
      </c>
      <c r="DB15" s="97">
        <v>38</v>
      </c>
      <c r="DC15" s="97">
        <v>29</v>
      </c>
      <c r="DD15" s="97">
        <v>16</v>
      </c>
      <c r="DE15" s="97">
        <v>32</v>
      </c>
      <c r="DF15" s="97">
        <v>12</v>
      </c>
      <c r="DG15" s="99">
        <v>127</v>
      </c>
      <c r="DH15" s="100">
        <v>187</v>
      </c>
      <c r="DI15" s="101">
        <v>0</v>
      </c>
      <c r="DJ15" s="102">
        <v>1</v>
      </c>
      <c r="DK15" s="103">
        <v>1</v>
      </c>
      <c r="DL15" s="413">
        <v>0</v>
      </c>
      <c r="DM15" s="102">
        <v>2</v>
      </c>
      <c r="DN15" s="102">
        <v>1</v>
      </c>
      <c r="DO15" s="102">
        <v>1</v>
      </c>
      <c r="DP15" s="102">
        <v>0</v>
      </c>
      <c r="DQ15" s="102">
        <v>0</v>
      </c>
      <c r="DR15" s="103">
        <v>4</v>
      </c>
      <c r="DS15" s="104">
        <v>5</v>
      </c>
      <c r="DT15" s="101">
        <v>1</v>
      </c>
      <c r="DU15" s="102">
        <v>2</v>
      </c>
      <c r="DV15" s="103">
        <v>3</v>
      </c>
      <c r="DW15" s="413">
        <v>0</v>
      </c>
      <c r="DX15" s="102">
        <v>1</v>
      </c>
      <c r="DY15" s="102">
        <v>2</v>
      </c>
      <c r="DZ15" s="102">
        <v>0</v>
      </c>
      <c r="EA15" s="102">
        <v>2</v>
      </c>
      <c r="EB15" s="102">
        <v>1</v>
      </c>
      <c r="EC15" s="103">
        <v>6</v>
      </c>
      <c r="ED15" s="104">
        <v>9</v>
      </c>
      <c r="EE15" s="101">
        <v>6</v>
      </c>
      <c r="EF15" s="102">
        <v>2</v>
      </c>
      <c r="EG15" s="103">
        <v>8</v>
      </c>
      <c r="EH15" s="413">
        <v>0</v>
      </c>
      <c r="EI15" s="102">
        <v>3</v>
      </c>
      <c r="EJ15" s="102">
        <v>3</v>
      </c>
      <c r="EK15" s="102">
        <v>0</v>
      </c>
      <c r="EL15" s="102">
        <v>1</v>
      </c>
      <c r="EM15" s="102">
        <v>1</v>
      </c>
      <c r="EN15" s="103">
        <v>8</v>
      </c>
      <c r="EO15" s="104">
        <v>16</v>
      </c>
      <c r="EP15" s="101">
        <v>6</v>
      </c>
      <c r="EQ15" s="102">
        <v>7</v>
      </c>
      <c r="ER15" s="103">
        <v>13</v>
      </c>
      <c r="ES15" s="413">
        <v>0</v>
      </c>
      <c r="ET15" s="102">
        <v>5</v>
      </c>
      <c r="EU15" s="102">
        <v>5</v>
      </c>
      <c r="EV15" s="102">
        <v>1</v>
      </c>
      <c r="EW15" s="102">
        <v>4</v>
      </c>
      <c r="EX15" s="102">
        <v>2</v>
      </c>
      <c r="EY15" s="103">
        <v>17</v>
      </c>
      <c r="EZ15" s="104">
        <v>30</v>
      </c>
      <c r="FA15" s="101">
        <v>15</v>
      </c>
      <c r="FB15" s="102">
        <v>7</v>
      </c>
      <c r="FC15" s="103">
        <v>22</v>
      </c>
      <c r="FD15" s="413">
        <v>0</v>
      </c>
      <c r="FE15" s="102">
        <v>13</v>
      </c>
      <c r="FF15" s="102">
        <v>9</v>
      </c>
      <c r="FG15" s="102">
        <v>4</v>
      </c>
      <c r="FH15" s="102">
        <v>2</v>
      </c>
      <c r="FI15" s="102">
        <v>3</v>
      </c>
      <c r="FJ15" s="103">
        <v>31</v>
      </c>
      <c r="FK15" s="104">
        <v>53</v>
      </c>
      <c r="FL15" s="101">
        <v>4</v>
      </c>
      <c r="FM15" s="102">
        <v>9</v>
      </c>
      <c r="FN15" s="103">
        <v>13</v>
      </c>
      <c r="FO15" s="413">
        <v>0</v>
      </c>
      <c r="FP15" s="102">
        <v>14</v>
      </c>
      <c r="FQ15" s="102">
        <v>9</v>
      </c>
      <c r="FR15" s="102">
        <v>10</v>
      </c>
      <c r="FS15" s="102">
        <v>23</v>
      </c>
      <c r="FT15" s="102">
        <v>5</v>
      </c>
      <c r="FU15" s="103">
        <v>61</v>
      </c>
      <c r="FV15" s="104">
        <v>74</v>
      </c>
      <c r="FW15" s="101">
        <v>0</v>
      </c>
      <c r="FX15" s="102">
        <v>0</v>
      </c>
      <c r="FY15" s="103">
        <v>0</v>
      </c>
      <c r="FZ15" s="413">
        <v>0</v>
      </c>
      <c r="GA15" s="102">
        <v>0</v>
      </c>
      <c r="GB15" s="102">
        <v>0</v>
      </c>
      <c r="GC15" s="102">
        <v>0</v>
      </c>
      <c r="GD15" s="102">
        <v>0</v>
      </c>
      <c r="GE15" s="102">
        <v>0</v>
      </c>
      <c r="GF15" s="103">
        <v>0</v>
      </c>
      <c r="GG15" s="104">
        <v>0</v>
      </c>
      <c r="GH15" s="101">
        <v>32</v>
      </c>
      <c r="GI15" s="102">
        <v>28</v>
      </c>
      <c r="GJ15" s="103">
        <v>60</v>
      </c>
      <c r="GK15" s="413">
        <v>0</v>
      </c>
      <c r="GL15" s="102">
        <v>38</v>
      </c>
      <c r="GM15" s="102">
        <v>29</v>
      </c>
      <c r="GN15" s="102">
        <v>16</v>
      </c>
      <c r="GO15" s="102">
        <v>32</v>
      </c>
      <c r="GP15" s="102">
        <v>12</v>
      </c>
      <c r="GQ15" s="103">
        <v>127</v>
      </c>
      <c r="GR15" s="104">
        <v>187</v>
      </c>
      <c r="GS15" s="105">
        <v>84</v>
      </c>
      <c r="GT15" s="97">
        <v>73</v>
      </c>
      <c r="GU15" s="98">
        <v>157</v>
      </c>
      <c r="GV15" s="413">
        <v>0</v>
      </c>
      <c r="GW15" s="97">
        <v>134</v>
      </c>
      <c r="GX15" s="97">
        <v>103</v>
      </c>
      <c r="GY15" s="97">
        <v>60</v>
      </c>
      <c r="GZ15" s="97">
        <v>60</v>
      </c>
      <c r="HA15" s="97">
        <v>44</v>
      </c>
      <c r="HB15" s="99">
        <v>401</v>
      </c>
      <c r="HC15" s="100">
        <v>558</v>
      </c>
      <c r="HD15" s="101">
        <v>0</v>
      </c>
      <c r="HE15" s="102">
        <v>1</v>
      </c>
      <c r="HF15" s="103">
        <v>1</v>
      </c>
      <c r="HG15" s="413">
        <v>0</v>
      </c>
      <c r="HH15" s="102">
        <v>4</v>
      </c>
      <c r="HI15" s="102">
        <v>7</v>
      </c>
      <c r="HJ15" s="102">
        <v>3</v>
      </c>
      <c r="HK15" s="102">
        <v>1</v>
      </c>
      <c r="HL15" s="102">
        <v>0</v>
      </c>
      <c r="HM15" s="103">
        <v>15</v>
      </c>
      <c r="HN15" s="104">
        <v>16</v>
      </c>
      <c r="HO15" s="101">
        <v>4</v>
      </c>
      <c r="HP15" s="102">
        <v>7</v>
      </c>
      <c r="HQ15" s="103">
        <v>11</v>
      </c>
      <c r="HR15" s="413">
        <v>0</v>
      </c>
      <c r="HS15" s="102">
        <v>9</v>
      </c>
      <c r="HT15" s="102">
        <v>5</v>
      </c>
      <c r="HU15" s="102">
        <v>1</v>
      </c>
      <c r="HV15" s="102">
        <v>4</v>
      </c>
      <c r="HW15" s="102">
        <v>3</v>
      </c>
      <c r="HX15" s="103">
        <v>22</v>
      </c>
      <c r="HY15" s="104">
        <v>33</v>
      </c>
      <c r="HZ15" s="101">
        <v>13</v>
      </c>
      <c r="IA15" s="102">
        <v>5</v>
      </c>
      <c r="IB15" s="103">
        <v>18</v>
      </c>
      <c r="IC15" s="413">
        <v>0</v>
      </c>
      <c r="ID15" s="102">
        <v>22</v>
      </c>
      <c r="IE15" s="102">
        <v>10</v>
      </c>
      <c r="IF15" s="102">
        <v>6</v>
      </c>
      <c r="IG15" s="102">
        <v>2</v>
      </c>
      <c r="IH15" s="102">
        <v>4</v>
      </c>
      <c r="II15" s="103">
        <v>44</v>
      </c>
      <c r="IJ15" s="104">
        <v>62</v>
      </c>
      <c r="IK15" s="101">
        <v>18</v>
      </c>
      <c r="IL15" s="102">
        <v>20</v>
      </c>
      <c r="IM15" s="103">
        <v>38</v>
      </c>
      <c r="IN15" s="413">
        <v>0</v>
      </c>
      <c r="IO15" s="102">
        <v>30</v>
      </c>
      <c r="IP15" s="102">
        <v>19</v>
      </c>
      <c r="IQ15" s="102">
        <v>10</v>
      </c>
      <c r="IR15" s="102">
        <v>15</v>
      </c>
      <c r="IS15" s="102">
        <v>15</v>
      </c>
      <c r="IT15" s="103">
        <v>89</v>
      </c>
      <c r="IU15" s="104">
        <v>127</v>
      </c>
      <c r="IV15" s="101">
        <v>34</v>
      </c>
      <c r="IW15" s="102">
        <v>21</v>
      </c>
      <c r="IX15" s="103">
        <v>55</v>
      </c>
      <c r="IY15" s="413">
        <v>0</v>
      </c>
      <c r="IZ15" s="102">
        <v>33</v>
      </c>
      <c r="JA15" s="102">
        <v>29</v>
      </c>
      <c r="JB15" s="102">
        <v>18</v>
      </c>
      <c r="JC15" s="102">
        <v>10</v>
      </c>
      <c r="JD15" s="102">
        <v>7</v>
      </c>
      <c r="JE15" s="103">
        <v>97</v>
      </c>
      <c r="JF15" s="104">
        <v>152</v>
      </c>
      <c r="JG15" s="101">
        <v>15</v>
      </c>
      <c r="JH15" s="102">
        <v>19</v>
      </c>
      <c r="JI15" s="103">
        <v>34</v>
      </c>
      <c r="JJ15" s="413">
        <v>0</v>
      </c>
      <c r="JK15" s="102">
        <v>36</v>
      </c>
      <c r="JL15" s="102">
        <v>33</v>
      </c>
      <c r="JM15" s="102">
        <v>22</v>
      </c>
      <c r="JN15" s="102">
        <v>28</v>
      </c>
      <c r="JO15" s="102">
        <v>15</v>
      </c>
      <c r="JP15" s="103">
        <v>134</v>
      </c>
      <c r="JQ15" s="104">
        <v>168</v>
      </c>
      <c r="JR15" s="101">
        <v>0</v>
      </c>
      <c r="JS15" s="102">
        <v>0</v>
      </c>
      <c r="JT15" s="103">
        <v>0</v>
      </c>
      <c r="JU15" s="413">
        <v>0</v>
      </c>
      <c r="JV15" s="102">
        <v>0</v>
      </c>
      <c r="JW15" s="102">
        <v>0</v>
      </c>
      <c r="JX15" s="102">
        <v>0</v>
      </c>
      <c r="JY15" s="102">
        <v>0</v>
      </c>
      <c r="JZ15" s="102">
        <v>0</v>
      </c>
      <c r="KA15" s="103">
        <v>0</v>
      </c>
      <c r="KB15" s="104">
        <v>0</v>
      </c>
      <c r="KC15" s="101">
        <v>84</v>
      </c>
      <c r="KD15" s="102">
        <v>73</v>
      </c>
      <c r="KE15" s="103">
        <v>157</v>
      </c>
      <c r="KF15" s="413">
        <v>0</v>
      </c>
      <c r="KG15" s="102">
        <v>134</v>
      </c>
      <c r="KH15" s="102">
        <v>103</v>
      </c>
      <c r="KI15" s="102">
        <v>60</v>
      </c>
      <c r="KJ15" s="102">
        <v>60</v>
      </c>
      <c r="KK15" s="102">
        <v>44</v>
      </c>
      <c r="KL15" s="103">
        <v>401</v>
      </c>
      <c r="KM15" s="104">
        <v>558</v>
      </c>
    </row>
    <row r="16" spans="2:299" s="70" customFormat="1" ht="21" customHeight="1" x14ac:dyDescent="0.2">
      <c r="B16" s="106" t="s">
        <v>12</v>
      </c>
      <c r="C16" s="96">
        <v>120</v>
      </c>
      <c r="D16" s="97">
        <v>124</v>
      </c>
      <c r="E16" s="98">
        <v>244</v>
      </c>
      <c r="F16" s="413">
        <v>0</v>
      </c>
      <c r="G16" s="97">
        <v>123</v>
      </c>
      <c r="H16" s="97">
        <v>105</v>
      </c>
      <c r="I16" s="97">
        <v>64</v>
      </c>
      <c r="J16" s="97">
        <v>74</v>
      </c>
      <c r="K16" s="97">
        <v>36</v>
      </c>
      <c r="L16" s="99">
        <v>402</v>
      </c>
      <c r="M16" s="100">
        <v>646</v>
      </c>
      <c r="N16" s="107">
        <v>3</v>
      </c>
      <c r="O16" s="102">
        <v>5</v>
      </c>
      <c r="P16" s="103">
        <v>8</v>
      </c>
      <c r="Q16" s="413">
        <v>0</v>
      </c>
      <c r="R16" s="102">
        <v>2</v>
      </c>
      <c r="S16" s="102">
        <v>1</v>
      </c>
      <c r="T16" s="102">
        <v>3</v>
      </c>
      <c r="U16" s="102">
        <v>1</v>
      </c>
      <c r="V16" s="102">
        <v>1</v>
      </c>
      <c r="W16" s="103">
        <v>8</v>
      </c>
      <c r="X16" s="104">
        <v>16</v>
      </c>
      <c r="Y16" s="101">
        <v>6</v>
      </c>
      <c r="Z16" s="102">
        <v>12</v>
      </c>
      <c r="AA16" s="103">
        <v>18</v>
      </c>
      <c r="AB16" s="413">
        <v>0</v>
      </c>
      <c r="AC16" s="102">
        <v>4</v>
      </c>
      <c r="AD16" s="102">
        <v>7</v>
      </c>
      <c r="AE16" s="102">
        <v>7</v>
      </c>
      <c r="AF16" s="102">
        <v>4</v>
      </c>
      <c r="AG16" s="102">
        <v>2</v>
      </c>
      <c r="AH16" s="103">
        <v>24</v>
      </c>
      <c r="AI16" s="104">
        <v>42</v>
      </c>
      <c r="AJ16" s="107">
        <v>8</v>
      </c>
      <c r="AK16" s="102">
        <v>14</v>
      </c>
      <c r="AL16" s="103">
        <v>22</v>
      </c>
      <c r="AM16" s="413">
        <v>0</v>
      </c>
      <c r="AN16" s="102">
        <v>17</v>
      </c>
      <c r="AO16" s="102">
        <v>11</v>
      </c>
      <c r="AP16" s="102">
        <v>6</v>
      </c>
      <c r="AQ16" s="102">
        <v>11</v>
      </c>
      <c r="AR16" s="102">
        <v>3</v>
      </c>
      <c r="AS16" s="103">
        <v>48</v>
      </c>
      <c r="AT16" s="104">
        <v>70</v>
      </c>
      <c r="AU16" s="101">
        <v>28</v>
      </c>
      <c r="AV16" s="102">
        <v>33</v>
      </c>
      <c r="AW16" s="103">
        <v>61</v>
      </c>
      <c r="AX16" s="413">
        <v>0</v>
      </c>
      <c r="AY16" s="102">
        <v>19</v>
      </c>
      <c r="AZ16" s="102">
        <v>30</v>
      </c>
      <c r="BA16" s="102">
        <v>11</v>
      </c>
      <c r="BB16" s="102">
        <v>13</v>
      </c>
      <c r="BC16" s="102">
        <v>11</v>
      </c>
      <c r="BD16" s="103">
        <v>84</v>
      </c>
      <c r="BE16" s="104">
        <v>145</v>
      </c>
      <c r="BF16" s="107">
        <v>40</v>
      </c>
      <c r="BG16" s="102">
        <v>24</v>
      </c>
      <c r="BH16" s="103">
        <v>64</v>
      </c>
      <c r="BI16" s="413">
        <v>0</v>
      </c>
      <c r="BJ16" s="102">
        <v>42</v>
      </c>
      <c r="BK16" s="102">
        <v>29</v>
      </c>
      <c r="BL16" s="102">
        <v>16</v>
      </c>
      <c r="BM16" s="102">
        <v>25</v>
      </c>
      <c r="BN16" s="102">
        <v>9</v>
      </c>
      <c r="BO16" s="103">
        <v>121</v>
      </c>
      <c r="BP16" s="104">
        <v>185</v>
      </c>
      <c r="BQ16" s="101">
        <v>35</v>
      </c>
      <c r="BR16" s="102">
        <v>36</v>
      </c>
      <c r="BS16" s="103">
        <v>71</v>
      </c>
      <c r="BT16" s="413">
        <v>0</v>
      </c>
      <c r="BU16" s="102">
        <v>39</v>
      </c>
      <c r="BV16" s="102">
        <v>27</v>
      </c>
      <c r="BW16" s="102">
        <v>21</v>
      </c>
      <c r="BX16" s="102">
        <v>20</v>
      </c>
      <c r="BY16" s="102">
        <v>10</v>
      </c>
      <c r="BZ16" s="103">
        <v>117</v>
      </c>
      <c r="CA16" s="104">
        <v>188</v>
      </c>
      <c r="CB16" s="101">
        <v>0</v>
      </c>
      <c r="CC16" s="102">
        <v>0</v>
      </c>
      <c r="CD16" s="103">
        <v>0</v>
      </c>
      <c r="CE16" s="413">
        <v>0</v>
      </c>
      <c r="CF16" s="102">
        <v>0</v>
      </c>
      <c r="CG16" s="102">
        <v>0</v>
      </c>
      <c r="CH16" s="102">
        <v>0</v>
      </c>
      <c r="CI16" s="102">
        <v>0</v>
      </c>
      <c r="CJ16" s="102">
        <v>0</v>
      </c>
      <c r="CK16" s="103">
        <v>0</v>
      </c>
      <c r="CL16" s="104">
        <v>0</v>
      </c>
      <c r="CM16" s="101">
        <v>120</v>
      </c>
      <c r="CN16" s="102">
        <v>124</v>
      </c>
      <c r="CO16" s="103">
        <v>244</v>
      </c>
      <c r="CP16" s="413">
        <v>0</v>
      </c>
      <c r="CQ16" s="102">
        <v>123</v>
      </c>
      <c r="CR16" s="102">
        <v>105</v>
      </c>
      <c r="CS16" s="102">
        <v>64</v>
      </c>
      <c r="CT16" s="102">
        <v>74</v>
      </c>
      <c r="CU16" s="102">
        <v>36</v>
      </c>
      <c r="CV16" s="103">
        <v>402</v>
      </c>
      <c r="CW16" s="104">
        <v>646</v>
      </c>
      <c r="CX16" s="105">
        <v>38</v>
      </c>
      <c r="CY16" s="97">
        <v>46</v>
      </c>
      <c r="CZ16" s="98">
        <v>84</v>
      </c>
      <c r="DA16" s="413">
        <v>0</v>
      </c>
      <c r="DB16" s="97">
        <v>35</v>
      </c>
      <c r="DC16" s="97">
        <v>33</v>
      </c>
      <c r="DD16" s="97">
        <v>24</v>
      </c>
      <c r="DE16" s="97">
        <v>35</v>
      </c>
      <c r="DF16" s="97">
        <v>16</v>
      </c>
      <c r="DG16" s="99">
        <v>143</v>
      </c>
      <c r="DH16" s="100">
        <v>227</v>
      </c>
      <c r="DI16" s="107">
        <v>0</v>
      </c>
      <c r="DJ16" s="102">
        <v>2</v>
      </c>
      <c r="DK16" s="103">
        <v>2</v>
      </c>
      <c r="DL16" s="413">
        <v>0</v>
      </c>
      <c r="DM16" s="102">
        <v>0</v>
      </c>
      <c r="DN16" s="102">
        <v>0</v>
      </c>
      <c r="DO16" s="102">
        <v>1</v>
      </c>
      <c r="DP16" s="102">
        <v>0</v>
      </c>
      <c r="DQ16" s="102">
        <v>0</v>
      </c>
      <c r="DR16" s="103">
        <v>1</v>
      </c>
      <c r="DS16" s="104">
        <v>3</v>
      </c>
      <c r="DT16" s="101">
        <v>2</v>
      </c>
      <c r="DU16" s="102">
        <v>0</v>
      </c>
      <c r="DV16" s="103">
        <v>2</v>
      </c>
      <c r="DW16" s="413">
        <v>0</v>
      </c>
      <c r="DX16" s="102">
        <v>1</v>
      </c>
      <c r="DY16" s="102">
        <v>1</v>
      </c>
      <c r="DZ16" s="102">
        <v>1</v>
      </c>
      <c r="EA16" s="102">
        <v>0</v>
      </c>
      <c r="EB16" s="102">
        <v>0</v>
      </c>
      <c r="EC16" s="103">
        <v>3</v>
      </c>
      <c r="ED16" s="104">
        <v>5</v>
      </c>
      <c r="EE16" s="107">
        <v>10</v>
      </c>
      <c r="EF16" s="102">
        <v>7</v>
      </c>
      <c r="EG16" s="103">
        <v>17</v>
      </c>
      <c r="EH16" s="413">
        <v>0</v>
      </c>
      <c r="EI16" s="102">
        <v>4</v>
      </c>
      <c r="EJ16" s="102">
        <v>5</v>
      </c>
      <c r="EK16" s="102">
        <v>0</v>
      </c>
      <c r="EL16" s="102">
        <v>3</v>
      </c>
      <c r="EM16" s="102">
        <v>1</v>
      </c>
      <c r="EN16" s="103">
        <v>13</v>
      </c>
      <c r="EO16" s="104">
        <v>30</v>
      </c>
      <c r="EP16" s="101">
        <v>11</v>
      </c>
      <c r="EQ16" s="102">
        <v>12</v>
      </c>
      <c r="ER16" s="103">
        <v>23</v>
      </c>
      <c r="ES16" s="413">
        <v>0</v>
      </c>
      <c r="ET16" s="102">
        <v>9</v>
      </c>
      <c r="EU16" s="102">
        <v>7</v>
      </c>
      <c r="EV16" s="102">
        <v>4</v>
      </c>
      <c r="EW16" s="102">
        <v>8</v>
      </c>
      <c r="EX16" s="102">
        <v>1</v>
      </c>
      <c r="EY16" s="103">
        <v>29</v>
      </c>
      <c r="EZ16" s="104">
        <v>52</v>
      </c>
      <c r="FA16" s="107">
        <v>10</v>
      </c>
      <c r="FB16" s="102">
        <v>10</v>
      </c>
      <c r="FC16" s="103">
        <v>20</v>
      </c>
      <c r="FD16" s="413">
        <v>0</v>
      </c>
      <c r="FE16" s="102">
        <v>14</v>
      </c>
      <c r="FF16" s="102">
        <v>7</v>
      </c>
      <c r="FG16" s="102">
        <v>8</v>
      </c>
      <c r="FH16" s="102">
        <v>9</v>
      </c>
      <c r="FI16" s="102">
        <v>8</v>
      </c>
      <c r="FJ16" s="103">
        <v>46</v>
      </c>
      <c r="FK16" s="104">
        <v>66</v>
      </c>
      <c r="FL16" s="101">
        <v>5</v>
      </c>
      <c r="FM16" s="102">
        <v>15</v>
      </c>
      <c r="FN16" s="103">
        <v>20</v>
      </c>
      <c r="FO16" s="413">
        <v>0</v>
      </c>
      <c r="FP16" s="102">
        <v>7</v>
      </c>
      <c r="FQ16" s="102">
        <v>13</v>
      </c>
      <c r="FR16" s="102">
        <v>10</v>
      </c>
      <c r="FS16" s="102">
        <v>15</v>
      </c>
      <c r="FT16" s="102">
        <v>6</v>
      </c>
      <c r="FU16" s="103">
        <v>51</v>
      </c>
      <c r="FV16" s="104">
        <v>71</v>
      </c>
      <c r="FW16" s="101">
        <v>0</v>
      </c>
      <c r="FX16" s="102">
        <v>0</v>
      </c>
      <c r="FY16" s="103">
        <v>0</v>
      </c>
      <c r="FZ16" s="413">
        <v>0</v>
      </c>
      <c r="GA16" s="102">
        <v>0</v>
      </c>
      <c r="GB16" s="102">
        <v>0</v>
      </c>
      <c r="GC16" s="102">
        <v>0</v>
      </c>
      <c r="GD16" s="102">
        <v>0</v>
      </c>
      <c r="GE16" s="102">
        <v>0</v>
      </c>
      <c r="GF16" s="103">
        <v>0</v>
      </c>
      <c r="GG16" s="104">
        <v>0</v>
      </c>
      <c r="GH16" s="101">
        <v>38</v>
      </c>
      <c r="GI16" s="102">
        <v>46</v>
      </c>
      <c r="GJ16" s="103">
        <v>84</v>
      </c>
      <c r="GK16" s="413">
        <v>0</v>
      </c>
      <c r="GL16" s="102">
        <v>35</v>
      </c>
      <c r="GM16" s="102">
        <v>33</v>
      </c>
      <c r="GN16" s="102">
        <v>24</v>
      </c>
      <c r="GO16" s="102">
        <v>35</v>
      </c>
      <c r="GP16" s="102">
        <v>16</v>
      </c>
      <c r="GQ16" s="103">
        <v>143</v>
      </c>
      <c r="GR16" s="104">
        <v>227</v>
      </c>
      <c r="GS16" s="105">
        <v>158</v>
      </c>
      <c r="GT16" s="97">
        <v>170</v>
      </c>
      <c r="GU16" s="98">
        <v>328</v>
      </c>
      <c r="GV16" s="413">
        <v>0</v>
      </c>
      <c r="GW16" s="97">
        <v>158</v>
      </c>
      <c r="GX16" s="97">
        <v>138</v>
      </c>
      <c r="GY16" s="97">
        <v>88</v>
      </c>
      <c r="GZ16" s="97">
        <v>109</v>
      </c>
      <c r="HA16" s="97">
        <v>52</v>
      </c>
      <c r="HB16" s="99">
        <v>545</v>
      </c>
      <c r="HC16" s="100">
        <v>873</v>
      </c>
      <c r="HD16" s="107">
        <v>3</v>
      </c>
      <c r="HE16" s="102">
        <v>7</v>
      </c>
      <c r="HF16" s="103">
        <v>10</v>
      </c>
      <c r="HG16" s="413">
        <v>0</v>
      </c>
      <c r="HH16" s="102">
        <v>2</v>
      </c>
      <c r="HI16" s="102">
        <v>1</v>
      </c>
      <c r="HJ16" s="102">
        <v>4</v>
      </c>
      <c r="HK16" s="102">
        <v>1</v>
      </c>
      <c r="HL16" s="102">
        <v>1</v>
      </c>
      <c r="HM16" s="103">
        <v>9</v>
      </c>
      <c r="HN16" s="104">
        <v>19</v>
      </c>
      <c r="HO16" s="101">
        <v>8</v>
      </c>
      <c r="HP16" s="102">
        <v>12</v>
      </c>
      <c r="HQ16" s="103">
        <v>20</v>
      </c>
      <c r="HR16" s="413">
        <v>0</v>
      </c>
      <c r="HS16" s="102">
        <v>5</v>
      </c>
      <c r="HT16" s="102">
        <v>8</v>
      </c>
      <c r="HU16" s="102">
        <v>8</v>
      </c>
      <c r="HV16" s="102">
        <v>4</v>
      </c>
      <c r="HW16" s="102">
        <v>2</v>
      </c>
      <c r="HX16" s="103">
        <v>27</v>
      </c>
      <c r="HY16" s="104">
        <v>47</v>
      </c>
      <c r="HZ16" s="107">
        <v>18</v>
      </c>
      <c r="IA16" s="102">
        <v>21</v>
      </c>
      <c r="IB16" s="103">
        <v>39</v>
      </c>
      <c r="IC16" s="413">
        <v>0</v>
      </c>
      <c r="ID16" s="102">
        <v>21</v>
      </c>
      <c r="IE16" s="102">
        <v>16</v>
      </c>
      <c r="IF16" s="102">
        <v>6</v>
      </c>
      <c r="IG16" s="102">
        <v>14</v>
      </c>
      <c r="IH16" s="102">
        <v>4</v>
      </c>
      <c r="II16" s="103">
        <v>61</v>
      </c>
      <c r="IJ16" s="104">
        <v>100</v>
      </c>
      <c r="IK16" s="101">
        <v>39</v>
      </c>
      <c r="IL16" s="102">
        <v>45</v>
      </c>
      <c r="IM16" s="103">
        <v>84</v>
      </c>
      <c r="IN16" s="413">
        <v>0</v>
      </c>
      <c r="IO16" s="102">
        <v>28</v>
      </c>
      <c r="IP16" s="102">
        <v>37</v>
      </c>
      <c r="IQ16" s="102">
        <v>15</v>
      </c>
      <c r="IR16" s="102">
        <v>21</v>
      </c>
      <c r="IS16" s="102">
        <v>12</v>
      </c>
      <c r="IT16" s="103">
        <v>113</v>
      </c>
      <c r="IU16" s="104">
        <v>197</v>
      </c>
      <c r="IV16" s="107">
        <v>50</v>
      </c>
      <c r="IW16" s="102">
        <v>34</v>
      </c>
      <c r="IX16" s="103">
        <v>84</v>
      </c>
      <c r="IY16" s="413">
        <v>0</v>
      </c>
      <c r="IZ16" s="102">
        <v>56</v>
      </c>
      <c r="JA16" s="102">
        <v>36</v>
      </c>
      <c r="JB16" s="102">
        <v>24</v>
      </c>
      <c r="JC16" s="102">
        <v>34</v>
      </c>
      <c r="JD16" s="102">
        <v>17</v>
      </c>
      <c r="JE16" s="103">
        <v>167</v>
      </c>
      <c r="JF16" s="104">
        <v>251</v>
      </c>
      <c r="JG16" s="101">
        <v>40</v>
      </c>
      <c r="JH16" s="102">
        <v>51</v>
      </c>
      <c r="JI16" s="103">
        <v>91</v>
      </c>
      <c r="JJ16" s="413">
        <v>0</v>
      </c>
      <c r="JK16" s="102">
        <v>46</v>
      </c>
      <c r="JL16" s="102">
        <v>40</v>
      </c>
      <c r="JM16" s="102">
        <v>31</v>
      </c>
      <c r="JN16" s="102">
        <v>35</v>
      </c>
      <c r="JO16" s="102">
        <v>16</v>
      </c>
      <c r="JP16" s="103">
        <v>168</v>
      </c>
      <c r="JQ16" s="104">
        <v>259</v>
      </c>
      <c r="JR16" s="101">
        <v>0</v>
      </c>
      <c r="JS16" s="102">
        <v>0</v>
      </c>
      <c r="JT16" s="103">
        <v>0</v>
      </c>
      <c r="JU16" s="413">
        <v>0</v>
      </c>
      <c r="JV16" s="102">
        <v>0</v>
      </c>
      <c r="JW16" s="102">
        <v>0</v>
      </c>
      <c r="JX16" s="102">
        <v>0</v>
      </c>
      <c r="JY16" s="102">
        <v>0</v>
      </c>
      <c r="JZ16" s="102">
        <v>0</v>
      </c>
      <c r="KA16" s="103">
        <v>0</v>
      </c>
      <c r="KB16" s="104">
        <v>0</v>
      </c>
      <c r="KC16" s="101">
        <v>158</v>
      </c>
      <c r="KD16" s="102">
        <v>170</v>
      </c>
      <c r="KE16" s="103">
        <v>328</v>
      </c>
      <c r="KF16" s="413">
        <v>0</v>
      </c>
      <c r="KG16" s="102">
        <v>158</v>
      </c>
      <c r="KH16" s="102">
        <v>138</v>
      </c>
      <c r="KI16" s="102">
        <v>88</v>
      </c>
      <c r="KJ16" s="102">
        <v>109</v>
      </c>
      <c r="KK16" s="102">
        <v>52</v>
      </c>
      <c r="KL16" s="103">
        <v>545</v>
      </c>
      <c r="KM16" s="104">
        <v>873</v>
      </c>
    </row>
    <row r="17" spans="2:299" s="70" customFormat="1" ht="21" customHeight="1" x14ac:dyDescent="0.2">
      <c r="B17" s="106" t="s">
        <v>13</v>
      </c>
      <c r="C17" s="96">
        <v>45</v>
      </c>
      <c r="D17" s="97">
        <v>45</v>
      </c>
      <c r="E17" s="98">
        <v>90</v>
      </c>
      <c r="F17" s="413">
        <v>0</v>
      </c>
      <c r="G17" s="97">
        <v>77</v>
      </c>
      <c r="H17" s="97">
        <v>61</v>
      </c>
      <c r="I17" s="97">
        <v>32</v>
      </c>
      <c r="J17" s="97">
        <v>18</v>
      </c>
      <c r="K17" s="97">
        <v>28</v>
      </c>
      <c r="L17" s="99">
        <v>216</v>
      </c>
      <c r="M17" s="100">
        <v>306</v>
      </c>
      <c r="N17" s="101">
        <v>1</v>
      </c>
      <c r="O17" s="102">
        <v>1</v>
      </c>
      <c r="P17" s="103">
        <v>2</v>
      </c>
      <c r="Q17" s="413">
        <v>0</v>
      </c>
      <c r="R17" s="102">
        <v>2</v>
      </c>
      <c r="S17" s="102">
        <v>1</v>
      </c>
      <c r="T17" s="102">
        <v>0</v>
      </c>
      <c r="U17" s="102">
        <v>0</v>
      </c>
      <c r="V17" s="102">
        <v>1</v>
      </c>
      <c r="W17" s="103">
        <v>4</v>
      </c>
      <c r="X17" s="104">
        <v>6</v>
      </c>
      <c r="Y17" s="101">
        <v>3</v>
      </c>
      <c r="Z17" s="102">
        <v>0</v>
      </c>
      <c r="AA17" s="103">
        <v>3</v>
      </c>
      <c r="AB17" s="413">
        <v>0</v>
      </c>
      <c r="AC17" s="102">
        <v>2</v>
      </c>
      <c r="AD17" s="102">
        <v>5</v>
      </c>
      <c r="AE17" s="102">
        <v>1</v>
      </c>
      <c r="AF17" s="102">
        <v>0</v>
      </c>
      <c r="AG17" s="102">
        <v>3</v>
      </c>
      <c r="AH17" s="103">
        <v>11</v>
      </c>
      <c r="AI17" s="104">
        <v>14</v>
      </c>
      <c r="AJ17" s="101">
        <v>2</v>
      </c>
      <c r="AK17" s="102">
        <v>3</v>
      </c>
      <c r="AL17" s="103">
        <v>5</v>
      </c>
      <c r="AM17" s="413">
        <v>0</v>
      </c>
      <c r="AN17" s="102">
        <v>3</v>
      </c>
      <c r="AO17" s="102">
        <v>9</v>
      </c>
      <c r="AP17" s="102">
        <v>2</v>
      </c>
      <c r="AQ17" s="102">
        <v>3</v>
      </c>
      <c r="AR17" s="102">
        <v>1</v>
      </c>
      <c r="AS17" s="103">
        <v>18</v>
      </c>
      <c r="AT17" s="104">
        <v>23</v>
      </c>
      <c r="AU17" s="101">
        <v>11</v>
      </c>
      <c r="AV17" s="102">
        <v>8</v>
      </c>
      <c r="AW17" s="103">
        <v>19</v>
      </c>
      <c r="AX17" s="413">
        <v>0</v>
      </c>
      <c r="AY17" s="102">
        <v>18</v>
      </c>
      <c r="AZ17" s="102">
        <v>8</v>
      </c>
      <c r="BA17" s="102">
        <v>7</v>
      </c>
      <c r="BB17" s="102">
        <v>2</v>
      </c>
      <c r="BC17" s="102">
        <v>6</v>
      </c>
      <c r="BD17" s="103">
        <v>41</v>
      </c>
      <c r="BE17" s="104">
        <v>60</v>
      </c>
      <c r="BF17" s="101">
        <v>12</v>
      </c>
      <c r="BG17" s="102">
        <v>18</v>
      </c>
      <c r="BH17" s="103">
        <v>30</v>
      </c>
      <c r="BI17" s="413">
        <v>0</v>
      </c>
      <c r="BJ17" s="102">
        <v>31</v>
      </c>
      <c r="BK17" s="102">
        <v>22</v>
      </c>
      <c r="BL17" s="102">
        <v>13</v>
      </c>
      <c r="BM17" s="102">
        <v>7</v>
      </c>
      <c r="BN17" s="102">
        <v>9</v>
      </c>
      <c r="BO17" s="103">
        <v>82</v>
      </c>
      <c r="BP17" s="104">
        <v>112</v>
      </c>
      <c r="BQ17" s="101">
        <v>16</v>
      </c>
      <c r="BR17" s="102">
        <v>15</v>
      </c>
      <c r="BS17" s="103">
        <v>31</v>
      </c>
      <c r="BT17" s="413">
        <v>0</v>
      </c>
      <c r="BU17" s="102">
        <v>21</v>
      </c>
      <c r="BV17" s="102">
        <v>16</v>
      </c>
      <c r="BW17" s="102">
        <v>9</v>
      </c>
      <c r="BX17" s="102">
        <v>6</v>
      </c>
      <c r="BY17" s="102">
        <v>8</v>
      </c>
      <c r="BZ17" s="103">
        <v>60</v>
      </c>
      <c r="CA17" s="104">
        <v>91</v>
      </c>
      <c r="CB17" s="101">
        <v>0</v>
      </c>
      <c r="CC17" s="102">
        <v>0</v>
      </c>
      <c r="CD17" s="103">
        <v>0</v>
      </c>
      <c r="CE17" s="413">
        <v>0</v>
      </c>
      <c r="CF17" s="102">
        <v>0</v>
      </c>
      <c r="CG17" s="102">
        <v>0</v>
      </c>
      <c r="CH17" s="102">
        <v>0</v>
      </c>
      <c r="CI17" s="102">
        <v>0</v>
      </c>
      <c r="CJ17" s="102">
        <v>0</v>
      </c>
      <c r="CK17" s="103">
        <v>0</v>
      </c>
      <c r="CL17" s="104">
        <v>0</v>
      </c>
      <c r="CM17" s="101">
        <v>45</v>
      </c>
      <c r="CN17" s="102">
        <v>45</v>
      </c>
      <c r="CO17" s="103">
        <v>90</v>
      </c>
      <c r="CP17" s="413">
        <v>0</v>
      </c>
      <c r="CQ17" s="102">
        <v>77</v>
      </c>
      <c r="CR17" s="102">
        <v>61</v>
      </c>
      <c r="CS17" s="102">
        <v>32</v>
      </c>
      <c r="CT17" s="102">
        <v>18</v>
      </c>
      <c r="CU17" s="102">
        <v>28</v>
      </c>
      <c r="CV17" s="103">
        <v>216</v>
      </c>
      <c r="CW17" s="104">
        <v>306</v>
      </c>
      <c r="CX17" s="105">
        <v>15</v>
      </c>
      <c r="CY17" s="97">
        <v>20</v>
      </c>
      <c r="CZ17" s="98">
        <v>35</v>
      </c>
      <c r="DA17" s="413">
        <v>0</v>
      </c>
      <c r="DB17" s="97">
        <v>23</v>
      </c>
      <c r="DC17" s="97">
        <v>21</v>
      </c>
      <c r="DD17" s="97">
        <v>11</v>
      </c>
      <c r="DE17" s="97">
        <v>6</v>
      </c>
      <c r="DF17" s="97">
        <v>8</v>
      </c>
      <c r="DG17" s="99">
        <v>69</v>
      </c>
      <c r="DH17" s="100">
        <v>104</v>
      </c>
      <c r="DI17" s="101">
        <v>0</v>
      </c>
      <c r="DJ17" s="102">
        <v>1</v>
      </c>
      <c r="DK17" s="103">
        <v>1</v>
      </c>
      <c r="DL17" s="413">
        <v>0</v>
      </c>
      <c r="DM17" s="102">
        <v>1</v>
      </c>
      <c r="DN17" s="102">
        <v>0</v>
      </c>
      <c r="DO17" s="102">
        <v>0</v>
      </c>
      <c r="DP17" s="102">
        <v>0</v>
      </c>
      <c r="DQ17" s="102">
        <v>0</v>
      </c>
      <c r="DR17" s="103">
        <v>1</v>
      </c>
      <c r="DS17" s="104">
        <v>2</v>
      </c>
      <c r="DT17" s="101">
        <v>2</v>
      </c>
      <c r="DU17" s="102">
        <v>1</v>
      </c>
      <c r="DV17" s="103">
        <v>3</v>
      </c>
      <c r="DW17" s="413">
        <v>0</v>
      </c>
      <c r="DX17" s="102">
        <v>2</v>
      </c>
      <c r="DY17" s="102">
        <v>3</v>
      </c>
      <c r="DZ17" s="102">
        <v>1</v>
      </c>
      <c r="EA17" s="102">
        <v>1</v>
      </c>
      <c r="EB17" s="102">
        <v>1</v>
      </c>
      <c r="EC17" s="103">
        <v>8</v>
      </c>
      <c r="ED17" s="104">
        <v>11</v>
      </c>
      <c r="EE17" s="101">
        <v>3</v>
      </c>
      <c r="EF17" s="102">
        <v>0</v>
      </c>
      <c r="EG17" s="103">
        <v>3</v>
      </c>
      <c r="EH17" s="413">
        <v>0</v>
      </c>
      <c r="EI17" s="102">
        <v>3</v>
      </c>
      <c r="EJ17" s="102">
        <v>2</v>
      </c>
      <c r="EK17" s="102">
        <v>4</v>
      </c>
      <c r="EL17" s="102">
        <v>0</v>
      </c>
      <c r="EM17" s="102">
        <v>1</v>
      </c>
      <c r="EN17" s="103">
        <v>10</v>
      </c>
      <c r="EO17" s="104">
        <v>13</v>
      </c>
      <c r="EP17" s="101">
        <v>4</v>
      </c>
      <c r="EQ17" s="102">
        <v>7</v>
      </c>
      <c r="ER17" s="103">
        <v>11</v>
      </c>
      <c r="ES17" s="413">
        <v>0</v>
      </c>
      <c r="ET17" s="102">
        <v>4</v>
      </c>
      <c r="EU17" s="102">
        <v>1</v>
      </c>
      <c r="EV17" s="102">
        <v>2</v>
      </c>
      <c r="EW17" s="102">
        <v>0</v>
      </c>
      <c r="EX17" s="102">
        <v>2</v>
      </c>
      <c r="EY17" s="103">
        <v>9</v>
      </c>
      <c r="EZ17" s="104">
        <v>20</v>
      </c>
      <c r="FA17" s="101">
        <v>4</v>
      </c>
      <c r="FB17" s="102">
        <v>8</v>
      </c>
      <c r="FC17" s="103">
        <v>12</v>
      </c>
      <c r="FD17" s="413">
        <v>0</v>
      </c>
      <c r="FE17" s="102">
        <v>7</v>
      </c>
      <c r="FF17" s="102">
        <v>4</v>
      </c>
      <c r="FG17" s="102">
        <v>0</v>
      </c>
      <c r="FH17" s="102">
        <v>0</v>
      </c>
      <c r="FI17" s="102">
        <v>0</v>
      </c>
      <c r="FJ17" s="103">
        <v>11</v>
      </c>
      <c r="FK17" s="104">
        <v>23</v>
      </c>
      <c r="FL17" s="101">
        <v>2</v>
      </c>
      <c r="FM17" s="102">
        <v>3</v>
      </c>
      <c r="FN17" s="103">
        <v>5</v>
      </c>
      <c r="FO17" s="413">
        <v>0</v>
      </c>
      <c r="FP17" s="102">
        <v>6</v>
      </c>
      <c r="FQ17" s="102">
        <v>11</v>
      </c>
      <c r="FR17" s="102">
        <v>4</v>
      </c>
      <c r="FS17" s="102">
        <v>5</v>
      </c>
      <c r="FT17" s="102">
        <v>4</v>
      </c>
      <c r="FU17" s="103">
        <v>30</v>
      </c>
      <c r="FV17" s="104">
        <v>35</v>
      </c>
      <c r="FW17" s="101">
        <v>0</v>
      </c>
      <c r="FX17" s="102">
        <v>0</v>
      </c>
      <c r="FY17" s="103">
        <v>0</v>
      </c>
      <c r="FZ17" s="413">
        <v>0</v>
      </c>
      <c r="GA17" s="102">
        <v>0</v>
      </c>
      <c r="GB17" s="102">
        <v>0</v>
      </c>
      <c r="GC17" s="102">
        <v>0</v>
      </c>
      <c r="GD17" s="102">
        <v>0</v>
      </c>
      <c r="GE17" s="102">
        <v>0</v>
      </c>
      <c r="GF17" s="103">
        <v>0</v>
      </c>
      <c r="GG17" s="104">
        <v>0</v>
      </c>
      <c r="GH17" s="101">
        <v>15</v>
      </c>
      <c r="GI17" s="102">
        <v>20</v>
      </c>
      <c r="GJ17" s="103">
        <v>35</v>
      </c>
      <c r="GK17" s="413">
        <v>0</v>
      </c>
      <c r="GL17" s="102">
        <v>23</v>
      </c>
      <c r="GM17" s="102">
        <v>21</v>
      </c>
      <c r="GN17" s="102">
        <v>11</v>
      </c>
      <c r="GO17" s="102">
        <v>6</v>
      </c>
      <c r="GP17" s="102">
        <v>8</v>
      </c>
      <c r="GQ17" s="103">
        <v>69</v>
      </c>
      <c r="GR17" s="104">
        <v>104</v>
      </c>
      <c r="GS17" s="105">
        <v>60</v>
      </c>
      <c r="GT17" s="97">
        <v>65</v>
      </c>
      <c r="GU17" s="98">
        <v>125</v>
      </c>
      <c r="GV17" s="413">
        <v>0</v>
      </c>
      <c r="GW17" s="97">
        <v>100</v>
      </c>
      <c r="GX17" s="97">
        <v>82</v>
      </c>
      <c r="GY17" s="97">
        <v>43</v>
      </c>
      <c r="GZ17" s="97">
        <v>24</v>
      </c>
      <c r="HA17" s="97">
        <v>36</v>
      </c>
      <c r="HB17" s="99">
        <v>285</v>
      </c>
      <c r="HC17" s="100">
        <v>410</v>
      </c>
      <c r="HD17" s="101">
        <v>1</v>
      </c>
      <c r="HE17" s="102">
        <v>2</v>
      </c>
      <c r="HF17" s="103">
        <v>3</v>
      </c>
      <c r="HG17" s="413">
        <v>0</v>
      </c>
      <c r="HH17" s="102">
        <v>3</v>
      </c>
      <c r="HI17" s="102">
        <v>1</v>
      </c>
      <c r="HJ17" s="102">
        <v>0</v>
      </c>
      <c r="HK17" s="102">
        <v>0</v>
      </c>
      <c r="HL17" s="102">
        <v>1</v>
      </c>
      <c r="HM17" s="103">
        <v>5</v>
      </c>
      <c r="HN17" s="104">
        <v>8</v>
      </c>
      <c r="HO17" s="101">
        <v>5</v>
      </c>
      <c r="HP17" s="102">
        <v>1</v>
      </c>
      <c r="HQ17" s="103">
        <v>6</v>
      </c>
      <c r="HR17" s="413">
        <v>0</v>
      </c>
      <c r="HS17" s="102">
        <v>4</v>
      </c>
      <c r="HT17" s="102">
        <v>8</v>
      </c>
      <c r="HU17" s="102">
        <v>2</v>
      </c>
      <c r="HV17" s="102">
        <v>1</v>
      </c>
      <c r="HW17" s="102">
        <v>4</v>
      </c>
      <c r="HX17" s="103">
        <v>19</v>
      </c>
      <c r="HY17" s="104">
        <v>25</v>
      </c>
      <c r="HZ17" s="101">
        <v>5</v>
      </c>
      <c r="IA17" s="102">
        <v>3</v>
      </c>
      <c r="IB17" s="103">
        <v>8</v>
      </c>
      <c r="IC17" s="413">
        <v>0</v>
      </c>
      <c r="ID17" s="102">
        <v>6</v>
      </c>
      <c r="IE17" s="102">
        <v>11</v>
      </c>
      <c r="IF17" s="102">
        <v>6</v>
      </c>
      <c r="IG17" s="102">
        <v>3</v>
      </c>
      <c r="IH17" s="102">
        <v>2</v>
      </c>
      <c r="II17" s="103">
        <v>28</v>
      </c>
      <c r="IJ17" s="104">
        <v>36</v>
      </c>
      <c r="IK17" s="101">
        <v>15</v>
      </c>
      <c r="IL17" s="102">
        <v>15</v>
      </c>
      <c r="IM17" s="103">
        <v>30</v>
      </c>
      <c r="IN17" s="413">
        <v>0</v>
      </c>
      <c r="IO17" s="102">
        <v>22</v>
      </c>
      <c r="IP17" s="102">
        <v>9</v>
      </c>
      <c r="IQ17" s="102">
        <v>9</v>
      </c>
      <c r="IR17" s="102">
        <v>2</v>
      </c>
      <c r="IS17" s="102">
        <v>8</v>
      </c>
      <c r="IT17" s="103">
        <v>50</v>
      </c>
      <c r="IU17" s="104">
        <v>80</v>
      </c>
      <c r="IV17" s="101">
        <v>16</v>
      </c>
      <c r="IW17" s="102">
        <v>26</v>
      </c>
      <c r="IX17" s="103">
        <v>42</v>
      </c>
      <c r="IY17" s="413">
        <v>0</v>
      </c>
      <c r="IZ17" s="102">
        <v>38</v>
      </c>
      <c r="JA17" s="102">
        <v>26</v>
      </c>
      <c r="JB17" s="102">
        <v>13</v>
      </c>
      <c r="JC17" s="102">
        <v>7</v>
      </c>
      <c r="JD17" s="102">
        <v>9</v>
      </c>
      <c r="JE17" s="103">
        <v>93</v>
      </c>
      <c r="JF17" s="104">
        <v>135</v>
      </c>
      <c r="JG17" s="101">
        <v>18</v>
      </c>
      <c r="JH17" s="102">
        <v>18</v>
      </c>
      <c r="JI17" s="103">
        <v>36</v>
      </c>
      <c r="JJ17" s="413">
        <v>0</v>
      </c>
      <c r="JK17" s="102">
        <v>27</v>
      </c>
      <c r="JL17" s="102">
        <v>27</v>
      </c>
      <c r="JM17" s="102">
        <v>13</v>
      </c>
      <c r="JN17" s="102">
        <v>11</v>
      </c>
      <c r="JO17" s="102">
        <v>12</v>
      </c>
      <c r="JP17" s="103">
        <v>90</v>
      </c>
      <c r="JQ17" s="104">
        <v>126</v>
      </c>
      <c r="JR17" s="101">
        <v>0</v>
      </c>
      <c r="JS17" s="102">
        <v>0</v>
      </c>
      <c r="JT17" s="103">
        <v>0</v>
      </c>
      <c r="JU17" s="413">
        <v>0</v>
      </c>
      <c r="JV17" s="102">
        <v>0</v>
      </c>
      <c r="JW17" s="102">
        <v>0</v>
      </c>
      <c r="JX17" s="102">
        <v>0</v>
      </c>
      <c r="JY17" s="102">
        <v>0</v>
      </c>
      <c r="JZ17" s="102">
        <v>0</v>
      </c>
      <c r="KA17" s="103">
        <v>0</v>
      </c>
      <c r="KB17" s="104">
        <v>0</v>
      </c>
      <c r="KC17" s="101">
        <v>60</v>
      </c>
      <c r="KD17" s="102">
        <v>65</v>
      </c>
      <c r="KE17" s="103">
        <v>125</v>
      </c>
      <c r="KF17" s="413">
        <v>0</v>
      </c>
      <c r="KG17" s="102">
        <v>100</v>
      </c>
      <c r="KH17" s="102">
        <v>82</v>
      </c>
      <c r="KI17" s="102">
        <v>43</v>
      </c>
      <c r="KJ17" s="102">
        <v>24</v>
      </c>
      <c r="KK17" s="102">
        <v>36</v>
      </c>
      <c r="KL17" s="103">
        <v>285</v>
      </c>
      <c r="KM17" s="104">
        <v>410</v>
      </c>
    </row>
    <row r="18" spans="2:299" s="70" customFormat="1" ht="21" customHeight="1" x14ac:dyDescent="0.2">
      <c r="B18" s="106" t="s">
        <v>15</v>
      </c>
      <c r="C18" s="96">
        <v>10</v>
      </c>
      <c r="D18" s="97">
        <v>15</v>
      </c>
      <c r="E18" s="98">
        <v>25</v>
      </c>
      <c r="F18" s="413">
        <v>0</v>
      </c>
      <c r="G18" s="97">
        <v>9</v>
      </c>
      <c r="H18" s="97">
        <v>11</v>
      </c>
      <c r="I18" s="97">
        <v>5</v>
      </c>
      <c r="J18" s="97">
        <v>3</v>
      </c>
      <c r="K18" s="97">
        <v>7</v>
      </c>
      <c r="L18" s="99">
        <v>35</v>
      </c>
      <c r="M18" s="100">
        <v>60</v>
      </c>
      <c r="N18" s="101">
        <v>1</v>
      </c>
      <c r="O18" s="102">
        <v>3</v>
      </c>
      <c r="P18" s="103">
        <v>4</v>
      </c>
      <c r="Q18" s="413">
        <v>0</v>
      </c>
      <c r="R18" s="102">
        <v>0</v>
      </c>
      <c r="S18" s="102">
        <v>0</v>
      </c>
      <c r="T18" s="102">
        <v>0</v>
      </c>
      <c r="U18" s="102">
        <v>0</v>
      </c>
      <c r="V18" s="102">
        <v>1</v>
      </c>
      <c r="W18" s="103">
        <v>1</v>
      </c>
      <c r="X18" s="104">
        <v>5</v>
      </c>
      <c r="Y18" s="101">
        <v>3</v>
      </c>
      <c r="Z18" s="102">
        <v>0</v>
      </c>
      <c r="AA18" s="103">
        <v>3</v>
      </c>
      <c r="AB18" s="413">
        <v>0</v>
      </c>
      <c r="AC18" s="102">
        <v>2</v>
      </c>
      <c r="AD18" s="102">
        <v>1</v>
      </c>
      <c r="AE18" s="102">
        <v>0</v>
      </c>
      <c r="AF18" s="102">
        <v>1</v>
      </c>
      <c r="AG18" s="102">
        <v>1</v>
      </c>
      <c r="AH18" s="103">
        <v>5</v>
      </c>
      <c r="AI18" s="104">
        <v>8</v>
      </c>
      <c r="AJ18" s="101">
        <v>3</v>
      </c>
      <c r="AK18" s="102">
        <v>1</v>
      </c>
      <c r="AL18" s="103">
        <v>4</v>
      </c>
      <c r="AM18" s="413">
        <v>0</v>
      </c>
      <c r="AN18" s="102">
        <v>0</v>
      </c>
      <c r="AO18" s="102">
        <v>2</v>
      </c>
      <c r="AP18" s="102">
        <v>1</v>
      </c>
      <c r="AQ18" s="102">
        <v>1</v>
      </c>
      <c r="AR18" s="102">
        <v>2</v>
      </c>
      <c r="AS18" s="103">
        <v>6</v>
      </c>
      <c r="AT18" s="104">
        <v>10</v>
      </c>
      <c r="AU18" s="101">
        <v>0</v>
      </c>
      <c r="AV18" s="102">
        <v>2</v>
      </c>
      <c r="AW18" s="103">
        <v>2</v>
      </c>
      <c r="AX18" s="413">
        <v>0</v>
      </c>
      <c r="AY18" s="102">
        <v>1</v>
      </c>
      <c r="AZ18" s="102">
        <v>3</v>
      </c>
      <c r="BA18" s="102">
        <v>1</v>
      </c>
      <c r="BB18" s="102">
        <v>0</v>
      </c>
      <c r="BC18" s="102">
        <v>2</v>
      </c>
      <c r="BD18" s="103">
        <v>7</v>
      </c>
      <c r="BE18" s="104">
        <v>9</v>
      </c>
      <c r="BF18" s="101">
        <v>1</v>
      </c>
      <c r="BG18" s="102">
        <v>6</v>
      </c>
      <c r="BH18" s="103">
        <v>7</v>
      </c>
      <c r="BI18" s="413">
        <v>0</v>
      </c>
      <c r="BJ18" s="102">
        <v>1</v>
      </c>
      <c r="BK18" s="102">
        <v>3</v>
      </c>
      <c r="BL18" s="102">
        <v>2</v>
      </c>
      <c r="BM18" s="102">
        <v>1</v>
      </c>
      <c r="BN18" s="102">
        <v>1</v>
      </c>
      <c r="BO18" s="103">
        <v>8</v>
      </c>
      <c r="BP18" s="104">
        <v>15</v>
      </c>
      <c r="BQ18" s="101">
        <v>2</v>
      </c>
      <c r="BR18" s="102">
        <v>3</v>
      </c>
      <c r="BS18" s="103">
        <v>5</v>
      </c>
      <c r="BT18" s="413">
        <v>0</v>
      </c>
      <c r="BU18" s="102">
        <v>5</v>
      </c>
      <c r="BV18" s="102">
        <v>2</v>
      </c>
      <c r="BW18" s="102">
        <v>1</v>
      </c>
      <c r="BX18" s="102">
        <v>0</v>
      </c>
      <c r="BY18" s="102">
        <v>0</v>
      </c>
      <c r="BZ18" s="103">
        <v>8</v>
      </c>
      <c r="CA18" s="104">
        <v>13</v>
      </c>
      <c r="CB18" s="101">
        <v>0</v>
      </c>
      <c r="CC18" s="102">
        <v>0</v>
      </c>
      <c r="CD18" s="103">
        <v>0</v>
      </c>
      <c r="CE18" s="413">
        <v>0</v>
      </c>
      <c r="CF18" s="102">
        <v>0</v>
      </c>
      <c r="CG18" s="102">
        <v>0</v>
      </c>
      <c r="CH18" s="102">
        <v>0</v>
      </c>
      <c r="CI18" s="102">
        <v>0</v>
      </c>
      <c r="CJ18" s="102">
        <v>0</v>
      </c>
      <c r="CK18" s="103">
        <v>0</v>
      </c>
      <c r="CL18" s="104">
        <v>0</v>
      </c>
      <c r="CM18" s="101">
        <v>10</v>
      </c>
      <c r="CN18" s="102">
        <v>15</v>
      </c>
      <c r="CO18" s="103">
        <v>25</v>
      </c>
      <c r="CP18" s="413">
        <v>0</v>
      </c>
      <c r="CQ18" s="102">
        <v>9</v>
      </c>
      <c r="CR18" s="102">
        <v>11</v>
      </c>
      <c r="CS18" s="102">
        <v>5</v>
      </c>
      <c r="CT18" s="102">
        <v>3</v>
      </c>
      <c r="CU18" s="102">
        <v>7</v>
      </c>
      <c r="CV18" s="103">
        <v>35</v>
      </c>
      <c r="CW18" s="104">
        <v>60</v>
      </c>
      <c r="CX18" s="105">
        <v>7</v>
      </c>
      <c r="CY18" s="97">
        <v>8</v>
      </c>
      <c r="CZ18" s="98">
        <v>15</v>
      </c>
      <c r="DA18" s="413">
        <v>0</v>
      </c>
      <c r="DB18" s="97">
        <v>5</v>
      </c>
      <c r="DC18" s="97">
        <v>10</v>
      </c>
      <c r="DD18" s="97">
        <v>3</v>
      </c>
      <c r="DE18" s="97">
        <v>2</v>
      </c>
      <c r="DF18" s="97">
        <v>2</v>
      </c>
      <c r="DG18" s="99">
        <v>22</v>
      </c>
      <c r="DH18" s="100">
        <v>37</v>
      </c>
      <c r="DI18" s="101">
        <v>1</v>
      </c>
      <c r="DJ18" s="102">
        <v>0</v>
      </c>
      <c r="DK18" s="103">
        <v>1</v>
      </c>
      <c r="DL18" s="413">
        <v>0</v>
      </c>
      <c r="DM18" s="102">
        <v>0</v>
      </c>
      <c r="DN18" s="102">
        <v>1</v>
      </c>
      <c r="DO18" s="102">
        <v>0</v>
      </c>
      <c r="DP18" s="102">
        <v>0</v>
      </c>
      <c r="DQ18" s="102">
        <v>0</v>
      </c>
      <c r="DR18" s="103">
        <v>1</v>
      </c>
      <c r="DS18" s="104">
        <v>2</v>
      </c>
      <c r="DT18" s="101">
        <v>0</v>
      </c>
      <c r="DU18" s="102">
        <v>1</v>
      </c>
      <c r="DV18" s="103">
        <v>1</v>
      </c>
      <c r="DW18" s="413">
        <v>0</v>
      </c>
      <c r="DX18" s="102">
        <v>0</v>
      </c>
      <c r="DY18" s="102">
        <v>1</v>
      </c>
      <c r="DZ18" s="102">
        <v>0</v>
      </c>
      <c r="EA18" s="102">
        <v>0</v>
      </c>
      <c r="EB18" s="102">
        <v>0</v>
      </c>
      <c r="EC18" s="103">
        <v>1</v>
      </c>
      <c r="ED18" s="104">
        <v>2</v>
      </c>
      <c r="EE18" s="101">
        <v>2</v>
      </c>
      <c r="EF18" s="102">
        <v>2</v>
      </c>
      <c r="EG18" s="103">
        <v>4</v>
      </c>
      <c r="EH18" s="413">
        <v>0</v>
      </c>
      <c r="EI18" s="102">
        <v>0</v>
      </c>
      <c r="EJ18" s="102">
        <v>2</v>
      </c>
      <c r="EK18" s="102">
        <v>2</v>
      </c>
      <c r="EL18" s="102">
        <v>0</v>
      </c>
      <c r="EM18" s="102">
        <v>1</v>
      </c>
      <c r="EN18" s="103">
        <v>5</v>
      </c>
      <c r="EO18" s="104">
        <v>9</v>
      </c>
      <c r="EP18" s="101">
        <v>1</v>
      </c>
      <c r="EQ18" s="102">
        <v>4</v>
      </c>
      <c r="ER18" s="103">
        <v>5</v>
      </c>
      <c r="ES18" s="413">
        <v>0</v>
      </c>
      <c r="ET18" s="102">
        <v>0</v>
      </c>
      <c r="EU18" s="102">
        <v>0</v>
      </c>
      <c r="EV18" s="102">
        <v>0</v>
      </c>
      <c r="EW18" s="102">
        <v>0</v>
      </c>
      <c r="EX18" s="102">
        <v>0</v>
      </c>
      <c r="EY18" s="103">
        <v>0</v>
      </c>
      <c r="EZ18" s="104">
        <v>5</v>
      </c>
      <c r="FA18" s="101">
        <v>1</v>
      </c>
      <c r="FB18" s="102">
        <v>0</v>
      </c>
      <c r="FC18" s="103">
        <v>1</v>
      </c>
      <c r="FD18" s="413">
        <v>0</v>
      </c>
      <c r="FE18" s="102">
        <v>3</v>
      </c>
      <c r="FF18" s="102">
        <v>2</v>
      </c>
      <c r="FG18" s="102">
        <v>0</v>
      </c>
      <c r="FH18" s="102">
        <v>0</v>
      </c>
      <c r="FI18" s="102">
        <v>1</v>
      </c>
      <c r="FJ18" s="103">
        <v>6</v>
      </c>
      <c r="FK18" s="104">
        <v>7</v>
      </c>
      <c r="FL18" s="101">
        <v>2</v>
      </c>
      <c r="FM18" s="102">
        <v>1</v>
      </c>
      <c r="FN18" s="103">
        <v>3</v>
      </c>
      <c r="FO18" s="413">
        <v>0</v>
      </c>
      <c r="FP18" s="102">
        <v>2</v>
      </c>
      <c r="FQ18" s="102">
        <v>4</v>
      </c>
      <c r="FR18" s="102">
        <v>1</v>
      </c>
      <c r="FS18" s="102">
        <v>2</v>
      </c>
      <c r="FT18" s="102">
        <v>0</v>
      </c>
      <c r="FU18" s="103">
        <v>9</v>
      </c>
      <c r="FV18" s="104">
        <v>12</v>
      </c>
      <c r="FW18" s="101">
        <v>0</v>
      </c>
      <c r="FX18" s="102">
        <v>0</v>
      </c>
      <c r="FY18" s="103">
        <v>0</v>
      </c>
      <c r="FZ18" s="413">
        <v>0</v>
      </c>
      <c r="GA18" s="102">
        <v>0</v>
      </c>
      <c r="GB18" s="102">
        <v>0</v>
      </c>
      <c r="GC18" s="102">
        <v>0</v>
      </c>
      <c r="GD18" s="102">
        <v>0</v>
      </c>
      <c r="GE18" s="102">
        <v>0</v>
      </c>
      <c r="GF18" s="103">
        <v>0</v>
      </c>
      <c r="GG18" s="104">
        <v>0</v>
      </c>
      <c r="GH18" s="101">
        <v>7</v>
      </c>
      <c r="GI18" s="102">
        <v>8</v>
      </c>
      <c r="GJ18" s="103">
        <v>15</v>
      </c>
      <c r="GK18" s="413">
        <v>0</v>
      </c>
      <c r="GL18" s="102">
        <v>5</v>
      </c>
      <c r="GM18" s="102">
        <v>10</v>
      </c>
      <c r="GN18" s="102">
        <v>3</v>
      </c>
      <c r="GO18" s="102">
        <v>2</v>
      </c>
      <c r="GP18" s="102">
        <v>2</v>
      </c>
      <c r="GQ18" s="103">
        <v>22</v>
      </c>
      <c r="GR18" s="104">
        <v>37</v>
      </c>
      <c r="GS18" s="105">
        <v>17</v>
      </c>
      <c r="GT18" s="97">
        <v>23</v>
      </c>
      <c r="GU18" s="98">
        <v>40</v>
      </c>
      <c r="GV18" s="413">
        <v>0</v>
      </c>
      <c r="GW18" s="97">
        <v>14</v>
      </c>
      <c r="GX18" s="97">
        <v>21</v>
      </c>
      <c r="GY18" s="97">
        <v>8</v>
      </c>
      <c r="GZ18" s="97">
        <v>5</v>
      </c>
      <c r="HA18" s="97">
        <v>9</v>
      </c>
      <c r="HB18" s="99">
        <v>57</v>
      </c>
      <c r="HC18" s="100">
        <v>97</v>
      </c>
      <c r="HD18" s="101">
        <v>2</v>
      </c>
      <c r="HE18" s="102">
        <v>3</v>
      </c>
      <c r="HF18" s="103">
        <v>5</v>
      </c>
      <c r="HG18" s="413">
        <v>0</v>
      </c>
      <c r="HH18" s="102">
        <v>0</v>
      </c>
      <c r="HI18" s="102">
        <v>1</v>
      </c>
      <c r="HJ18" s="102">
        <v>0</v>
      </c>
      <c r="HK18" s="102">
        <v>0</v>
      </c>
      <c r="HL18" s="102">
        <v>1</v>
      </c>
      <c r="HM18" s="103">
        <v>2</v>
      </c>
      <c r="HN18" s="104">
        <v>7</v>
      </c>
      <c r="HO18" s="101">
        <v>3</v>
      </c>
      <c r="HP18" s="102">
        <v>1</v>
      </c>
      <c r="HQ18" s="103">
        <v>4</v>
      </c>
      <c r="HR18" s="413">
        <v>0</v>
      </c>
      <c r="HS18" s="102">
        <v>2</v>
      </c>
      <c r="HT18" s="102">
        <v>2</v>
      </c>
      <c r="HU18" s="102">
        <v>0</v>
      </c>
      <c r="HV18" s="102">
        <v>1</v>
      </c>
      <c r="HW18" s="102">
        <v>1</v>
      </c>
      <c r="HX18" s="103">
        <v>6</v>
      </c>
      <c r="HY18" s="104">
        <v>10</v>
      </c>
      <c r="HZ18" s="101">
        <v>5</v>
      </c>
      <c r="IA18" s="102">
        <v>3</v>
      </c>
      <c r="IB18" s="103">
        <v>8</v>
      </c>
      <c r="IC18" s="413">
        <v>0</v>
      </c>
      <c r="ID18" s="102">
        <v>0</v>
      </c>
      <c r="IE18" s="102">
        <v>4</v>
      </c>
      <c r="IF18" s="102">
        <v>3</v>
      </c>
      <c r="IG18" s="102">
        <v>1</v>
      </c>
      <c r="IH18" s="102">
        <v>3</v>
      </c>
      <c r="II18" s="103">
        <v>11</v>
      </c>
      <c r="IJ18" s="104">
        <v>19</v>
      </c>
      <c r="IK18" s="101">
        <v>1</v>
      </c>
      <c r="IL18" s="102">
        <v>6</v>
      </c>
      <c r="IM18" s="103">
        <v>7</v>
      </c>
      <c r="IN18" s="413">
        <v>0</v>
      </c>
      <c r="IO18" s="102">
        <v>1</v>
      </c>
      <c r="IP18" s="102">
        <v>3</v>
      </c>
      <c r="IQ18" s="102">
        <v>1</v>
      </c>
      <c r="IR18" s="102">
        <v>0</v>
      </c>
      <c r="IS18" s="102">
        <v>2</v>
      </c>
      <c r="IT18" s="103">
        <v>7</v>
      </c>
      <c r="IU18" s="104">
        <v>14</v>
      </c>
      <c r="IV18" s="101">
        <v>2</v>
      </c>
      <c r="IW18" s="102">
        <v>6</v>
      </c>
      <c r="IX18" s="103">
        <v>8</v>
      </c>
      <c r="IY18" s="413">
        <v>0</v>
      </c>
      <c r="IZ18" s="102">
        <v>4</v>
      </c>
      <c r="JA18" s="102">
        <v>5</v>
      </c>
      <c r="JB18" s="102">
        <v>2</v>
      </c>
      <c r="JC18" s="102">
        <v>1</v>
      </c>
      <c r="JD18" s="102">
        <v>2</v>
      </c>
      <c r="JE18" s="103">
        <v>14</v>
      </c>
      <c r="JF18" s="104">
        <v>22</v>
      </c>
      <c r="JG18" s="101">
        <v>4</v>
      </c>
      <c r="JH18" s="102">
        <v>4</v>
      </c>
      <c r="JI18" s="103">
        <v>8</v>
      </c>
      <c r="JJ18" s="413">
        <v>0</v>
      </c>
      <c r="JK18" s="102">
        <v>7</v>
      </c>
      <c r="JL18" s="102">
        <v>6</v>
      </c>
      <c r="JM18" s="102">
        <v>2</v>
      </c>
      <c r="JN18" s="102">
        <v>2</v>
      </c>
      <c r="JO18" s="102">
        <v>0</v>
      </c>
      <c r="JP18" s="103">
        <v>17</v>
      </c>
      <c r="JQ18" s="104">
        <v>25</v>
      </c>
      <c r="JR18" s="101">
        <v>0</v>
      </c>
      <c r="JS18" s="102">
        <v>0</v>
      </c>
      <c r="JT18" s="103">
        <v>0</v>
      </c>
      <c r="JU18" s="413">
        <v>0</v>
      </c>
      <c r="JV18" s="102">
        <v>0</v>
      </c>
      <c r="JW18" s="102">
        <v>0</v>
      </c>
      <c r="JX18" s="102">
        <v>0</v>
      </c>
      <c r="JY18" s="102">
        <v>0</v>
      </c>
      <c r="JZ18" s="102">
        <v>0</v>
      </c>
      <c r="KA18" s="103">
        <v>0</v>
      </c>
      <c r="KB18" s="104">
        <v>0</v>
      </c>
      <c r="KC18" s="101">
        <v>17</v>
      </c>
      <c r="KD18" s="102">
        <v>23</v>
      </c>
      <c r="KE18" s="103">
        <v>40</v>
      </c>
      <c r="KF18" s="413">
        <v>0</v>
      </c>
      <c r="KG18" s="102">
        <v>14</v>
      </c>
      <c r="KH18" s="102">
        <v>21</v>
      </c>
      <c r="KI18" s="102">
        <v>8</v>
      </c>
      <c r="KJ18" s="102">
        <v>5</v>
      </c>
      <c r="KK18" s="102">
        <v>9</v>
      </c>
      <c r="KL18" s="103">
        <v>57</v>
      </c>
      <c r="KM18" s="104">
        <v>97</v>
      </c>
    </row>
    <row r="19" spans="2:299" s="70" customFormat="1" ht="21" customHeight="1" x14ac:dyDescent="0.2">
      <c r="B19" s="106" t="s">
        <v>16</v>
      </c>
      <c r="C19" s="96">
        <v>25</v>
      </c>
      <c r="D19" s="97">
        <v>25</v>
      </c>
      <c r="E19" s="98">
        <v>50</v>
      </c>
      <c r="F19" s="413">
        <v>0</v>
      </c>
      <c r="G19" s="97">
        <v>51</v>
      </c>
      <c r="H19" s="97">
        <v>65</v>
      </c>
      <c r="I19" s="97">
        <v>42</v>
      </c>
      <c r="J19" s="97">
        <v>27</v>
      </c>
      <c r="K19" s="97">
        <v>22</v>
      </c>
      <c r="L19" s="99">
        <v>207</v>
      </c>
      <c r="M19" s="100">
        <v>257</v>
      </c>
      <c r="N19" s="101">
        <v>0</v>
      </c>
      <c r="O19" s="102">
        <v>0</v>
      </c>
      <c r="P19" s="103">
        <v>0</v>
      </c>
      <c r="Q19" s="413">
        <v>0</v>
      </c>
      <c r="R19" s="102">
        <v>1</v>
      </c>
      <c r="S19" s="102">
        <v>2</v>
      </c>
      <c r="T19" s="102">
        <v>1</v>
      </c>
      <c r="U19" s="102">
        <v>0</v>
      </c>
      <c r="V19" s="102">
        <v>1</v>
      </c>
      <c r="W19" s="103">
        <v>5</v>
      </c>
      <c r="X19" s="104">
        <v>5</v>
      </c>
      <c r="Y19" s="101">
        <v>4</v>
      </c>
      <c r="Z19" s="102">
        <v>4</v>
      </c>
      <c r="AA19" s="103">
        <v>8</v>
      </c>
      <c r="AB19" s="413">
        <v>0</v>
      </c>
      <c r="AC19" s="102">
        <v>3</v>
      </c>
      <c r="AD19" s="102">
        <v>5</v>
      </c>
      <c r="AE19" s="102">
        <v>4</v>
      </c>
      <c r="AF19" s="102">
        <v>3</v>
      </c>
      <c r="AG19" s="102">
        <v>2</v>
      </c>
      <c r="AH19" s="103">
        <v>17</v>
      </c>
      <c r="AI19" s="104">
        <v>25</v>
      </c>
      <c r="AJ19" s="101">
        <v>8</v>
      </c>
      <c r="AK19" s="102">
        <v>5</v>
      </c>
      <c r="AL19" s="103">
        <v>13</v>
      </c>
      <c r="AM19" s="413">
        <v>0</v>
      </c>
      <c r="AN19" s="102">
        <v>6</v>
      </c>
      <c r="AO19" s="102">
        <v>9</v>
      </c>
      <c r="AP19" s="102">
        <v>3</v>
      </c>
      <c r="AQ19" s="102">
        <v>6</v>
      </c>
      <c r="AR19" s="102">
        <v>3</v>
      </c>
      <c r="AS19" s="103">
        <v>27</v>
      </c>
      <c r="AT19" s="104">
        <v>40</v>
      </c>
      <c r="AU19" s="101">
        <v>5</v>
      </c>
      <c r="AV19" s="102">
        <v>4</v>
      </c>
      <c r="AW19" s="103">
        <v>9</v>
      </c>
      <c r="AX19" s="413">
        <v>0</v>
      </c>
      <c r="AY19" s="102">
        <v>12</v>
      </c>
      <c r="AZ19" s="102">
        <v>17</v>
      </c>
      <c r="BA19" s="102">
        <v>12</v>
      </c>
      <c r="BB19" s="102">
        <v>6</v>
      </c>
      <c r="BC19" s="102">
        <v>3</v>
      </c>
      <c r="BD19" s="103">
        <v>50</v>
      </c>
      <c r="BE19" s="104">
        <v>59</v>
      </c>
      <c r="BF19" s="101">
        <v>5</v>
      </c>
      <c r="BG19" s="102">
        <v>5</v>
      </c>
      <c r="BH19" s="103">
        <v>10</v>
      </c>
      <c r="BI19" s="413">
        <v>0</v>
      </c>
      <c r="BJ19" s="102">
        <v>16</v>
      </c>
      <c r="BK19" s="102">
        <v>16</v>
      </c>
      <c r="BL19" s="102">
        <v>15</v>
      </c>
      <c r="BM19" s="102">
        <v>4</v>
      </c>
      <c r="BN19" s="102">
        <v>9</v>
      </c>
      <c r="BO19" s="103">
        <v>60</v>
      </c>
      <c r="BP19" s="104">
        <v>70</v>
      </c>
      <c r="BQ19" s="101">
        <v>3</v>
      </c>
      <c r="BR19" s="102">
        <v>7</v>
      </c>
      <c r="BS19" s="103">
        <v>10</v>
      </c>
      <c r="BT19" s="413">
        <v>0</v>
      </c>
      <c r="BU19" s="102">
        <v>13</v>
      </c>
      <c r="BV19" s="102">
        <v>16</v>
      </c>
      <c r="BW19" s="102">
        <v>7</v>
      </c>
      <c r="BX19" s="102">
        <v>8</v>
      </c>
      <c r="BY19" s="102">
        <v>4</v>
      </c>
      <c r="BZ19" s="103">
        <v>48</v>
      </c>
      <c r="CA19" s="104">
        <v>58</v>
      </c>
      <c r="CB19" s="101">
        <v>0</v>
      </c>
      <c r="CC19" s="102">
        <v>0</v>
      </c>
      <c r="CD19" s="103">
        <v>0</v>
      </c>
      <c r="CE19" s="413">
        <v>0</v>
      </c>
      <c r="CF19" s="102">
        <v>0</v>
      </c>
      <c r="CG19" s="102">
        <v>0</v>
      </c>
      <c r="CH19" s="102">
        <v>0</v>
      </c>
      <c r="CI19" s="102">
        <v>0</v>
      </c>
      <c r="CJ19" s="102">
        <v>0</v>
      </c>
      <c r="CK19" s="103">
        <v>0</v>
      </c>
      <c r="CL19" s="104">
        <v>0</v>
      </c>
      <c r="CM19" s="101">
        <v>25</v>
      </c>
      <c r="CN19" s="102">
        <v>25</v>
      </c>
      <c r="CO19" s="103">
        <v>50</v>
      </c>
      <c r="CP19" s="413">
        <v>0</v>
      </c>
      <c r="CQ19" s="102">
        <v>51</v>
      </c>
      <c r="CR19" s="102">
        <v>65</v>
      </c>
      <c r="CS19" s="102">
        <v>42</v>
      </c>
      <c r="CT19" s="102">
        <v>27</v>
      </c>
      <c r="CU19" s="102">
        <v>22</v>
      </c>
      <c r="CV19" s="103">
        <v>207</v>
      </c>
      <c r="CW19" s="104">
        <v>257</v>
      </c>
      <c r="CX19" s="105">
        <v>19</v>
      </c>
      <c r="CY19" s="97">
        <v>20</v>
      </c>
      <c r="CZ19" s="98">
        <v>39</v>
      </c>
      <c r="DA19" s="413">
        <v>0</v>
      </c>
      <c r="DB19" s="97">
        <v>23</v>
      </c>
      <c r="DC19" s="97">
        <v>29</v>
      </c>
      <c r="DD19" s="97">
        <v>11</v>
      </c>
      <c r="DE19" s="97">
        <v>14</v>
      </c>
      <c r="DF19" s="97">
        <v>5</v>
      </c>
      <c r="DG19" s="99">
        <v>82</v>
      </c>
      <c r="DH19" s="100">
        <v>121</v>
      </c>
      <c r="DI19" s="101">
        <v>0</v>
      </c>
      <c r="DJ19" s="102">
        <v>1</v>
      </c>
      <c r="DK19" s="103">
        <v>1</v>
      </c>
      <c r="DL19" s="413">
        <v>0</v>
      </c>
      <c r="DM19" s="102">
        <v>0</v>
      </c>
      <c r="DN19" s="102">
        <v>2</v>
      </c>
      <c r="DO19" s="102">
        <v>0</v>
      </c>
      <c r="DP19" s="102">
        <v>0</v>
      </c>
      <c r="DQ19" s="102">
        <v>0</v>
      </c>
      <c r="DR19" s="103">
        <v>2</v>
      </c>
      <c r="DS19" s="104">
        <v>3</v>
      </c>
      <c r="DT19" s="101">
        <v>1</v>
      </c>
      <c r="DU19" s="102">
        <v>4</v>
      </c>
      <c r="DV19" s="103">
        <v>5</v>
      </c>
      <c r="DW19" s="413">
        <v>0</v>
      </c>
      <c r="DX19" s="102">
        <v>0</v>
      </c>
      <c r="DY19" s="102">
        <v>0</v>
      </c>
      <c r="DZ19" s="102">
        <v>1</v>
      </c>
      <c r="EA19" s="102">
        <v>1</v>
      </c>
      <c r="EB19" s="102">
        <v>0</v>
      </c>
      <c r="EC19" s="103">
        <v>2</v>
      </c>
      <c r="ED19" s="104">
        <v>7</v>
      </c>
      <c r="EE19" s="101">
        <v>2</v>
      </c>
      <c r="EF19" s="102">
        <v>1</v>
      </c>
      <c r="EG19" s="103">
        <v>3</v>
      </c>
      <c r="EH19" s="413">
        <v>0</v>
      </c>
      <c r="EI19" s="102">
        <v>2</v>
      </c>
      <c r="EJ19" s="102">
        <v>2</v>
      </c>
      <c r="EK19" s="102">
        <v>0</v>
      </c>
      <c r="EL19" s="102">
        <v>3</v>
      </c>
      <c r="EM19" s="102">
        <v>0</v>
      </c>
      <c r="EN19" s="103">
        <v>7</v>
      </c>
      <c r="EO19" s="104">
        <v>10</v>
      </c>
      <c r="EP19" s="101">
        <v>6</v>
      </c>
      <c r="EQ19" s="102">
        <v>6</v>
      </c>
      <c r="ER19" s="103">
        <v>12</v>
      </c>
      <c r="ES19" s="413">
        <v>0</v>
      </c>
      <c r="ET19" s="102">
        <v>4</v>
      </c>
      <c r="EU19" s="102">
        <v>8</v>
      </c>
      <c r="EV19" s="102">
        <v>2</v>
      </c>
      <c r="EW19" s="102">
        <v>0</v>
      </c>
      <c r="EX19" s="102">
        <v>0</v>
      </c>
      <c r="EY19" s="103">
        <v>14</v>
      </c>
      <c r="EZ19" s="104">
        <v>26</v>
      </c>
      <c r="FA19" s="101">
        <v>7</v>
      </c>
      <c r="FB19" s="102">
        <v>4</v>
      </c>
      <c r="FC19" s="103">
        <v>11</v>
      </c>
      <c r="FD19" s="413">
        <v>0</v>
      </c>
      <c r="FE19" s="102">
        <v>12</v>
      </c>
      <c r="FF19" s="102">
        <v>6</v>
      </c>
      <c r="FG19" s="102">
        <v>2</v>
      </c>
      <c r="FH19" s="102">
        <v>3</v>
      </c>
      <c r="FI19" s="102">
        <v>0</v>
      </c>
      <c r="FJ19" s="103">
        <v>23</v>
      </c>
      <c r="FK19" s="104">
        <v>34</v>
      </c>
      <c r="FL19" s="101">
        <v>3</v>
      </c>
      <c r="FM19" s="102">
        <v>4</v>
      </c>
      <c r="FN19" s="103">
        <v>7</v>
      </c>
      <c r="FO19" s="413">
        <v>0</v>
      </c>
      <c r="FP19" s="102">
        <v>5</v>
      </c>
      <c r="FQ19" s="102">
        <v>11</v>
      </c>
      <c r="FR19" s="102">
        <v>6</v>
      </c>
      <c r="FS19" s="102">
        <v>7</v>
      </c>
      <c r="FT19" s="102">
        <v>5</v>
      </c>
      <c r="FU19" s="103">
        <v>34</v>
      </c>
      <c r="FV19" s="104">
        <v>41</v>
      </c>
      <c r="FW19" s="101">
        <v>0</v>
      </c>
      <c r="FX19" s="102">
        <v>0</v>
      </c>
      <c r="FY19" s="103">
        <v>0</v>
      </c>
      <c r="FZ19" s="413">
        <v>0</v>
      </c>
      <c r="GA19" s="102">
        <v>0</v>
      </c>
      <c r="GB19" s="102">
        <v>0</v>
      </c>
      <c r="GC19" s="102">
        <v>0</v>
      </c>
      <c r="GD19" s="102">
        <v>0</v>
      </c>
      <c r="GE19" s="102">
        <v>0</v>
      </c>
      <c r="GF19" s="103">
        <v>0</v>
      </c>
      <c r="GG19" s="104">
        <v>0</v>
      </c>
      <c r="GH19" s="101">
        <v>19</v>
      </c>
      <c r="GI19" s="102">
        <v>20</v>
      </c>
      <c r="GJ19" s="103">
        <v>39</v>
      </c>
      <c r="GK19" s="413">
        <v>0</v>
      </c>
      <c r="GL19" s="102">
        <v>23</v>
      </c>
      <c r="GM19" s="102">
        <v>29</v>
      </c>
      <c r="GN19" s="102">
        <v>11</v>
      </c>
      <c r="GO19" s="102">
        <v>14</v>
      </c>
      <c r="GP19" s="102">
        <v>5</v>
      </c>
      <c r="GQ19" s="103">
        <v>82</v>
      </c>
      <c r="GR19" s="104">
        <v>121</v>
      </c>
      <c r="GS19" s="105">
        <v>44</v>
      </c>
      <c r="GT19" s="97">
        <v>45</v>
      </c>
      <c r="GU19" s="98">
        <v>89</v>
      </c>
      <c r="GV19" s="413">
        <v>0</v>
      </c>
      <c r="GW19" s="97">
        <v>74</v>
      </c>
      <c r="GX19" s="97">
        <v>94</v>
      </c>
      <c r="GY19" s="97">
        <v>53</v>
      </c>
      <c r="GZ19" s="97">
        <v>41</v>
      </c>
      <c r="HA19" s="97">
        <v>27</v>
      </c>
      <c r="HB19" s="99">
        <v>289</v>
      </c>
      <c r="HC19" s="100">
        <v>378</v>
      </c>
      <c r="HD19" s="101">
        <v>0</v>
      </c>
      <c r="HE19" s="102">
        <v>1</v>
      </c>
      <c r="HF19" s="103">
        <v>1</v>
      </c>
      <c r="HG19" s="413">
        <v>0</v>
      </c>
      <c r="HH19" s="102">
        <v>1</v>
      </c>
      <c r="HI19" s="102">
        <v>4</v>
      </c>
      <c r="HJ19" s="102">
        <v>1</v>
      </c>
      <c r="HK19" s="102">
        <v>0</v>
      </c>
      <c r="HL19" s="102">
        <v>1</v>
      </c>
      <c r="HM19" s="103">
        <v>7</v>
      </c>
      <c r="HN19" s="104">
        <v>8</v>
      </c>
      <c r="HO19" s="101">
        <v>5</v>
      </c>
      <c r="HP19" s="102">
        <v>8</v>
      </c>
      <c r="HQ19" s="103">
        <v>13</v>
      </c>
      <c r="HR19" s="413">
        <v>0</v>
      </c>
      <c r="HS19" s="102">
        <v>3</v>
      </c>
      <c r="HT19" s="102">
        <v>5</v>
      </c>
      <c r="HU19" s="102">
        <v>5</v>
      </c>
      <c r="HV19" s="102">
        <v>4</v>
      </c>
      <c r="HW19" s="102">
        <v>2</v>
      </c>
      <c r="HX19" s="103">
        <v>19</v>
      </c>
      <c r="HY19" s="104">
        <v>32</v>
      </c>
      <c r="HZ19" s="101">
        <v>10</v>
      </c>
      <c r="IA19" s="102">
        <v>6</v>
      </c>
      <c r="IB19" s="103">
        <v>16</v>
      </c>
      <c r="IC19" s="413">
        <v>0</v>
      </c>
      <c r="ID19" s="102">
        <v>8</v>
      </c>
      <c r="IE19" s="102">
        <v>11</v>
      </c>
      <c r="IF19" s="102">
        <v>3</v>
      </c>
      <c r="IG19" s="102">
        <v>9</v>
      </c>
      <c r="IH19" s="102">
        <v>3</v>
      </c>
      <c r="II19" s="103">
        <v>34</v>
      </c>
      <c r="IJ19" s="104">
        <v>50</v>
      </c>
      <c r="IK19" s="101">
        <v>11</v>
      </c>
      <c r="IL19" s="102">
        <v>10</v>
      </c>
      <c r="IM19" s="103">
        <v>21</v>
      </c>
      <c r="IN19" s="413">
        <v>0</v>
      </c>
      <c r="IO19" s="102">
        <v>16</v>
      </c>
      <c r="IP19" s="102">
        <v>25</v>
      </c>
      <c r="IQ19" s="102">
        <v>14</v>
      </c>
      <c r="IR19" s="102">
        <v>6</v>
      </c>
      <c r="IS19" s="102">
        <v>3</v>
      </c>
      <c r="IT19" s="103">
        <v>64</v>
      </c>
      <c r="IU19" s="104">
        <v>85</v>
      </c>
      <c r="IV19" s="101">
        <v>12</v>
      </c>
      <c r="IW19" s="102">
        <v>9</v>
      </c>
      <c r="IX19" s="103">
        <v>21</v>
      </c>
      <c r="IY19" s="413">
        <v>0</v>
      </c>
      <c r="IZ19" s="102">
        <v>28</v>
      </c>
      <c r="JA19" s="102">
        <v>22</v>
      </c>
      <c r="JB19" s="102">
        <v>17</v>
      </c>
      <c r="JC19" s="102">
        <v>7</v>
      </c>
      <c r="JD19" s="102">
        <v>9</v>
      </c>
      <c r="JE19" s="103">
        <v>83</v>
      </c>
      <c r="JF19" s="104">
        <v>104</v>
      </c>
      <c r="JG19" s="101">
        <v>6</v>
      </c>
      <c r="JH19" s="102">
        <v>11</v>
      </c>
      <c r="JI19" s="103">
        <v>17</v>
      </c>
      <c r="JJ19" s="413">
        <v>0</v>
      </c>
      <c r="JK19" s="102">
        <v>18</v>
      </c>
      <c r="JL19" s="102">
        <v>27</v>
      </c>
      <c r="JM19" s="102">
        <v>13</v>
      </c>
      <c r="JN19" s="102">
        <v>15</v>
      </c>
      <c r="JO19" s="102">
        <v>9</v>
      </c>
      <c r="JP19" s="103">
        <v>82</v>
      </c>
      <c r="JQ19" s="104">
        <v>99</v>
      </c>
      <c r="JR19" s="101">
        <v>0</v>
      </c>
      <c r="JS19" s="102">
        <v>0</v>
      </c>
      <c r="JT19" s="103">
        <v>0</v>
      </c>
      <c r="JU19" s="413">
        <v>0</v>
      </c>
      <c r="JV19" s="102">
        <v>0</v>
      </c>
      <c r="JW19" s="102">
        <v>0</v>
      </c>
      <c r="JX19" s="102">
        <v>0</v>
      </c>
      <c r="JY19" s="102">
        <v>0</v>
      </c>
      <c r="JZ19" s="102">
        <v>0</v>
      </c>
      <c r="KA19" s="103">
        <v>0</v>
      </c>
      <c r="KB19" s="104">
        <v>0</v>
      </c>
      <c r="KC19" s="101">
        <v>44</v>
      </c>
      <c r="KD19" s="102">
        <v>45</v>
      </c>
      <c r="KE19" s="103">
        <v>89</v>
      </c>
      <c r="KF19" s="413">
        <v>0</v>
      </c>
      <c r="KG19" s="102">
        <v>74</v>
      </c>
      <c r="KH19" s="102">
        <v>94</v>
      </c>
      <c r="KI19" s="102">
        <v>53</v>
      </c>
      <c r="KJ19" s="102">
        <v>41</v>
      </c>
      <c r="KK19" s="102">
        <v>27</v>
      </c>
      <c r="KL19" s="103">
        <v>289</v>
      </c>
      <c r="KM19" s="104">
        <v>378</v>
      </c>
    </row>
    <row r="20" spans="2:299" s="70" customFormat="1" ht="21" customHeight="1" x14ac:dyDescent="0.2">
      <c r="B20" s="106" t="s">
        <v>17</v>
      </c>
      <c r="C20" s="96">
        <v>66</v>
      </c>
      <c r="D20" s="97">
        <v>62</v>
      </c>
      <c r="E20" s="98">
        <v>128</v>
      </c>
      <c r="F20" s="413">
        <v>0</v>
      </c>
      <c r="G20" s="97">
        <v>73</v>
      </c>
      <c r="H20" s="97">
        <v>91</v>
      </c>
      <c r="I20" s="97">
        <v>63</v>
      </c>
      <c r="J20" s="97">
        <v>46</v>
      </c>
      <c r="K20" s="97">
        <v>16</v>
      </c>
      <c r="L20" s="99">
        <v>289</v>
      </c>
      <c r="M20" s="100">
        <v>417</v>
      </c>
      <c r="N20" s="101">
        <v>4</v>
      </c>
      <c r="O20" s="102">
        <v>1</v>
      </c>
      <c r="P20" s="103">
        <v>5</v>
      </c>
      <c r="Q20" s="413">
        <v>0</v>
      </c>
      <c r="R20" s="102">
        <v>6</v>
      </c>
      <c r="S20" s="102">
        <v>4</v>
      </c>
      <c r="T20" s="102">
        <v>2</v>
      </c>
      <c r="U20" s="102">
        <v>4</v>
      </c>
      <c r="V20" s="102">
        <v>1</v>
      </c>
      <c r="W20" s="103">
        <v>17</v>
      </c>
      <c r="X20" s="104">
        <v>22</v>
      </c>
      <c r="Y20" s="101">
        <v>5</v>
      </c>
      <c r="Z20" s="102">
        <v>7</v>
      </c>
      <c r="AA20" s="103">
        <v>12</v>
      </c>
      <c r="AB20" s="413">
        <v>0</v>
      </c>
      <c r="AC20" s="102">
        <v>5</v>
      </c>
      <c r="AD20" s="102">
        <v>15</v>
      </c>
      <c r="AE20" s="102">
        <v>4</v>
      </c>
      <c r="AF20" s="102">
        <v>3</v>
      </c>
      <c r="AG20" s="102">
        <v>2</v>
      </c>
      <c r="AH20" s="103">
        <v>29</v>
      </c>
      <c r="AI20" s="104">
        <v>41</v>
      </c>
      <c r="AJ20" s="101">
        <v>10</v>
      </c>
      <c r="AK20" s="102">
        <v>7</v>
      </c>
      <c r="AL20" s="103">
        <v>17</v>
      </c>
      <c r="AM20" s="413">
        <v>0</v>
      </c>
      <c r="AN20" s="102">
        <v>8</v>
      </c>
      <c r="AO20" s="102">
        <v>12</v>
      </c>
      <c r="AP20" s="102">
        <v>9</v>
      </c>
      <c r="AQ20" s="102">
        <v>5</v>
      </c>
      <c r="AR20" s="102">
        <v>2</v>
      </c>
      <c r="AS20" s="103">
        <v>36</v>
      </c>
      <c r="AT20" s="104">
        <v>53</v>
      </c>
      <c r="AU20" s="101">
        <v>13</v>
      </c>
      <c r="AV20" s="102">
        <v>10</v>
      </c>
      <c r="AW20" s="103">
        <v>23</v>
      </c>
      <c r="AX20" s="413">
        <v>0</v>
      </c>
      <c r="AY20" s="102">
        <v>18</v>
      </c>
      <c r="AZ20" s="102">
        <v>23</v>
      </c>
      <c r="BA20" s="102">
        <v>12</v>
      </c>
      <c r="BB20" s="102">
        <v>10</v>
      </c>
      <c r="BC20" s="102">
        <v>6</v>
      </c>
      <c r="BD20" s="103">
        <v>69</v>
      </c>
      <c r="BE20" s="104">
        <v>92</v>
      </c>
      <c r="BF20" s="101">
        <v>25</v>
      </c>
      <c r="BG20" s="102">
        <v>22</v>
      </c>
      <c r="BH20" s="103">
        <v>47</v>
      </c>
      <c r="BI20" s="413">
        <v>0</v>
      </c>
      <c r="BJ20" s="102">
        <v>22</v>
      </c>
      <c r="BK20" s="102">
        <v>16</v>
      </c>
      <c r="BL20" s="102">
        <v>16</v>
      </c>
      <c r="BM20" s="102">
        <v>13</v>
      </c>
      <c r="BN20" s="102">
        <v>3</v>
      </c>
      <c r="BO20" s="103">
        <v>70</v>
      </c>
      <c r="BP20" s="104">
        <v>117</v>
      </c>
      <c r="BQ20" s="101">
        <v>9</v>
      </c>
      <c r="BR20" s="102">
        <v>15</v>
      </c>
      <c r="BS20" s="103">
        <v>24</v>
      </c>
      <c r="BT20" s="413">
        <v>0</v>
      </c>
      <c r="BU20" s="102">
        <v>14</v>
      </c>
      <c r="BV20" s="102">
        <v>21</v>
      </c>
      <c r="BW20" s="102">
        <v>20</v>
      </c>
      <c r="BX20" s="102">
        <v>11</v>
      </c>
      <c r="BY20" s="102">
        <v>2</v>
      </c>
      <c r="BZ20" s="103">
        <v>68</v>
      </c>
      <c r="CA20" s="104">
        <v>92</v>
      </c>
      <c r="CB20" s="101">
        <v>0</v>
      </c>
      <c r="CC20" s="102">
        <v>0</v>
      </c>
      <c r="CD20" s="103">
        <v>0</v>
      </c>
      <c r="CE20" s="413">
        <v>0</v>
      </c>
      <c r="CF20" s="102">
        <v>0</v>
      </c>
      <c r="CG20" s="102">
        <v>0</v>
      </c>
      <c r="CH20" s="102">
        <v>0</v>
      </c>
      <c r="CI20" s="102">
        <v>0</v>
      </c>
      <c r="CJ20" s="102">
        <v>0</v>
      </c>
      <c r="CK20" s="103">
        <v>0</v>
      </c>
      <c r="CL20" s="104">
        <v>0</v>
      </c>
      <c r="CM20" s="101">
        <v>66</v>
      </c>
      <c r="CN20" s="102">
        <v>62</v>
      </c>
      <c r="CO20" s="103">
        <v>128</v>
      </c>
      <c r="CP20" s="413">
        <v>0</v>
      </c>
      <c r="CQ20" s="102">
        <v>73</v>
      </c>
      <c r="CR20" s="102">
        <v>91</v>
      </c>
      <c r="CS20" s="102">
        <v>63</v>
      </c>
      <c r="CT20" s="102">
        <v>46</v>
      </c>
      <c r="CU20" s="102">
        <v>16</v>
      </c>
      <c r="CV20" s="103">
        <v>289</v>
      </c>
      <c r="CW20" s="104">
        <v>417</v>
      </c>
      <c r="CX20" s="105">
        <v>16</v>
      </c>
      <c r="CY20" s="97">
        <v>25</v>
      </c>
      <c r="CZ20" s="98">
        <v>41</v>
      </c>
      <c r="DA20" s="413">
        <v>0</v>
      </c>
      <c r="DB20" s="97">
        <v>41</v>
      </c>
      <c r="DC20" s="97">
        <v>43</v>
      </c>
      <c r="DD20" s="97">
        <v>30</v>
      </c>
      <c r="DE20" s="97">
        <v>27</v>
      </c>
      <c r="DF20" s="97">
        <v>23</v>
      </c>
      <c r="DG20" s="99">
        <v>164</v>
      </c>
      <c r="DH20" s="100">
        <v>205</v>
      </c>
      <c r="DI20" s="101">
        <v>1</v>
      </c>
      <c r="DJ20" s="102">
        <v>0</v>
      </c>
      <c r="DK20" s="103">
        <v>1</v>
      </c>
      <c r="DL20" s="413">
        <v>0</v>
      </c>
      <c r="DM20" s="102">
        <v>0</v>
      </c>
      <c r="DN20" s="102">
        <v>0</v>
      </c>
      <c r="DO20" s="102">
        <v>0</v>
      </c>
      <c r="DP20" s="102">
        <v>0</v>
      </c>
      <c r="DQ20" s="102">
        <v>0</v>
      </c>
      <c r="DR20" s="103">
        <v>0</v>
      </c>
      <c r="DS20" s="104">
        <v>1</v>
      </c>
      <c r="DT20" s="101">
        <v>4</v>
      </c>
      <c r="DU20" s="102">
        <v>1</v>
      </c>
      <c r="DV20" s="103">
        <v>5</v>
      </c>
      <c r="DW20" s="413">
        <v>0</v>
      </c>
      <c r="DX20" s="102">
        <v>1</v>
      </c>
      <c r="DY20" s="102">
        <v>0</v>
      </c>
      <c r="DZ20" s="102">
        <v>0</v>
      </c>
      <c r="EA20" s="102">
        <v>5</v>
      </c>
      <c r="EB20" s="102">
        <v>0</v>
      </c>
      <c r="EC20" s="103">
        <v>6</v>
      </c>
      <c r="ED20" s="104">
        <v>11</v>
      </c>
      <c r="EE20" s="101">
        <v>3</v>
      </c>
      <c r="EF20" s="102">
        <v>1</v>
      </c>
      <c r="EG20" s="103">
        <v>4</v>
      </c>
      <c r="EH20" s="413">
        <v>0</v>
      </c>
      <c r="EI20" s="102">
        <v>7</v>
      </c>
      <c r="EJ20" s="102">
        <v>4</v>
      </c>
      <c r="EK20" s="102">
        <v>6</v>
      </c>
      <c r="EL20" s="102">
        <v>3</v>
      </c>
      <c r="EM20" s="102">
        <v>2</v>
      </c>
      <c r="EN20" s="103">
        <v>22</v>
      </c>
      <c r="EO20" s="104">
        <v>26</v>
      </c>
      <c r="EP20" s="101">
        <v>2</v>
      </c>
      <c r="EQ20" s="102">
        <v>7</v>
      </c>
      <c r="ER20" s="103">
        <v>9</v>
      </c>
      <c r="ES20" s="413">
        <v>0</v>
      </c>
      <c r="ET20" s="102">
        <v>10</v>
      </c>
      <c r="EU20" s="102">
        <v>8</v>
      </c>
      <c r="EV20" s="102">
        <v>6</v>
      </c>
      <c r="EW20" s="102">
        <v>4</v>
      </c>
      <c r="EX20" s="102">
        <v>7</v>
      </c>
      <c r="EY20" s="103">
        <v>35</v>
      </c>
      <c r="EZ20" s="104">
        <v>44</v>
      </c>
      <c r="FA20" s="101">
        <v>6</v>
      </c>
      <c r="FB20" s="102">
        <v>12</v>
      </c>
      <c r="FC20" s="103">
        <v>18</v>
      </c>
      <c r="FD20" s="413">
        <v>0</v>
      </c>
      <c r="FE20" s="102">
        <v>12</v>
      </c>
      <c r="FF20" s="102">
        <v>14</v>
      </c>
      <c r="FG20" s="102">
        <v>5</v>
      </c>
      <c r="FH20" s="102">
        <v>2</v>
      </c>
      <c r="FI20" s="102">
        <v>8</v>
      </c>
      <c r="FJ20" s="103">
        <v>41</v>
      </c>
      <c r="FK20" s="104">
        <v>59</v>
      </c>
      <c r="FL20" s="101">
        <v>0</v>
      </c>
      <c r="FM20" s="102">
        <v>4</v>
      </c>
      <c r="FN20" s="103">
        <v>4</v>
      </c>
      <c r="FO20" s="413">
        <v>0</v>
      </c>
      <c r="FP20" s="102">
        <v>11</v>
      </c>
      <c r="FQ20" s="102">
        <v>17</v>
      </c>
      <c r="FR20" s="102">
        <v>13</v>
      </c>
      <c r="FS20" s="102">
        <v>13</v>
      </c>
      <c r="FT20" s="102">
        <v>6</v>
      </c>
      <c r="FU20" s="103">
        <v>60</v>
      </c>
      <c r="FV20" s="104">
        <v>64</v>
      </c>
      <c r="FW20" s="101">
        <v>0</v>
      </c>
      <c r="FX20" s="102">
        <v>0</v>
      </c>
      <c r="FY20" s="103">
        <v>0</v>
      </c>
      <c r="FZ20" s="413">
        <v>0</v>
      </c>
      <c r="GA20" s="102">
        <v>0</v>
      </c>
      <c r="GB20" s="102">
        <v>0</v>
      </c>
      <c r="GC20" s="102">
        <v>0</v>
      </c>
      <c r="GD20" s="102">
        <v>0</v>
      </c>
      <c r="GE20" s="102">
        <v>0</v>
      </c>
      <c r="GF20" s="103">
        <v>0</v>
      </c>
      <c r="GG20" s="104">
        <v>0</v>
      </c>
      <c r="GH20" s="101">
        <v>16</v>
      </c>
      <c r="GI20" s="102">
        <v>25</v>
      </c>
      <c r="GJ20" s="103">
        <v>41</v>
      </c>
      <c r="GK20" s="413">
        <v>0</v>
      </c>
      <c r="GL20" s="102">
        <v>41</v>
      </c>
      <c r="GM20" s="102">
        <v>43</v>
      </c>
      <c r="GN20" s="102">
        <v>30</v>
      </c>
      <c r="GO20" s="102">
        <v>27</v>
      </c>
      <c r="GP20" s="102">
        <v>23</v>
      </c>
      <c r="GQ20" s="103">
        <v>164</v>
      </c>
      <c r="GR20" s="104">
        <v>205</v>
      </c>
      <c r="GS20" s="105">
        <v>82</v>
      </c>
      <c r="GT20" s="97">
        <v>87</v>
      </c>
      <c r="GU20" s="98">
        <v>169</v>
      </c>
      <c r="GV20" s="413">
        <v>0</v>
      </c>
      <c r="GW20" s="97">
        <v>114</v>
      </c>
      <c r="GX20" s="97">
        <v>134</v>
      </c>
      <c r="GY20" s="97">
        <v>93</v>
      </c>
      <c r="GZ20" s="97">
        <v>73</v>
      </c>
      <c r="HA20" s="97">
        <v>39</v>
      </c>
      <c r="HB20" s="99">
        <v>453</v>
      </c>
      <c r="HC20" s="100">
        <v>622</v>
      </c>
      <c r="HD20" s="101">
        <v>5</v>
      </c>
      <c r="HE20" s="102">
        <v>1</v>
      </c>
      <c r="HF20" s="103">
        <v>6</v>
      </c>
      <c r="HG20" s="413">
        <v>0</v>
      </c>
      <c r="HH20" s="102">
        <v>6</v>
      </c>
      <c r="HI20" s="102">
        <v>4</v>
      </c>
      <c r="HJ20" s="102">
        <v>2</v>
      </c>
      <c r="HK20" s="102">
        <v>4</v>
      </c>
      <c r="HL20" s="102">
        <v>1</v>
      </c>
      <c r="HM20" s="103">
        <v>17</v>
      </c>
      <c r="HN20" s="104">
        <v>23</v>
      </c>
      <c r="HO20" s="101">
        <v>9</v>
      </c>
      <c r="HP20" s="102">
        <v>8</v>
      </c>
      <c r="HQ20" s="103">
        <v>17</v>
      </c>
      <c r="HR20" s="413">
        <v>0</v>
      </c>
      <c r="HS20" s="102">
        <v>6</v>
      </c>
      <c r="HT20" s="102">
        <v>15</v>
      </c>
      <c r="HU20" s="102">
        <v>4</v>
      </c>
      <c r="HV20" s="102">
        <v>8</v>
      </c>
      <c r="HW20" s="102">
        <v>2</v>
      </c>
      <c r="HX20" s="103">
        <v>35</v>
      </c>
      <c r="HY20" s="104">
        <v>52</v>
      </c>
      <c r="HZ20" s="101">
        <v>13</v>
      </c>
      <c r="IA20" s="102">
        <v>8</v>
      </c>
      <c r="IB20" s="103">
        <v>21</v>
      </c>
      <c r="IC20" s="413">
        <v>0</v>
      </c>
      <c r="ID20" s="102">
        <v>15</v>
      </c>
      <c r="IE20" s="102">
        <v>16</v>
      </c>
      <c r="IF20" s="102">
        <v>15</v>
      </c>
      <c r="IG20" s="102">
        <v>8</v>
      </c>
      <c r="IH20" s="102">
        <v>4</v>
      </c>
      <c r="II20" s="103">
        <v>58</v>
      </c>
      <c r="IJ20" s="104">
        <v>79</v>
      </c>
      <c r="IK20" s="101">
        <v>15</v>
      </c>
      <c r="IL20" s="102">
        <v>17</v>
      </c>
      <c r="IM20" s="103">
        <v>32</v>
      </c>
      <c r="IN20" s="413">
        <v>0</v>
      </c>
      <c r="IO20" s="102">
        <v>28</v>
      </c>
      <c r="IP20" s="102">
        <v>31</v>
      </c>
      <c r="IQ20" s="102">
        <v>18</v>
      </c>
      <c r="IR20" s="102">
        <v>14</v>
      </c>
      <c r="IS20" s="102">
        <v>13</v>
      </c>
      <c r="IT20" s="103">
        <v>104</v>
      </c>
      <c r="IU20" s="104">
        <v>136</v>
      </c>
      <c r="IV20" s="101">
        <v>31</v>
      </c>
      <c r="IW20" s="102">
        <v>34</v>
      </c>
      <c r="IX20" s="103">
        <v>65</v>
      </c>
      <c r="IY20" s="413">
        <v>0</v>
      </c>
      <c r="IZ20" s="102">
        <v>34</v>
      </c>
      <c r="JA20" s="102">
        <v>30</v>
      </c>
      <c r="JB20" s="102">
        <v>21</v>
      </c>
      <c r="JC20" s="102">
        <v>15</v>
      </c>
      <c r="JD20" s="102">
        <v>11</v>
      </c>
      <c r="JE20" s="103">
        <v>111</v>
      </c>
      <c r="JF20" s="104">
        <v>176</v>
      </c>
      <c r="JG20" s="101">
        <v>9</v>
      </c>
      <c r="JH20" s="102">
        <v>19</v>
      </c>
      <c r="JI20" s="103">
        <v>28</v>
      </c>
      <c r="JJ20" s="413">
        <v>0</v>
      </c>
      <c r="JK20" s="102">
        <v>25</v>
      </c>
      <c r="JL20" s="102">
        <v>38</v>
      </c>
      <c r="JM20" s="102">
        <v>33</v>
      </c>
      <c r="JN20" s="102">
        <v>24</v>
      </c>
      <c r="JO20" s="102">
        <v>8</v>
      </c>
      <c r="JP20" s="103">
        <v>128</v>
      </c>
      <c r="JQ20" s="104">
        <v>156</v>
      </c>
      <c r="JR20" s="101">
        <v>0</v>
      </c>
      <c r="JS20" s="102">
        <v>0</v>
      </c>
      <c r="JT20" s="103">
        <v>0</v>
      </c>
      <c r="JU20" s="413">
        <v>0</v>
      </c>
      <c r="JV20" s="102">
        <v>0</v>
      </c>
      <c r="JW20" s="102">
        <v>0</v>
      </c>
      <c r="JX20" s="102">
        <v>0</v>
      </c>
      <c r="JY20" s="102">
        <v>0</v>
      </c>
      <c r="JZ20" s="102">
        <v>0</v>
      </c>
      <c r="KA20" s="103">
        <v>0</v>
      </c>
      <c r="KB20" s="104">
        <v>0</v>
      </c>
      <c r="KC20" s="101">
        <v>82</v>
      </c>
      <c r="KD20" s="102">
        <v>87</v>
      </c>
      <c r="KE20" s="103">
        <v>169</v>
      </c>
      <c r="KF20" s="413">
        <v>0</v>
      </c>
      <c r="KG20" s="102">
        <v>114</v>
      </c>
      <c r="KH20" s="102">
        <v>134</v>
      </c>
      <c r="KI20" s="102">
        <v>93</v>
      </c>
      <c r="KJ20" s="102">
        <v>73</v>
      </c>
      <c r="KK20" s="102">
        <v>39</v>
      </c>
      <c r="KL20" s="103">
        <v>453</v>
      </c>
      <c r="KM20" s="104">
        <v>622</v>
      </c>
    </row>
    <row r="21" spans="2:299" s="70" customFormat="1" ht="21" customHeight="1" x14ac:dyDescent="0.2">
      <c r="B21" s="106" t="s">
        <v>18</v>
      </c>
      <c r="C21" s="96">
        <v>68</v>
      </c>
      <c r="D21" s="97">
        <v>66</v>
      </c>
      <c r="E21" s="98">
        <v>134</v>
      </c>
      <c r="F21" s="413">
        <v>0</v>
      </c>
      <c r="G21" s="97">
        <v>138</v>
      </c>
      <c r="H21" s="97">
        <v>95</v>
      </c>
      <c r="I21" s="97">
        <v>71</v>
      </c>
      <c r="J21" s="97">
        <v>39</v>
      </c>
      <c r="K21" s="97">
        <v>37</v>
      </c>
      <c r="L21" s="99">
        <v>380</v>
      </c>
      <c r="M21" s="100">
        <v>514</v>
      </c>
      <c r="N21" s="101">
        <v>6</v>
      </c>
      <c r="O21" s="102">
        <v>1</v>
      </c>
      <c r="P21" s="103">
        <v>7</v>
      </c>
      <c r="Q21" s="413">
        <v>0</v>
      </c>
      <c r="R21" s="102">
        <v>8</v>
      </c>
      <c r="S21" s="102">
        <v>4</v>
      </c>
      <c r="T21" s="102">
        <v>7</v>
      </c>
      <c r="U21" s="102">
        <v>1</v>
      </c>
      <c r="V21" s="102">
        <v>4</v>
      </c>
      <c r="W21" s="103">
        <v>24</v>
      </c>
      <c r="X21" s="104">
        <v>31</v>
      </c>
      <c r="Y21" s="101">
        <v>5</v>
      </c>
      <c r="Z21" s="102">
        <v>6</v>
      </c>
      <c r="AA21" s="103">
        <v>11</v>
      </c>
      <c r="AB21" s="413">
        <v>0</v>
      </c>
      <c r="AC21" s="102">
        <v>10</v>
      </c>
      <c r="AD21" s="102">
        <v>6</v>
      </c>
      <c r="AE21" s="102">
        <v>5</v>
      </c>
      <c r="AF21" s="102">
        <v>3</v>
      </c>
      <c r="AG21" s="102">
        <v>4</v>
      </c>
      <c r="AH21" s="103">
        <v>28</v>
      </c>
      <c r="AI21" s="104">
        <v>39</v>
      </c>
      <c r="AJ21" s="101">
        <v>10</v>
      </c>
      <c r="AK21" s="102">
        <v>9</v>
      </c>
      <c r="AL21" s="103">
        <v>19</v>
      </c>
      <c r="AM21" s="413">
        <v>0</v>
      </c>
      <c r="AN21" s="102">
        <v>17</v>
      </c>
      <c r="AO21" s="102">
        <v>10</v>
      </c>
      <c r="AP21" s="102">
        <v>7</v>
      </c>
      <c r="AQ21" s="102">
        <v>4</v>
      </c>
      <c r="AR21" s="102">
        <v>7</v>
      </c>
      <c r="AS21" s="103">
        <v>45</v>
      </c>
      <c r="AT21" s="104">
        <v>64</v>
      </c>
      <c r="AU21" s="101">
        <v>15</v>
      </c>
      <c r="AV21" s="102">
        <v>15</v>
      </c>
      <c r="AW21" s="103">
        <v>30</v>
      </c>
      <c r="AX21" s="413">
        <v>0</v>
      </c>
      <c r="AY21" s="102">
        <v>41</v>
      </c>
      <c r="AZ21" s="102">
        <v>25</v>
      </c>
      <c r="BA21" s="102">
        <v>17</v>
      </c>
      <c r="BB21" s="102">
        <v>11</v>
      </c>
      <c r="BC21" s="102">
        <v>10</v>
      </c>
      <c r="BD21" s="103">
        <v>104</v>
      </c>
      <c r="BE21" s="104">
        <v>134</v>
      </c>
      <c r="BF21" s="101">
        <v>19</v>
      </c>
      <c r="BG21" s="102">
        <v>24</v>
      </c>
      <c r="BH21" s="103">
        <v>43</v>
      </c>
      <c r="BI21" s="413">
        <v>0</v>
      </c>
      <c r="BJ21" s="102">
        <v>38</v>
      </c>
      <c r="BK21" s="102">
        <v>23</v>
      </c>
      <c r="BL21" s="102">
        <v>19</v>
      </c>
      <c r="BM21" s="102">
        <v>13</v>
      </c>
      <c r="BN21" s="102">
        <v>7</v>
      </c>
      <c r="BO21" s="103">
        <v>100</v>
      </c>
      <c r="BP21" s="104">
        <v>143</v>
      </c>
      <c r="BQ21" s="101">
        <v>13</v>
      </c>
      <c r="BR21" s="102">
        <v>11</v>
      </c>
      <c r="BS21" s="103">
        <v>24</v>
      </c>
      <c r="BT21" s="413">
        <v>0</v>
      </c>
      <c r="BU21" s="102">
        <v>24</v>
      </c>
      <c r="BV21" s="102">
        <v>27</v>
      </c>
      <c r="BW21" s="102">
        <v>16</v>
      </c>
      <c r="BX21" s="102">
        <v>7</v>
      </c>
      <c r="BY21" s="102">
        <v>5</v>
      </c>
      <c r="BZ21" s="103">
        <v>79</v>
      </c>
      <c r="CA21" s="104">
        <v>103</v>
      </c>
      <c r="CB21" s="101">
        <v>0</v>
      </c>
      <c r="CC21" s="102">
        <v>0</v>
      </c>
      <c r="CD21" s="103">
        <v>0</v>
      </c>
      <c r="CE21" s="413">
        <v>0</v>
      </c>
      <c r="CF21" s="102">
        <v>0</v>
      </c>
      <c r="CG21" s="102">
        <v>0</v>
      </c>
      <c r="CH21" s="102">
        <v>0</v>
      </c>
      <c r="CI21" s="102">
        <v>0</v>
      </c>
      <c r="CJ21" s="102">
        <v>0</v>
      </c>
      <c r="CK21" s="103">
        <v>0</v>
      </c>
      <c r="CL21" s="104">
        <v>0</v>
      </c>
      <c r="CM21" s="101">
        <v>68</v>
      </c>
      <c r="CN21" s="102">
        <v>66</v>
      </c>
      <c r="CO21" s="103">
        <v>134</v>
      </c>
      <c r="CP21" s="413">
        <v>0</v>
      </c>
      <c r="CQ21" s="102">
        <v>138</v>
      </c>
      <c r="CR21" s="102">
        <v>95</v>
      </c>
      <c r="CS21" s="102">
        <v>71</v>
      </c>
      <c r="CT21" s="102">
        <v>39</v>
      </c>
      <c r="CU21" s="102">
        <v>37</v>
      </c>
      <c r="CV21" s="103">
        <v>380</v>
      </c>
      <c r="CW21" s="104">
        <v>514</v>
      </c>
      <c r="CX21" s="105">
        <v>20</v>
      </c>
      <c r="CY21" s="97">
        <v>33</v>
      </c>
      <c r="CZ21" s="98">
        <v>53</v>
      </c>
      <c r="DA21" s="413">
        <v>0</v>
      </c>
      <c r="DB21" s="97">
        <v>45</v>
      </c>
      <c r="DC21" s="97">
        <v>35</v>
      </c>
      <c r="DD21" s="97">
        <v>37</v>
      </c>
      <c r="DE21" s="97">
        <v>28</v>
      </c>
      <c r="DF21" s="97">
        <v>23</v>
      </c>
      <c r="DG21" s="99">
        <v>168</v>
      </c>
      <c r="DH21" s="100">
        <v>221</v>
      </c>
      <c r="DI21" s="101">
        <v>0</v>
      </c>
      <c r="DJ21" s="102">
        <v>0</v>
      </c>
      <c r="DK21" s="103">
        <v>0</v>
      </c>
      <c r="DL21" s="413">
        <v>0</v>
      </c>
      <c r="DM21" s="102">
        <v>1</v>
      </c>
      <c r="DN21" s="102">
        <v>3</v>
      </c>
      <c r="DO21" s="102">
        <v>1</v>
      </c>
      <c r="DP21" s="102">
        <v>1</v>
      </c>
      <c r="DQ21" s="102">
        <v>1</v>
      </c>
      <c r="DR21" s="103">
        <v>7</v>
      </c>
      <c r="DS21" s="104">
        <v>7</v>
      </c>
      <c r="DT21" s="101">
        <v>2</v>
      </c>
      <c r="DU21" s="102">
        <v>4</v>
      </c>
      <c r="DV21" s="103">
        <v>6</v>
      </c>
      <c r="DW21" s="413">
        <v>0</v>
      </c>
      <c r="DX21" s="102">
        <v>2</v>
      </c>
      <c r="DY21" s="102">
        <v>2</v>
      </c>
      <c r="DZ21" s="102">
        <v>0</v>
      </c>
      <c r="EA21" s="102">
        <v>5</v>
      </c>
      <c r="EB21" s="102">
        <v>0</v>
      </c>
      <c r="EC21" s="103">
        <v>9</v>
      </c>
      <c r="ED21" s="104">
        <v>15</v>
      </c>
      <c r="EE21" s="101">
        <v>1</v>
      </c>
      <c r="EF21" s="102">
        <v>11</v>
      </c>
      <c r="EG21" s="103">
        <v>12</v>
      </c>
      <c r="EH21" s="413">
        <v>0</v>
      </c>
      <c r="EI21" s="102">
        <v>7</v>
      </c>
      <c r="EJ21" s="102">
        <v>4</v>
      </c>
      <c r="EK21" s="102">
        <v>4</v>
      </c>
      <c r="EL21" s="102">
        <v>2</v>
      </c>
      <c r="EM21" s="102">
        <v>2</v>
      </c>
      <c r="EN21" s="103">
        <v>19</v>
      </c>
      <c r="EO21" s="104">
        <v>31</v>
      </c>
      <c r="EP21" s="101">
        <v>9</v>
      </c>
      <c r="EQ21" s="102">
        <v>5</v>
      </c>
      <c r="ER21" s="103">
        <v>14</v>
      </c>
      <c r="ES21" s="413">
        <v>0</v>
      </c>
      <c r="ET21" s="102">
        <v>8</v>
      </c>
      <c r="EU21" s="102">
        <v>4</v>
      </c>
      <c r="EV21" s="102">
        <v>5</v>
      </c>
      <c r="EW21" s="102">
        <v>4</v>
      </c>
      <c r="EX21" s="102">
        <v>3</v>
      </c>
      <c r="EY21" s="103">
        <v>24</v>
      </c>
      <c r="EZ21" s="104">
        <v>38</v>
      </c>
      <c r="FA21" s="101">
        <v>7</v>
      </c>
      <c r="FB21" s="102">
        <v>10</v>
      </c>
      <c r="FC21" s="103">
        <v>17</v>
      </c>
      <c r="FD21" s="413">
        <v>0</v>
      </c>
      <c r="FE21" s="102">
        <v>12</v>
      </c>
      <c r="FF21" s="102">
        <v>12</v>
      </c>
      <c r="FG21" s="102">
        <v>12</v>
      </c>
      <c r="FH21" s="102">
        <v>11</v>
      </c>
      <c r="FI21" s="102">
        <v>6</v>
      </c>
      <c r="FJ21" s="103">
        <v>53</v>
      </c>
      <c r="FK21" s="104">
        <v>70</v>
      </c>
      <c r="FL21" s="101">
        <v>1</v>
      </c>
      <c r="FM21" s="102">
        <v>3</v>
      </c>
      <c r="FN21" s="103">
        <v>4</v>
      </c>
      <c r="FO21" s="413">
        <v>0</v>
      </c>
      <c r="FP21" s="102">
        <v>15</v>
      </c>
      <c r="FQ21" s="102">
        <v>10</v>
      </c>
      <c r="FR21" s="102">
        <v>15</v>
      </c>
      <c r="FS21" s="102">
        <v>5</v>
      </c>
      <c r="FT21" s="102">
        <v>11</v>
      </c>
      <c r="FU21" s="103">
        <v>56</v>
      </c>
      <c r="FV21" s="104">
        <v>60</v>
      </c>
      <c r="FW21" s="101">
        <v>0</v>
      </c>
      <c r="FX21" s="102">
        <v>0</v>
      </c>
      <c r="FY21" s="103">
        <v>0</v>
      </c>
      <c r="FZ21" s="413">
        <v>0</v>
      </c>
      <c r="GA21" s="102">
        <v>0</v>
      </c>
      <c r="GB21" s="102">
        <v>0</v>
      </c>
      <c r="GC21" s="102">
        <v>0</v>
      </c>
      <c r="GD21" s="102">
        <v>0</v>
      </c>
      <c r="GE21" s="102">
        <v>0</v>
      </c>
      <c r="GF21" s="103">
        <v>0</v>
      </c>
      <c r="GG21" s="104">
        <v>0</v>
      </c>
      <c r="GH21" s="101">
        <v>20</v>
      </c>
      <c r="GI21" s="102">
        <v>33</v>
      </c>
      <c r="GJ21" s="103">
        <v>53</v>
      </c>
      <c r="GK21" s="413">
        <v>0</v>
      </c>
      <c r="GL21" s="102">
        <v>45</v>
      </c>
      <c r="GM21" s="102">
        <v>35</v>
      </c>
      <c r="GN21" s="102">
        <v>37</v>
      </c>
      <c r="GO21" s="102">
        <v>28</v>
      </c>
      <c r="GP21" s="102">
        <v>23</v>
      </c>
      <c r="GQ21" s="103">
        <v>168</v>
      </c>
      <c r="GR21" s="104">
        <v>221</v>
      </c>
      <c r="GS21" s="105">
        <v>88</v>
      </c>
      <c r="GT21" s="97">
        <v>99</v>
      </c>
      <c r="GU21" s="98">
        <v>187</v>
      </c>
      <c r="GV21" s="413">
        <v>0</v>
      </c>
      <c r="GW21" s="97">
        <v>183</v>
      </c>
      <c r="GX21" s="97">
        <v>130</v>
      </c>
      <c r="GY21" s="97">
        <v>108</v>
      </c>
      <c r="GZ21" s="97">
        <v>67</v>
      </c>
      <c r="HA21" s="97">
        <v>60</v>
      </c>
      <c r="HB21" s="99">
        <v>548</v>
      </c>
      <c r="HC21" s="100">
        <v>735</v>
      </c>
      <c r="HD21" s="101">
        <v>6</v>
      </c>
      <c r="HE21" s="102">
        <v>1</v>
      </c>
      <c r="HF21" s="103">
        <v>7</v>
      </c>
      <c r="HG21" s="413">
        <v>0</v>
      </c>
      <c r="HH21" s="102">
        <v>9</v>
      </c>
      <c r="HI21" s="102">
        <v>7</v>
      </c>
      <c r="HJ21" s="102">
        <v>8</v>
      </c>
      <c r="HK21" s="102">
        <v>2</v>
      </c>
      <c r="HL21" s="102">
        <v>5</v>
      </c>
      <c r="HM21" s="103">
        <v>31</v>
      </c>
      <c r="HN21" s="104">
        <v>38</v>
      </c>
      <c r="HO21" s="101">
        <v>7</v>
      </c>
      <c r="HP21" s="102">
        <v>10</v>
      </c>
      <c r="HQ21" s="103">
        <v>17</v>
      </c>
      <c r="HR21" s="413">
        <v>0</v>
      </c>
      <c r="HS21" s="102">
        <v>12</v>
      </c>
      <c r="HT21" s="102">
        <v>8</v>
      </c>
      <c r="HU21" s="102">
        <v>5</v>
      </c>
      <c r="HV21" s="102">
        <v>8</v>
      </c>
      <c r="HW21" s="102">
        <v>4</v>
      </c>
      <c r="HX21" s="103">
        <v>37</v>
      </c>
      <c r="HY21" s="104">
        <v>54</v>
      </c>
      <c r="HZ21" s="101">
        <v>11</v>
      </c>
      <c r="IA21" s="102">
        <v>20</v>
      </c>
      <c r="IB21" s="103">
        <v>31</v>
      </c>
      <c r="IC21" s="413">
        <v>0</v>
      </c>
      <c r="ID21" s="102">
        <v>24</v>
      </c>
      <c r="IE21" s="102">
        <v>14</v>
      </c>
      <c r="IF21" s="102">
        <v>11</v>
      </c>
      <c r="IG21" s="102">
        <v>6</v>
      </c>
      <c r="IH21" s="102">
        <v>9</v>
      </c>
      <c r="II21" s="103">
        <v>64</v>
      </c>
      <c r="IJ21" s="104">
        <v>95</v>
      </c>
      <c r="IK21" s="101">
        <v>24</v>
      </c>
      <c r="IL21" s="102">
        <v>20</v>
      </c>
      <c r="IM21" s="103">
        <v>44</v>
      </c>
      <c r="IN21" s="413">
        <v>0</v>
      </c>
      <c r="IO21" s="102">
        <v>49</v>
      </c>
      <c r="IP21" s="102">
        <v>29</v>
      </c>
      <c r="IQ21" s="102">
        <v>22</v>
      </c>
      <c r="IR21" s="102">
        <v>15</v>
      </c>
      <c r="IS21" s="102">
        <v>13</v>
      </c>
      <c r="IT21" s="103">
        <v>128</v>
      </c>
      <c r="IU21" s="104">
        <v>172</v>
      </c>
      <c r="IV21" s="101">
        <v>26</v>
      </c>
      <c r="IW21" s="102">
        <v>34</v>
      </c>
      <c r="IX21" s="103">
        <v>60</v>
      </c>
      <c r="IY21" s="413">
        <v>0</v>
      </c>
      <c r="IZ21" s="102">
        <v>50</v>
      </c>
      <c r="JA21" s="102">
        <v>35</v>
      </c>
      <c r="JB21" s="102">
        <v>31</v>
      </c>
      <c r="JC21" s="102">
        <v>24</v>
      </c>
      <c r="JD21" s="102">
        <v>13</v>
      </c>
      <c r="JE21" s="103">
        <v>153</v>
      </c>
      <c r="JF21" s="104">
        <v>213</v>
      </c>
      <c r="JG21" s="101">
        <v>14</v>
      </c>
      <c r="JH21" s="102">
        <v>14</v>
      </c>
      <c r="JI21" s="103">
        <v>28</v>
      </c>
      <c r="JJ21" s="413">
        <v>0</v>
      </c>
      <c r="JK21" s="102">
        <v>39</v>
      </c>
      <c r="JL21" s="102">
        <v>37</v>
      </c>
      <c r="JM21" s="102">
        <v>31</v>
      </c>
      <c r="JN21" s="102">
        <v>12</v>
      </c>
      <c r="JO21" s="102">
        <v>16</v>
      </c>
      <c r="JP21" s="103">
        <v>135</v>
      </c>
      <c r="JQ21" s="104">
        <v>163</v>
      </c>
      <c r="JR21" s="101">
        <v>0</v>
      </c>
      <c r="JS21" s="102">
        <v>0</v>
      </c>
      <c r="JT21" s="103">
        <v>0</v>
      </c>
      <c r="JU21" s="413">
        <v>0</v>
      </c>
      <c r="JV21" s="102">
        <v>0</v>
      </c>
      <c r="JW21" s="102">
        <v>0</v>
      </c>
      <c r="JX21" s="102">
        <v>0</v>
      </c>
      <c r="JY21" s="102">
        <v>0</v>
      </c>
      <c r="JZ21" s="102">
        <v>0</v>
      </c>
      <c r="KA21" s="103">
        <v>0</v>
      </c>
      <c r="KB21" s="104">
        <v>0</v>
      </c>
      <c r="KC21" s="101">
        <v>88</v>
      </c>
      <c r="KD21" s="102">
        <v>99</v>
      </c>
      <c r="KE21" s="103">
        <v>187</v>
      </c>
      <c r="KF21" s="413">
        <v>0</v>
      </c>
      <c r="KG21" s="102">
        <v>183</v>
      </c>
      <c r="KH21" s="102">
        <v>130</v>
      </c>
      <c r="KI21" s="102">
        <v>108</v>
      </c>
      <c r="KJ21" s="102">
        <v>67</v>
      </c>
      <c r="KK21" s="102">
        <v>60</v>
      </c>
      <c r="KL21" s="103">
        <v>548</v>
      </c>
      <c r="KM21" s="104">
        <v>735</v>
      </c>
    </row>
    <row r="22" spans="2:299" s="70" customFormat="1" ht="21" customHeight="1" x14ac:dyDescent="0.2">
      <c r="B22" s="106" t="s">
        <v>19</v>
      </c>
      <c r="C22" s="96">
        <v>42</v>
      </c>
      <c r="D22" s="97">
        <v>24</v>
      </c>
      <c r="E22" s="98">
        <v>66</v>
      </c>
      <c r="F22" s="413">
        <v>0</v>
      </c>
      <c r="G22" s="97">
        <v>57</v>
      </c>
      <c r="H22" s="97">
        <v>42</v>
      </c>
      <c r="I22" s="97">
        <v>26</v>
      </c>
      <c r="J22" s="97">
        <v>16</v>
      </c>
      <c r="K22" s="97">
        <v>6</v>
      </c>
      <c r="L22" s="99">
        <v>147</v>
      </c>
      <c r="M22" s="100">
        <v>213</v>
      </c>
      <c r="N22" s="107">
        <v>0</v>
      </c>
      <c r="O22" s="102">
        <v>2</v>
      </c>
      <c r="P22" s="103">
        <v>2</v>
      </c>
      <c r="Q22" s="413">
        <v>0</v>
      </c>
      <c r="R22" s="102">
        <v>2</v>
      </c>
      <c r="S22" s="102">
        <v>0</v>
      </c>
      <c r="T22" s="102">
        <v>0</v>
      </c>
      <c r="U22" s="102">
        <v>1</v>
      </c>
      <c r="V22" s="102">
        <v>0</v>
      </c>
      <c r="W22" s="103">
        <v>3</v>
      </c>
      <c r="X22" s="104">
        <v>5</v>
      </c>
      <c r="Y22" s="101">
        <v>3</v>
      </c>
      <c r="Z22" s="102">
        <v>5</v>
      </c>
      <c r="AA22" s="103">
        <v>8</v>
      </c>
      <c r="AB22" s="413">
        <v>0</v>
      </c>
      <c r="AC22" s="102">
        <v>6</v>
      </c>
      <c r="AD22" s="102">
        <v>3</v>
      </c>
      <c r="AE22" s="102">
        <v>2</v>
      </c>
      <c r="AF22" s="102">
        <v>4</v>
      </c>
      <c r="AG22" s="102">
        <v>0</v>
      </c>
      <c r="AH22" s="103">
        <v>15</v>
      </c>
      <c r="AI22" s="104">
        <v>23</v>
      </c>
      <c r="AJ22" s="107">
        <v>4</v>
      </c>
      <c r="AK22" s="102">
        <v>3</v>
      </c>
      <c r="AL22" s="103">
        <v>7</v>
      </c>
      <c r="AM22" s="413">
        <v>0</v>
      </c>
      <c r="AN22" s="102">
        <v>8</v>
      </c>
      <c r="AO22" s="102">
        <v>5</v>
      </c>
      <c r="AP22" s="102">
        <v>5</v>
      </c>
      <c r="AQ22" s="102">
        <v>3</v>
      </c>
      <c r="AR22" s="102">
        <v>2</v>
      </c>
      <c r="AS22" s="103">
        <v>23</v>
      </c>
      <c r="AT22" s="104">
        <v>30</v>
      </c>
      <c r="AU22" s="101">
        <v>11</v>
      </c>
      <c r="AV22" s="102">
        <v>4</v>
      </c>
      <c r="AW22" s="103">
        <v>15</v>
      </c>
      <c r="AX22" s="413">
        <v>0</v>
      </c>
      <c r="AY22" s="102">
        <v>11</v>
      </c>
      <c r="AZ22" s="102">
        <v>9</v>
      </c>
      <c r="BA22" s="102">
        <v>4</v>
      </c>
      <c r="BB22" s="102">
        <v>3</v>
      </c>
      <c r="BC22" s="102">
        <v>1</v>
      </c>
      <c r="BD22" s="103">
        <v>28</v>
      </c>
      <c r="BE22" s="104">
        <v>43</v>
      </c>
      <c r="BF22" s="107">
        <v>13</v>
      </c>
      <c r="BG22" s="102">
        <v>3</v>
      </c>
      <c r="BH22" s="103">
        <v>16</v>
      </c>
      <c r="BI22" s="413">
        <v>0</v>
      </c>
      <c r="BJ22" s="102">
        <v>12</v>
      </c>
      <c r="BK22" s="102">
        <v>15</v>
      </c>
      <c r="BL22" s="102">
        <v>4</v>
      </c>
      <c r="BM22" s="102">
        <v>4</v>
      </c>
      <c r="BN22" s="102">
        <v>3</v>
      </c>
      <c r="BO22" s="103">
        <v>38</v>
      </c>
      <c r="BP22" s="104">
        <v>54</v>
      </c>
      <c r="BQ22" s="101">
        <v>11</v>
      </c>
      <c r="BR22" s="102">
        <v>7</v>
      </c>
      <c r="BS22" s="103">
        <v>18</v>
      </c>
      <c r="BT22" s="413">
        <v>0</v>
      </c>
      <c r="BU22" s="102">
        <v>18</v>
      </c>
      <c r="BV22" s="102">
        <v>10</v>
      </c>
      <c r="BW22" s="102">
        <v>11</v>
      </c>
      <c r="BX22" s="102">
        <v>1</v>
      </c>
      <c r="BY22" s="102">
        <v>0</v>
      </c>
      <c r="BZ22" s="103">
        <v>40</v>
      </c>
      <c r="CA22" s="104">
        <v>58</v>
      </c>
      <c r="CB22" s="101">
        <v>0</v>
      </c>
      <c r="CC22" s="102">
        <v>0</v>
      </c>
      <c r="CD22" s="103">
        <v>0</v>
      </c>
      <c r="CE22" s="413">
        <v>0</v>
      </c>
      <c r="CF22" s="102">
        <v>0</v>
      </c>
      <c r="CG22" s="102">
        <v>0</v>
      </c>
      <c r="CH22" s="102">
        <v>0</v>
      </c>
      <c r="CI22" s="102">
        <v>0</v>
      </c>
      <c r="CJ22" s="102">
        <v>0</v>
      </c>
      <c r="CK22" s="103">
        <v>0</v>
      </c>
      <c r="CL22" s="104">
        <v>0</v>
      </c>
      <c r="CM22" s="101">
        <v>42</v>
      </c>
      <c r="CN22" s="102">
        <v>24</v>
      </c>
      <c r="CO22" s="103">
        <v>66</v>
      </c>
      <c r="CP22" s="413">
        <v>0</v>
      </c>
      <c r="CQ22" s="102">
        <v>57</v>
      </c>
      <c r="CR22" s="102">
        <v>42</v>
      </c>
      <c r="CS22" s="102">
        <v>26</v>
      </c>
      <c r="CT22" s="102">
        <v>16</v>
      </c>
      <c r="CU22" s="102">
        <v>6</v>
      </c>
      <c r="CV22" s="103">
        <v>147</v>
      </c>
      <c r="CW22" s="104">
        <v>213</v>
      </c>
      <c r="CX22" s="105">
        <v>11</v>
      </c>
      <c r="CY22" s="97">
        <v>6</v>
      </c>
      <c r="CZ22" s="98">
        <v>17</v>
      </c>
      <c r="DA22" s="413">
        <v>0</v>
      </c>
      <c r="DB22" s="97">
        <v>19</v>
      </c>
      <c r="DC22" s="97">
        <v>11</v>
      </c>
      <c r="DD22" s="97">
        <v>10</v>
      </c>
      <c r="DE22" s="97">
        <v>4</v>
      </c>
      <c r="DF22" s="97">
        <v>4</v>
      </c>
      <c r="DG22" s="99">
        <v>48</v>
      </c>
      <c r="DH22" s="100">
        <v>65</v>
      </c>
      <c r="DI22" s="107">
        <v>1</v>
      </c>
      <c r="DJ22" s="102">
        <v>0</v>
      </c>
      <c r="DK22" s="103">
        <v>1</v>
      </c>
      <c r="DL22" s="413">
        <v>0</v>
      </c>
      <c r="DM22" s="102">
        <v>0</v>
      </c>
      <c r="DN22" s="102">
        <v>0</v>
      </c>
      <c r="DO22" s="102">
        <v>1</v>
      </c>
      <c r="DP22" s="102">
        <v>0</v>
      </c>
      <c r="DQ22" s="102">
        <v>0</v>
      </c>
      <c r="DR22" s="103">
        <v>1</v>
      </c>
      <c r="DS22" s="104">
        <v>2</v>
      </c>
      <c r="DT22" s="101">
        <v>0</v>
      </c>
      <c r="DU22" s="102">
        <v>0</v>
      </c>
      <c r="DV22" s="103">
        <v>0</v>
      </c>
      <c r="DW22" s="413">
        <v>0</v>
      </c>
      <c r="DX22" s="102">
        <v>1</v>
      </c>
      <c r="DY22" s="102">
        <v>1</v>
      </c>
      <c r="DZ22" s="102">
        <v>0</v>
      </c>
      <c r="EA22" s="102">
        <v>1</v>
      </c>
      <c r="EB22" s="102">
        <v>0</v>
      </c>
      <c r="EC22" s="103">
        <v>3</v>
      </c>
      <c r="ED22" s="104">
        <v>3</v>
      </c>
      <c r="EE22" s="107">
        <v>1</v>
      </c>
      <c r="EF22" s="102">
        <v>2</v>
      </c>
      <c r="EG22" s="103">
        <v>3</v>
      </c>
      <c r="EH22" s="413">
        <v>0</v>
      </c>
      <c r="EI22" s="102">
        <v>3</v>
      </c>
      <c r="EJ22" s="102">
        <v>1</v>
      </c>
      <c r="EK22" s="102">
        <v>1</v>
      </c>
      <c r="EL22" s="102">
        <v>2</v>
      </c>
      <c r="EM22" s="102">
        <v>0</v>
      </c>
      <c r="EN22" s="103">
        <v>7</v>
      </c>
      <c r="EO22" s="104">
        <v>10</v>
      </c>
      <c r="EP22" s="101">
        <v>5</v>
      </c>
      <c r="EQ22" s="102">
        <v>1</v>
      </c>
      <c r="ER22" s="103">
        <v>6</v>
      </c>
      <c r="ES22" s="413">
        <v>0</v>
      </c>
      <c r="ET22" s="102">
        <v>3</v>
      </c>
      <c r="EU22" s="102">
        <v>2</v>
      </c>
      <c r="EV22" s="102">
        <v>1</v>
      </c>
      <c r="EW22" s="102">
        <v>1</v>
      </c>
      <c r="EX22" s="102">
        <v>1</v>
      </c>
      <c r="EY22" s="103">
        <v>8</v>
      </c>
      <c r="EZ22" s="104">
        <v>14</v>
      </c>
      <c r="FA22" s="107">
        <v>2</v>
      </c>
      <c r="FB22" s="102">
        <v>2</v>
      </c>
      <c r="FC22" s="103">
        <v>4</v>
      </c>
      <c r="FD22" s="413">
        <v>0</v>
      </c>
      <c r="FE22" s="102">
        <v>6</v>
      </c>
      <c r="FF22" s="102">
        <v>1</v>
      </c>
      <c r="FG22" s="102">
        <v>3</v>
      </c>
      <c r="FH22" s="102">
        <v>0</v>
      </c>
      <c r="FI22" s="102">
        <v>1</v>
      </c>
      <c r="FJ22" s="103">
        <v>11</v>
      </c>
      <c r="FK22" s="104">
        <v>15</v>
      </c>
      <c r="FL22" s="101">
        <v>2</v>
      </c>
      <c r="FM22" s="102">
        <v>1</v>
      </c>
      <c r="FN22" s="103">
        <v>3</v>
      </c>
      <c r="FO22" s="413">
        <v>0</v>
      </c>
      <c r="FP22" s="102">
        <v>6</v>
      </c>
      <c r="FQ22" s="102">
        <v>6</v>
      </c>
      <c r="FR22" s="102">
        <v>4</v>
      </c>
      <c r="FS22" s="102">
        <v>0</v>
      </c>
      <c r="FT22" s="102">
        <v>2</v>
      </c>
      <c r="FU22" s="103">
        <v>18</v>
      </c>
      <c r="FV22" s="104">
        <v>21</v>
      </c>
      <c r="FW22" s="101">
        <v>0</v>
      </c>
      <c r="FX22" s="102">
        <v>0</v>
      </c>
      <c r="FY22" s="103">
        <v>0</v>
      </c>
      <c r="FZ22" s="413">
        <v>0</v>
      </c>
      <c r="GA22" s="102">
        <v>0</v>
      </c>
      <c r="GB22" s="102">
        <v>0</v>
      </c>
      <c r="GC22" s="102">
        <v>0</v>
      </c>
      <c r="GD22" s="102">
        <v>0</v>
      </c>
      <c r="GE22" s="102">
        <v>0</v>
      </c>
      <c r="GF22" s="103">
        <v>0</v>
      </c>
      <c r="GG22" s="104">
        <v>0</v>
      </c>
      <c r="GH22" s="101">
        <v>11</v>
      </c>
      <c r="GI22" s="102">
        <v>6</v>
      </c>
      <c r="GJ22" s="103">
        <v>17</v>
      </c>
      <c r="GK22" s="413">
        <v>0</v>
      </c>
      <c r="GL22" s="102">
        <v>19</v>
      </c>
      <c r="GM22" s="102">
        <v>11</v>
      </c>
      <c r="GN22" s="102">
        <v>10</v>
      </c>
      <c r="GO22" s="102">
        <v>4</v>
      </c>
      <c r="GP22" s="102">
        <v>4</v>
      </c>
      <c r="GQ22" s="103">
        <v>48</v>
      </c>
      <c r="GR22" s="104">
        <v>65</v>
      </c>
      <c r="GS22" s="105">
        <v>53</v>
      </c>
      <c r="GT22" s="97">
        <v>30</v>
      </c>
      <c r="GU22" s="98">
        <v>83</v>
      </c>
      <c r="GV22" s="413">
        <v>0</v>
      </c>
      <c r="GW22" s="97">
        <v>76</v>
      </c>
      <c r="GX22" s="97">
        <v>53</v>
      </c>
      <c r="GY22" s="97">
        <v>36</v>
      </c>
      <c r="GZ22" s="97">
        <v>20</v>
      </c>
      <c r="HA22" s="97">
        <v>10</v>
      </c>
      <c r="HB22" s="99">
        <v>195</v>
      </c>
      <c r="HC22" s="100">
        <v>278</v>
      </c>
      <c r="HD22" s="107">
        <v>1</v>
      </c>
      <c r="HE22" s="102">
        <v>2</v>
      </c>
      <c r="HF22" s="103">
        <v>3</v>
      </c>
      <c r="HG22" s="413">
        <v>0</v>
      </c>
      <c r="HH22" s="102">
        <v>2</v>
      </c>
      <c r="HI22" s="102">
        <v>0</v>
      </c>
      <c r="HJ22" s="102">
        <v>1</v>
      </c>
      <c r="HK22" s="102">
        <v>1</v>
      </c>
      <c r="HL22" s="102">
        <v>0</v>
      </c>
      <c r="HM22" s="103">
        <v>4</v>
      </c>
      <c r="HN22" s="104">
        <v>7</v>
      </c>
      <c r="HO22" s="101">
        <v>3</v>
      </c>
      <c r="HP22" s="102">
        <v>5</v>
      </c>
      <c r="HQ22" s="103">
        <v>8</v>
      </c>
      <c r="HR22" s="413">
        <v>0</v>
      </c>
      <c r="HS22" s="102">
        <v>7</v>
      </c>
      <c r="HT22" s="102">
        <v>4</v>
      </c>
      <c r="HU22" s="102">
        <v>2</v>
      </c>
      <c r="HV22" s="102">
        <v>5</v>
      </c>
      <c r="HW22" s="102">
        <v>0</v>
      </c>
      <c r="HX22" s="103">
        <v>18</v>
      </c>
      <c r="HY22" s="104">
        <v>26</v>
      </c>
      <c r="HZ22" s="107">
        <v>5</v>
      </c>
      <c r="IA22" s="102">
        <v>5</v>
      </c>
      <c r="IB22" s="103">
        <v>10</v>
      </c>
      <c r="IC22" s="413">
        <v>0</v>
      </c>
      <c r="ID22" s="102">
        <v>11</v>
      </c>
      <c r="IE22" s="102">
        <v>6</v>
      </c>
      <c r="IF22" s="102">
        <v>6</v>
      </c>
      <c r="IG22" s="102">
        <v>5</v>
      </c>
      <c r="IH22" s="102">
        <v>2</v>
      </c>
      <c r="II22" s="103">
        <v>30</v>
      </c>
      <c r="IJ22" s="104">
        <v>40</v>
      </c>
      <c r="IK22" s="101">
        <v>16</v>
      </c>
      <c r="IL22" s="102">
        <v>5</v>
      </c>
      <c r="IM22" s="103">
        <v>21</v>
      </c>
      <c r="IN22" s="413">
        <v>0</v>
      </c>
      <c r="IO22" s="102">
        <v>14</v>
      </c>
      <c r="IP22" s="102">
        <v>11</v>
      </c>
      <c r="IQ22" s="102">
        <v>5</v>
      </c>
      <c r="IR22" s="102">
        <v>4</v>
      </c>
      <c r="IS22" s="102">
        <v>2</v>
      </c>
      <c r="IT22" s="103">
        <v>36</v>
      </c>
      <c r="IU22" s="104">
        <v>57</v>
      </c>
      <c r="IV22" s="107">
        <v>15</v>
      </c>
      <c r="IW22" s="102">
        <v>5</v>
      </c>
      <c r="IX22" s="103">
        <v>20</v>
      </c>
      <c r="IY22" s="413">
        <v>0</v>
      </c>
      <c r="IZ22" s="102">
        <v>18</v>
      </c>
      <c r="JA22" s="102">
        <v>16</v>
      </c>
      <c r="JB22" s="102">
        <v>7</v>
      </c>
      <c r="JC22" s="102">
        <v>4</v>
      </c>
      <c r="JD22" s="102">
        <v>4</v>
      </c>
      <c r="JE22" s="103">
        <v>49</v>
      </c>
      <c r="JF22" s="104">
        <v>69</v>
      </c>
      <c r="JG22" s="101">
        <v>13</v>
      </c>
      <c r="JH22" s="102">
        <v>8</v>
      </c>
      <c r="JI22" s="103">
        <v>21</v>
      </c>
      <c r="JJ22" s="413">
        <v>0</v>
      </c>
      <c r="JK22" s="102">
        <v>24</v>
      </c>
      <c r="JL22" s="102">
        <v>16</v>
      </c>
      <c r="JM22" s="102">
        <v>15</v>
      </c>
      <c r="JN22" s="102">
        <v>1</v>
      </c>
      <c r="JO22" s="102">
        <v>2</v>
      </c>
      <c r="JP22" s="103">
        <v>58</v>
      </c>
      <c r="JQ22" s="104">
        <v>79</v>
      </c>
      <c r="JR22" s="101">
        <v>0</v>
      </c>
      <c r="JS22" s="102">
        <v>0</v>
      </c>
      <c r="JT22" s="103">
        <v>0</v>
      </c>
      <c r="JU22" s="413">
        <v>0</v>
      </c>
      <c r="JV22" s="102">
        <v>0</v>
      </c>
      <c r="JW22" s="102">
        <v>0</v>
      </c>
      <c r="JX22" s="102">
        <v>0</v>
      </c>
      <c r="JY22" s="102">
        <v>0</v>
      </c>
      <c r="JZ22" s="102">
        <v>0</v>
      </c>
      <c r="KA22" s="103">
        <v>0</v>
      </c>
      <c r="KB22" s="104">
        <v>0</v>
      </c>
      <c r="KC22" s="101">
        <v>53</v>
      </c>
      <c r="KD22" s="102">
        <v>30</v>
      </c>
      <c r="KE22" s="103">
        <v>83</v>
      </c>
      <c r="KF22" s="413">
        <v>0</v>
      </c>
      <c r="KG22" s="102">
        <v>76</v>
      </c>
      <c r="KH22" s="102">
        <v>53</v>
      </c>
      <c r="KI22" s="102">
        <v>36</v>
      </c>
      <c r="KJ22" s="102">
        <v>20</v>
      </c>
      <c r="KK22" s="102">
        <v>10</v>
      </c>
      <c r="KL22" s="103">
        <v>195</v>
      </c>
      <c r="KM22" s="104">
        <v>278</v>
      </c>
    </row>
    <row r="23" spans="2:299" s="70" customFormat="1" ht="21" customHeight="1" x14ac:dyDescent="0.2">
      <c r="B23" s="106" t="s">
        <v>20</v>
      </c>
      <c r="C23" s="96">
        <v>37</v>
      </c>
      <c r="D23" s="97">
        <v>46</v>
      </c>
      <c r="E23" s="98">
        <v>83</v>
      </c>
      <c r="F23" s="413">
        <v>0</v>
      </c>
      <c r="G23" s="97">
        <v>81</v>
      </c>
      <c r="H23" s="97">
        <v>55</v>
      </c>
      <c r="I23" s="97">
        <v>30</v>
      </c>
      <c r="J23" s="97">
        <v>28</v>
      </c>
      <c r="K23" s="97">
        <v>18</v>
      </c>
      <c r="L23" s="99">
        <v>212</v>
      </c>
      <c r="M23" s="100">
        <v>295</v>
      </c>
      <c r="N23" s="101">
        <v>0</v>
      </c>
      <c r="O23" s="102">
        <v>1</v>
      </c>
      <c r="P23" s="103">
        <v>1</v>
      </c>
      <c r="Q23" s="413">
        <v>0</v>
      </c>
      <c r="R23" s="102">
        <v>1</v>
      </c>
      <c r="S23" s="102">
        <v>0</v>
      </c>
      <c r="T23" s="102">
        <v>0</v>
      </c>
      <c r="U23" s="102">
        <v>0</v>
      </c>
      <c r="V23" s="102">
        <v>0</v>
      </c>
      <c r="W23" s="103">
        <v>1</v>
      </c>
      <c r="X23" s="104">
        <v>2</v>
      </c>
      <c r="Y23" s="101">
        <v>5</v>
      </c>
      <c r="Z23" s="102">
        <v>2</v>
      </c>
      <c r="AA23" s="103">
        <v>7</v>
      </c>
      <c r="AB23" s="413">
        <v>0</v>
      </c>
      <c r="AC23" s="102">
        <v>10</v>
      </c>
      <c r="AD23" s="102">
        <v>9</v>
      </c>
      <c r="AE23" s="102">
        <v>3</v>
      </c>
      <c r="AF23" s="102">
        <v>2</v>
      </c>
      <c r="AG23" s="102">
        <v>1</v>
      </c>
      <c r="AH23" s="103">
        <v>25</v>
      </c>
      <c r="AI23" s="104">
        <v>32</v>
      </c>
      <c r="AJ23" s="101">
        <v>7</v>
      </c>
      <c r="AK23" s="102">
        <v>8</v>
      </c>
      <c r="AL23" s="103">
        <v>15</v>
      </c>
      <c r="AM23" s="413">
        <v>0</v>
      </c>
      <c r="AN23" s="102">
        <v>12</v>
      </c>
      <c r="AO23" s="102">
        <v>4</v>
      </c>
      <c r="AP23" s="102">
        <v>4</v>
      </c>
      <c r="AQ23" s="102">
        <v>3</v>
      </c>
      <c r="AR23" s="102">
        <v>2</v>
      </c>
      <c r="AS23" s="103">
        <v>25</v>
      </c>
      <c r="AT23" s="104">
        <v>40</v>
      </c>
      <c r="AU23" s="101">
        <v>11</v>
      </c>
      <c r="AV23" s="102">
        <v>6</v>
      </c>
      <c r="AW23" s="103">
        <v>17</v>
      </c>
      <c r="AX23" s="413">
        <v>0</v>
      </c>
      <c r="AY23" s="102">
        <v>20</v>
      </c>
      <c r="AZ23" s="102">
        <v>5</v>
      </c>
      <c r="BA23" s="102">
        <v>10</v>
      </c>
      <c r="BB23" s="102">
        <v>11</v>
      </c>
      <c r="BC23" s="102">
        <v>7</v>
      </c>
      <c r="BD23" s="103">
        <v>53</v>
      </c>
      <c r="BE23" s="104">
        <v>70</v>
      </c>
      <c r="BF23" s="101">
        <v>9</v>
      </c>
      <c r="BG23" s="102">
        <v>17</v>
      </c>
      <c r="BH23" s="103">
        <v>26</v>
      </c>
      <c r="BI23" s="413">
        <v>0</v>
      </c>
      <c r="BJ23" s="102">
        <v>25</v>
      </c>
      <c r="BK23" s="102">
        <v>24</v>
      </c>
      <c r="BL23" s="102">
        <v>8</v>
      </c>
      <c r="BM23" s="102">
        <v>8</v>
      </c>
      <c r="BN23" s="102">
        <v>4</v>
      </c>
      <c r="BO23" s="103">
        <v>69</v>
      </c>
      <c r="BP23" s="104">
        <v>95</v>
      </c>
      <c r="BQ23" s="101">
        <v>5</v>
      </c>
      <c r="BR23" s="102">
        <v>12</v>
      </c>
      <c r="BS23" s="103">
        <v>17</v>
      </c>
      <c r="BT23" s="413">
        <v>0</v>
      </c>
      <c r="BU23" s="102">
        <v>13</v>
      </c>
      <c r="BV23" s="102">
        <v>13</v>
      </c>
      <c r="BW23" s="102">
        <v>5</v>
      </c>
      <c r="BX23" s="102">
        <v>4</v>
      </c>
      <c r="BY23" s="102">
        <v>4</v>
      </c>
      <c r="BZ23" s="103">
        <v>39</v>
      </c>
      <c r="CA23" s="104">
        <v>56</v>
      </c>
      <c r="CB23" s="101">
        <v>0</v>
      </c>
      <c r="CC23" s="102">
        <v>0</v>
      </c>
      <c r="CD23" s="103">
        <v>0</v>
      </c>
      <c r="CE23" s="413">
        <v>0</v>
      </c>
      <c r="CF23" s="102">
        <v>0</v>
      </c>
      <c r="CG23" s="102">
        <v>0</v>
      </c>
      <c r="CH23" s="102">
        <v>0</v>
      </c>
      <c r="CI23" s="102">
        <v>0</v>
      </c>
      <c r="CJ23" s="102">
        <v>0</v>
      </c>
      <c r="CK23" s="103">
        <v>0</v>
      </c>
      <c r="CL23" s="104">
        <v>0</v>
      </c>
      <c r="CM23" s="101">
        <v>37</v>
      </c>
      <c r="CN23" s="102">
        <v>46</v>
      </c>
      <c r="CO23" s="103">
        <v>83</v>
      </c>
      <c r="CP23" s="413">
        <v>0</v>
      </c>
      <c r="CQ23" s="102">
        <v>81</v>
      </c>
      <c r="CR23" s="102">
        <v>55</v>
      </c>
      <c r="CS23" s="102">
        <v>30</v>
      </c>
      <c r="CT23" s="102">
        <v>28</v>
      </c>
      <c r="CU23" s="102">
        <v>18</v>
      </c>
      <c r="CV23" s="103">
        <v>212</v>
      </c>
      <c r="CW23" s="104">
        <v>295</v>
      </c>
      <c r="CX23" s="105">
        <v>15</v>
      </c>
      <c r="CY23" s="97">
        <v>17</v>
      </c>
      <c r="CZ23" s="98">
        <v>32</v>
      </c>
      <c r="DA23" s="413">
        <v>0</v>
      </c>
      <c r="DB23" s="97">
        <v>21</v>
      </c>
      <c r="DC23" s="97">
        <v>27</v>
      </c>
      <c r="DD23" s="97">
        <v>11</v>
      </c>
      <c r="DE23" s="97">
        <v>10</v>
      </c>
      <c r="DF23" s="97">
        <v>7</v>
      </c>
      <c r="DG23" s="99">
        <v>76</v>
      </c>
      <c r="DH23" s="100">
        <v>108</v>
      </c>
      <c r="DI23" s="101">
        <v>1</v>
      </c>
      <c r="DJ23" s="102">
        <v>0</v>
      </c>
      <c r="DK23" s="103">
        <v>1</v>
      </c>
      <c r="DL23" s="413">
        <v>0</v>
      </c>
      <c r="DM23" s="102">
        <v>0</v>
      </c>
      <c r="DN23" s="102">
        <v>1</v>
      </c>
      <c r="DO23" s="102">
        <v>0</v>
      </c>
      <c r="DP23" s="102">
        <v>0</v>
      </c>
      <c r="DQ23" s="102">
        <v>1</v>
      </c>
      <c r="DR23" s="103">
        <v>2</v>
      </c>
      <c r="DS23" s="104">
        <v>3</v>
      </c>
      <c r="DT23" s="101">
        <v>2</v>
      </c>
      <c r="DU23" s="102">
        <v>2</v>
      </c>
      <c r="DV23" s="103">
        <v>4</v>
      </c>
      <c r="DW23" s="413">
        <v>0</v>
      </c>
      <c r="DX23" s="102">
        <v>0</v>
      </c>
      <c r="DY23" s="102">
        <v>1</v>
      </c>
      <c r="DZ23" s="102">
        <v>0</v>
      </c>
      <c r="EA23" s="102">
        <v>0</v>
      </c>
      <c r="EB23" s="102">
        <v>0</v>
      </c>
      <c r="EC23" s="103">
        <v>1</v>
      </c>
      <c r="ED23" s="104">
        <v>5</v>
      </c>
      <c r="EE23" s="101">
        <v>2</v>
      </c>
      <c r="EF23" s="102">
        <v>1</v>
      </c>
      <c r="EG23" s="103">
        <v>3</v>
      </c>
      <c r="EH23" s="413">
        <v>0</v>
      </c>
      <c r="EI23" s="102">
        <v>2</v>
      </c>
      <c r="EJ23" s="102">
        <v>1</v>
      </c>
      <c r="EK23" s="102">
        <v>3</v>
      </c>
      <c r="EL23" s="102">
        <v>3</v>
      </c>
      <c r="EM23" s="102">
        <v>0</v>
      </c>
      <c r="EN23" s="103">
        <v>9</v>
      </c>
      <c r="EO23" s="104">
        <v>12</v>
      </c>
      <c r="EP23" s="101">
        <v>3</v>
      </c>
      <c r="EQ23" s="102">
        <v>7</v>
      </c>
      <c r="ER23" s="103">
        <v>10</v>
      </c>
      <c r="ES23" s="413">
        <v>0</v>
      </c>
      <c r="ET23" s="102">
        <v>4</v>
      </c>
      <c r="EU23" s="102">
        <v>8</v>
      </c>
      <c r="EV23" s="102">
        <v>1</v>
      </c>
      <c r="EW23" s="102">
        <v>1</v>
      </c>
      <c r="EX23" s="102">
        <v>1</v>
      </c>
      <c r="EY23" s="103">
        <v>15</v>
      </c>
      <c r="EZ23" s="104">
        <v>25</v>
      </c>
      <c r="FA23" s="101">
        <v>4</v>
      </c>
      <c r="FB23" s="102">
        <v>2</v>
      </c>
      <c r="FC23" s="103">
        <v>6</v>
      </c>
      <c r="FD23" s="413">
        <v>0</v>
      </c>
      <c r="FE23" s="102">
        <v>8</v>
      </c>
      <c r="FF23" s="102">
        <v>8</v>
      </c>
      <c r="FG23" s="102">
        <v>3</v>
      </c>
      <c r="FH23" s="102">
        <v>1</v>
      </c>
      <c r="FI23" s="102">
        <v>2</v>
      </c>
      <c r="FJ23" s="103">
        <v>22</v>
      </c>
      <c r="FK23" s="104">
        <v>28</v>
      </c>
      <c r="FL23" s="101">
        <v>3</v>
      </c>
      <c r="FM23" s="102">
        <v>5</v>
      </c>
      <c r="FN23" s="103">
        <v>8</v>
      </c>
      <c r="FO23" s="413">
        <v>0</v>
      </c>
      <c r="FP23" s="102">
        <v>7</v>
      </c>
      <c r="FQ23" s="102">
        <v>8</v>
      </c>
      <c r="FR23" s="102">
        <v>4</v>
      </c>
      <c r="FS23" s="102">
        <v>5</v>
      </c>
      <c r="FT23" s="102">
        <v>3</v>
      </c>
      <c r="FU23" s="103">
        <v>27</v>
      </c>
      <c r="FV23" s="104">
        <v>35</v>
      </c>
      <c r="FW23" s="101">
        <v>0</v>
      </c>
      <c r="FX23" s="102">
        <v>0</v>
      </c>
      <c r="FY23" s="103">
        <v>0</v>
      </c>
      <c r="FZ23" s="413">
        <v>0</v>
      </c>
      <c r="GA23" s="102">
        <v>0</v>
      </c>
      <c r="GB23" s="102">
        <v>0</v>
      </c>
      <c r="GC23" s="102">
        <v>0</v>
      </c>
      <c r="GD23" s="102">
        <v>0</v>
      </c>
      <c r="GE23" s="102">
        <v>0</v>
      </c>
      <c r="GF23" s="103">
        <v>0</v>
      </c>
      <c r="GG23" s="104">
        <v>0</v>
      </c>
      <c r="GH23" s="101">
        <v>15</v>
      </c>
      <c r="GI23" s="102">
        <v>17</v>
      </c>
      <c r="GJ23" s="103">
        <v>32</v>
      </c>
      <c r="GK23" s="413">
        <v>0</v>
      </c>
      <c r="GL23" s="102">
        <v>21</v>
      </c>
      <c r="GM23" s="102">
        <v>27</v>
      </c>
      <c r="GN23" s="102">
        <v>11</v>
      </c>
      <c r="GO23" s="102">
        <v>10</v>
      </c>
      <c r="GP23" s="102">
        <v>7</v>
      </c>
      <c r="GQ23" s="103">
        <v>76</v>
      </c>
      <c r="GR23" s="104">
        <v>108</v>
      </c>
      <c r="GS23" s="105">
        <v>52</v>
      </c>
      <c r="GT23" s="97">
        <v>63</v>
      </c>
      <c r="GU23" s="98">
        <v>115</v>
      </c>
      <c r="GV23" s="413">
        <v>0</v>
      </c>
      <c r="GW23" s="97">
        <v>102</v>
      </c>
      <c r="GX23" s="97">
        <v>82</v>
      </c>
      <c r="GY23" s="97">
        <v>41</v>
      </c>
      <c r="GZ23" s="97">
        <v>38</v>
      </c>
      <c r="HA23" s="97">
        <v>25</v>
      </c>
      <c r="HB23" s="99">
        <v>288</v>
      </c>
      <c r="HC23" s="100">
        <v>403</v>
      </c>
      <c r="HD23" s="101">
        <v>1</v>
      </c>
      <c r="HE23" s="102">
        <v>1</v>
      </c>
      <c r="HF23" s="103">
        <v>2</v>
      </c>
      <c r="HG23" s="413">
        <v>0</v>
      </c>
      <c r="HH23" s="102">
        <v>1</v>
      </c>
      <c r="HI23" s="102">
        <v>1</v>
      </c>
      <c r="HJ23" s="102">
        <v>0</v>
      </c>
      <c r="HK23" s="102">
        <v>0</v>
      </c>
      <c r="HL23" s="102">
        <v>1</v>
      </c>
      <c r="HM23" s="103">
        <v>3</v>
      </c>
      <c r="HN23" s="104">
        <v>5</v>
      </c>
      <c r="HO23" s="101">
        <v>7</v>
      </c>
      <c r="HP23" s="102">
        <v>4</v>
      </c>
      <c r="HQ23" s="103">
        <v>11</v>
      </c>
      <c r="HR23" s="413">
        <v>0</v>
      </c>
      <c r="HS23" s="102">
        <v>10</v>
      </c>
      <c r="HT23" s="102">
        <v>10</v>
      </c>
      <c r="HU23" s="102">
        <v>3</v>
      </c>
      <c r="HV23" s="102">
        <v>2</v>
      </c>
      <c r="HW23" s="102">
        <v>1</v>
      </c>
      <c r="HX23" s="103">
        <v>26</v>
      </c>
      <c r="HY23" s="104">
        <v>37</v>
      </c>
      <c r="HZ23" s="101">
        <v>9</v>
      </c>
      <c r="IA23" s="102">
        <v>9</v>
      </c>
      <c r="IB23" s="103">
        <v>18</v>
      </c>
      <c r="IC23" s="413">
        <v>0</v>
      </c>
      <c r="ID23" s="102">
        <v>14</v>
      </c>
      <c r="IE23" s="102">
        <v>5</v>
      </c>
      <c r="IF23" s="102">
        <v>7</v>
      </c>
      <c r="IG23" s="102">
        <v>6</v>
      </c>
      <c r="IH23" s="102">
        <v>2</v>
      </c>
      <c r="II23" s="103">
        <v>34</v>
      </c>
      <c r="IJ23" s="104">
        <v>52</v>
      </c>
      <c r="IK23" s="101">
        <v>14</v>
      </c>
      <c r="IL23" s="102">
        <v>13</v>
      </c>
      <c r="IM23" s="103">
        <v>27</v>
      </c>
      <c r="IN23" s="413">
        <v>0</v>
      </c>
      <c r="IO23" s="102">
        <v>24</v>
      </c>
      <c r="IP23" s="102">
        <v>13</v>
      </c>
      <c r="IQ23" s="102">
        <v>11</v>
      </c>
      <c r="IR23" s="102">
        <v>12</v>
      </c>
      <c r="IS23" s="102">
        <v>8</v>
      </c>
      <c r="IT23" s="103">
        <v>68</v>
      </c>
      <c r="IU23" s="104">
        <v>95</v>
      </c>
      <c r="IV23" s="101">
        <v>13</v>
      </c>
      <c r="IW23" s="102">
        <v>19</v>
      </c>
      <c r="IX23" s="103">
        <v>32</v>
      </c>
      <c r="IY23" s="413">
        <v>0</v>
      </c>
      <c r="IZ23" s="102">
        <v>33</v>
      </c>
      <c r="JA23" s="102">
        <v>32</v>
      </c>
      <c r="JB23" s="102">
        <v>11</v>
      </c>
      <c r="JC23" s="102">
        <v>9</v>
      </c>
      <c r="JD23" s="102">
        <v>6</v>
      </c>
      <c r="JE23" s="103">
        <v>91</v>
      </c>
      <c r="JF23" s="104">
        <v>123</v>
      </c>
      <c r="JG23" s="101">
        <v>8</v>
      </c>
      <c r="JH23" s="102">
        <v>17</v>
      </c>
      <c r="JI23" s="103">
        <v>25</v>
      </c>
      <c r="JJ23" s="413">
        <v>0</v>
      </c>
      <c r="JK23" s="102">
        <v>20</v>
      </c>
      <c r="JL23" s="102">
        <v>21</v>
      </c>
      <c r="JM23" s="102">
        <v>9</v>
      </c>
      <c r="JN23" s="102">
        <v>9</v>
      </c>
      <c r="JO23" s="102">
        <v>7</v>
      </c>
      <c r="JP23" s="103">
        <v>66</v>
      </c>
      <c r="JQ23" s="104">
        <v>91</v>
      </c>
      <c r="JR23" s="101">
        <v>0</v>
      </c>
      <c r="JS23" s="102">
        <v>0</v>
      </c>
      <c r="JT23" s="103">
        <v>0</v>
      </c>
      <c r="JU23" s="413">
        <v>0</v>
      </c>
      <c r="JV23" s="102">
        <v>0</v>
      </c>
      <c r="JW23" s="102">
        <v>0</v>
      </c>
      <c r="JX23" s="102">
        <v>0</v>
      </c>
      <c r="JY23" s="102">
        <v>0</v>
      </c>
      <c r="JZ23" s="102">
        <v>0</v>
      </c>
      <c r="KA23" s="103">
        <v>0</v>
      </c>
      <c r="KB23" s="104">
        <v>0</v>
      </c>
      <c r="KC23" s="101">
        <v>52</v>
      </c>
      <c r="KD23" s="102">
        <v>63</v>
      </c>
      <c r="KE23" s="103">
        <v>115</v>
      </c>
      <c r="KF23" s="413">
        <v>0</v>
      </c>
      <c r="KG23" s="102">
        <v>102</v>
      </c>
      <c r="KH23" s="102">
        <v>82</v>
      </c>
      <c r="KI23" s="102">
        <v>41</v>
      </c>
      <c r="KJ23" s="102">
        <v>38</v>
      </c>
      <c r="KK23" s="102">
        <v>25</v>
      </c>
      <c r="KL23" s="103">
        <v>288</v>
      </c>
      <c r="KM23" s="104">
        <v>403</v>
      </c>
    </row>
    <row r="24" spans="2:299" s="70" customFormat="1" ht="21" customHeight="1" x14ac:dyDescent="0.2">
      <c r="B24" s="106" t="s">
        <v>21</v>
      </c>
      <c r="C24" s="96">
        <v>39</v>
      </c>
      <c r="D24" s="97">
        <v>25</v>
      </c>
      <c r="E24" s="98">
        <v>64</v>
      </c>
      <c r="F24" s="413">
        <v>0</v>
      </c>
      <c r="G24" s="97">
        <v>50</v>
      </c>
      <c r="H24" s="97">
        <v>35</v>
      </c>
      <c r="I24" s="97">
        <v>21</v>
      </c>
      <c r="J24" s="97">
        <v>19</v>
      </c>
      <c r="K24" s="97">
        <v>13</v>
      </c>
      <c r="L24" s="99">
        <v>138</v>
      </c>
      <c r="M24" s="100">
        <v>202</v>
      </c>
      <c r="N24" s="101">
        <v>2</v>
      </c>
      <c r="O24" s="102">
        <v>1</v>
      </c>
      <c r="P24" s="103">
        <v>3</v>
      </c>
      <c r="Q24" s="413">
        <v>0</v>
      </c>
      <c r="R24" s="102">
        <v>2</v>
      </c>
      <c r="S24" s="102">
        <v>1</v>
      </c>
      <c r="T24" s="102">
        <v>2</v>
      </c>
      <c r="U24" s="102">
        <v>0</v>
      </c>
      <c r="V24" s="102">
        <v>2</v>
      </c>
      <c r="W24" s="103">
        <v>7</v>
      </c>
      <c r="X24" s="104">
        <v>10</v>
      </c>
      <c r="Y24" s="101">
        <v>1</v>
      </c>
      <c r="Z24" s="102">
        <v>5</v>
      </c>
      <c r="AA24" s="103">
        <v>6</v>
      </c>
      <c r="AB24" s="413">
        <v>0</v>
      </c>
      <c r="AC24" s="102">
        <v>6</v>
      </c>
      <c r="AD24" s="102">
        <v>6</v>
      </c>
      <c r="AE24" s="102">
        <v>0</v>
      </c>
      <c r="AF24" s="102">
        <v>1</v>
      </c>
      <c r="AG24" s="102">
        <v>1</v>
      </c>
      <c r="AH24" s="103">
        <v>14</v>
      </c>
      <c r="AI24" s="104">
        <v>20</v>
      </c>
      <c r="AJ24" s="101">
        <v>8</v>
      </c>
      <c r="AK24" s="102">
        <v>2</v>
      </c>
      <c r="AL24" s="103">
        <v>10</v>
      </c>
      <c r="AM24" s="413">
        <v>0</v>
      </c>
      <c r="AN24" s="102">
        <v>11</v>
      </c>
      <c r="AO24" s="102">
        <v>3</v>
      </c>
      <c r="AP24" s="102">
        <v>6</v>
      </c>
      <c r="AQ24" s="102">
        <v>3</v>
      </c>
      <c r="AR24" s="102">
        <v>2</v>
      </c>
      <c r="AS24" s="103">
        <v>25</v>
      </c>
      <c r="AT24" s="104">
        <v>35</v>
      </c>
      <c r="AU24" s="101">
        <v>8</v>
      </c>
      <c r="AV24" s="102">
        <v>6</v>
      </c>
      <c r="AW24" s="103">
        <v>14</v>
      </c>
      <c r="AX24" s="413">
        <v>0</v>
      </c>
      <c r="AY24" s="102">
        <v>10</v>
      </c>
      <c r="AZ24" s="102">
        <v>7</v>
      </c>
      <c r="BA24" s="102">
        <v>2</v>
      </c>
      <c r="BB24" s="102">
        <v>5</v>
      </c>
      <c r="BC24" s="102">
        <v>4</v>
      </c>
      <c r="BD24" s="103">
        <v>28</v>
      </c>
      <c r="BE24" s="104">
        <v>42</v>
      </c>
      <c r="BF24" s="101">
        <v>15</v>
      </c>
      <c r="BG24" s="102">
        <v>6</v>
      </c>
      <c r="BH24" s="103">
        <v>21</v>
      </c>
      <c r="BI24" s="413">
        <v>0</v>
      </c>
      <c r="BJ24" s="102">
        <v>13</v>
      </c>
      <c r="BK24" s="102">
        <v>12</v>
      </c>
      <c r="BL24" s="102">
        <v>4</v>
      </c>
      <c r="BM24" s="102">
        <v>7</v>
      </c>
      <c r="BN24" s="102">
        <v>4</v>
      </c>
      <c r="BO24" s="103">
        <v>40</v>
      </c>
      <c r="BP24" s="104">
        <v>61</v>
      </c>
      <c r="BQ24" s="101">
        <v>5</v>
      </c>
      <c r="BR24" s="102">
        <v>5</v>
      </c>
      <c r="BS24" s="103">
        <v>10</v>
      </c>
      <c r="BT24" s="413">
        <v>0</v>
      </c>
      <c r="BU24" s="102">
        <v>8</v>
      </c>
      <c r="BV24" s="102">
        <v>6</v>
      </c>
      <c r="BW24" s="102">
        <v>7</v>
      </c>
      <c r="BX24" s="102">
        <v>3</v>
      </c>
      <c r="BY24" s="102">
        <v>0</v>
      </c>
      <c r="BZ24" s="103">
        <v>24</v>
      </c>
      <c r="CA24" s="104">
        <v>34</v>
      </c>
      <c r="CB24" s="101">
        <v>0</v>
      </c>
      <c r="CC24" s="102">
        <v>0</v>
      </c>
      <c r="CD24" s="103">
        <v>0</v>
      </c>
      <c r="CE24" s="413">
        <v>0</v>
      </c>
      <c r="CF24" s="102">
        <v>0</v>
      </c>
      <c r="CG24" s="102">
        <v>0</v>
      </c>
      <c r="CH24" s="102">
        <v>0</v>
      </c>
      <c r="CI24" s="102">
        <v>0</v>
      </c>
      <c r="CJ24" s="102">
        <v>0</v>
      </c>
      <c r="CK24" s="103">
        <v>0</v>
      </c>
      <c r="CL24" s="104">
        <v>0</v>
      </c>
      <c r="CM24" s="101">
        <v>39</v>
      </c>
      <c r="CN24" s="102">
        <v>25</v>
      </c>
      <c r="CO24" s="103">
        <v>64</v>
      </c>
      <c r="CP24" s="413">
        <v>0</v>
      </c>
      <c r="CQ24" s="102">
        <v>50</v>
      </c>
      <c r="CR24" s="102">
        <v>35</v>
      </c>
      <c r="CS24" s="102">
        <v>21</v>
      </c>
      <c r="CT24" s="102">
        <v>19</v>
      </c>
      <c r="CU24" s="102">
        <v>13</v>
      </c>
      <c r="CV24" s="103">
        <v>138</v>
      </c>
      <c r="CW24" s="104">
        <v>202</v>
      </c>
      <c r="CX24" s="105">
        <v>7</v>
      </c>
      <c r="CY24" s="97">
        <v>11</v>
      </c>
      <c r="CZ24" s="98">
        <v>18</v>
      </c>
      <c r="DA24" s="413">
        <v>0</v>
      </c>
      <c r="DB24" s="97">
        <v>17</v>
      </c>
      <c r="DC24" s="97">
        <v>17</v>
      </c>
      <c r="DD24" s="97">
        <v>11</v>
      </c>
      <c r="DE24" s="97">
        <v>5</v>
      </c>
      <c r="DF24" s="97">
        <v>4</v>
      </c>
      <c r="DG24" s="99">
        <v>54</v>
      </c>
      <c r="DH24" s="100">
        <v>72</v>
      </c>
      <c r="DI24" s="101">
        <v>0</v>
      </c>
      <c r="DJ24" s="102">
        <v>0</v>
      </c>
      <c r="DK24" s="103">
        <v>0</v>
      </c>
      <c r="DL24" s="413">
        <v>0</v>
      </c>
      <c r="DM24" s="102">
        <v>0</v>
      </c>
      <c r="DN24" s="102">
        <v>0</v>
      </c>
      <c r="DO24" s="102">
        <v>0</v>
      </c>
      <c r="DP24" s="102">
        <v>0</v>
      </c>
      <c r="DQ24" s="102">
        <v>0</v>
      </c>
      <c r="DR24" s="103">
        <v>0</v>
      </c>
      <c r="DS24" s="104">
        <v>0</v>
      </c>
      <c r="DT24" s="101">
        <v>0</v>
      </c>
      <c r="DU24" s="102">
        <v>2</v>
      </c>
      <c r="DV24" s="103">
        <v>2</v>
      </c>
      <c r="DW24" s="413">
        <v>0</v>
      </c>
      <c r="DX24" s="102">
        <v>1</v>
      </c>
      <c r="DY24" s="102">
        <v>1</v>
      </c>
      <c r="DZ24" s="102">
        <v>1</v>
      </c>
      <c r="EA24" s="102">
        <v>0</v>
      </c>
      <c r="EB24" s="102">
        <v>1</v>
      </c>
      <c r="EC24" s="103">
        <v>4</v>
      </c>
      <c r="ED24" s="104">
        <v>6</v>
      </c>
      <c r="EE24" s="101">
        <v>0</v>
      </c>
      <c r="EF24" s="102">
        <v>2</v>
      </c>
      <c r="EG24" s="103">
        <v>2</v>
      </c>
      <c r="EH24" s="413">
        <v>0</v>
      </c>
      <c r="EI24" s="102">
        <v>2</v>
      </c>
      <c r="EJ24" s="102">
        <v>2</v>
      </c>
      <c r="EK24" s="102">
        <v>0</v>
      </c>
      <c r="EL24" s="102">
        <v>0</v>
      </c>
      <c r="EM24" s="102">
        <v>1</v>
      </c>
      <c r="EN24" s="103">
        <v>5</v>
      </c>
      <c r="EO24" s="104">
        <v>7</v>
      </c>
      <c r="EP24" s="101">
        <v>5</v>
      </c>
      <c r="EQ24" s="102">
        <v>2</v>
      </c>
      <c r="ER24" s="103">
        <v>7</v>
      </c>
      <c r="ES24" s="413">
        <v>0</v>
      </c>
      <c r="ET24" s="102">
        <v>3</v>
      </c>
      <c r="EU24" s="102">
        <v>3</v>
      </c>
      <c r="EV24" s="102">
        <v>1</v>
      </c>
      <c r="EW24" s="102">
        <v>0</v>
      </c>
      <c r="EX24" s="102">
        <v>1</v>
      </c>
      <c r="EY24" s="103">
        <v>8</v>
      </c>
      <c r="EZ24" s="104">
        <v>15</v>
      </c>
      <c r="FA24" s="101">
        <v>0</v>
      </c>
      <c r="FB24" s="102">
        <v>4</v>
      </c>
      <c r="FC24" s="103">
        <v>4</v>
      </c>
      <c r="FD24" s="413">
        <v>0</v>
      </c>
      <c r="FE24" s="102">
        <v>3</v>
      </c>
      <c r="FF24" s="102">
        <v>5</v>
      </c>
      <c r="FG24" s="102">
        <v>4</v>
      </c>
      <c r="FH24" s="102">
        <v>1</v>
      </c>
      <c r="FI24" s="102">
        <v>1</v>
      </c>
      <c r="FJ24" s="103">
        <v>14</v>
      </c>
      <c r="FK24" s="104">
        <v>18</v>
      </c>
      <c r="FL24" s="101">
        <v>2</v>
      </c>
      <c r="FM24" s="102">
        <v>1</v>
      </c>
      <c r="FN24" s="103">
        <v>3</v>
      </c>
      <c r="FO24" s="413">
        <v>0</v>
      </c>
      <c r="FP24" s="102">
        <v>8</v>
      </c>
      <c r="FQ24" s="102">
        <v>6</v>
      </c>
      <c r="FR24" s="102">
        <v>5</v>
      </c>
      <c r="FS24" s="102">
        <v>4</v>
      </c>
      <c r="FT24" s="102">
        <v>0</v>
      </c>
      <c r="FU24" s="103">
        <v>23</v>
      </c>
      <c r="FV24" s="104">
        <v>26</v>
      </c>
      <c r="FW24" s="101">
        <v>0</v>
      </c>
      <c r="FX24" s="102">
        <v>0</v>
      </c>
      <c r="FY24" s="103">
        <v>0</v>
      </c>
      <c r="FZ24" s="413">
        <v>0</v>
      </c>
      <c r="GA24" s="102">
        <v>0</v>
      </c>
      <c r="GB24" s="102">
        <v>0</v>
      </c>
      <c r="GC24" s="102">
        <v>0</v>
      </c>
      <c r="GD24" s="102">
        <v>0</v>
      </c>
      <c r="GE24" s="102">
        <v>0</v>
      </c>
      <c r="GF24" s="103">
        <v>0</v>
      </c>
      <c r="GG24" s="104">
        <v>0</v>
      </c>
      <c r="GH24" s="101">
        <v>7</v>
      </c>
      <c r="GI24" s="102">
        <v>11</v>
      </c>
      <c r="GJ24" s="103">
        <v>18</v>
      </c>
      <c r="GK24" s="413">
        <v>0</v>
      </c>
      <c r="GL24" s="102">
        <v>17</v>
      </c>
      <c r="GM24" s="102">
        <v>17</v>
      </c>
      <c r="GN24" s="102">
        <v>11</v>
      </c>
      <c r="GO24" s="102">
        <v>5</v>
      </c>
      <c r="GP24" s="102">
        <v>4</v>
      </c>
      <c r="GQ24" s="103">
        <v>54</v>
      </c>
      <c r="GR24" s="104">
        <v>72</v>
      </c>
      <c r="GS24" s="105">
        <v>46</v>
      </c>
      <c r="GT24" s="97">
        <v>36</v>
      </c>
      <c r="GU24" s="98">
        <v>82</v>
      </c>
      <c r="GV24" s="413">
        <v>0</v>
      </c>
      <c r="GW24" s="97">
        <v>67</v>
      </c>
      <c r="GX24" s="97">
        <v>52</v>
      </c>
      <c r="GY24" s="97">
        <v>32</v>
      </c>
      <c r="GZ24" s="97">
        <v>24</v>
      </c>
      <c r="HA24" s="97">
        <v>17</v>
      </c>
      <c r="HB24" s="99">
        <v>192</v>
      </c>
      <c r="HC24" s="100">
        <v>274</v>
      </c>
      <c r="HD24" s="101">
        <v>2</v>
      </c>
      <c r="HE24" s="102">
        <v>1</v>
      </c>
      <c r="HF24" s="103">
        <v>3</v>
      </c>
      <c r="HG24" s="413">
        <v>0</v>
      </c>
      <c r="HH24" s="102">
        <v>2</v>
      </c>
      <c r="HI24" s="102">
        <v>1</v>
      </c>
      <c r="HJ24" s="102">
        <v>2</v>
      </c>
      <c r="HK24" s="102">
        <v>0</v>
      </c>
      <c r="HL24" s="102">
        <v>2</v>
      </c>
      <c r="HM24" s="103">
        <v>7</v>
      </c>
      <c r="HN24" s="104">
        <v>10</v>
      </c>
      <c r="HO24" s="101">
        <v>1</v>
      </c>
      <c r="HP24" s="102">
        <v>7</v>
      </c>
      <c r="HQ24" s="103">
        <v>8</v>
      </c>
      <c r="HR24" s="413">
        <v>0</v>
      </c>
      <c r="HS24" s="102">
        <v>7</v>
      </c>
      <c r="HT24" s="102">
        <v>7</v>
      </c>
      <c r="HU24" s="102">
        <v>1</v>
      </c>
      <c r="HV24" s="102">
        <v>1</v>
      </c>
      <c r="HW24" s="102">
        <v>2</v>
      </c>
      <c r="HX24" s="103">
        <v>18</v>
      </c>
      <c r="HY24" s="104">
        <v>26</v>
      </c>
      <c r="HZ24" s="101">
        <v>8</v>
      </c>
      <c r="IA24" s="102">
        <v>4</v>
      </c>
      <c r="IB24" s="103">
        <v>12</v>
      </c>
      <c r="IC24" s="413">
        <v>0</v>
      </c>
      <c r="ID24" s="102">
        <v>13</v>
      </c>
      <c r="IE24" s="102">
        <v>5</v>
      </c>
      <c r="IF24" s="102">
        <v>6</v>
      </c>
      <c r="IG24" s="102">
        <v>3</v>
      </c>
      <c r="IH24" s="102">
        <v>3</v>
      </c>
      <c r="II24" s="103">
        <v>30</v>
      </c>
      <c r="IJ24" s="104">
        <v>42</v>
      </c>
      <c r="IK24" s="101">
        <v>13</v>
      </c>
      <c r="IL24" s="102">
        <v>8</v>
      </c>
      <c r="IM24" s="103">
        <v>21</v>
      </c>
      <c r="IN24" s="413">
        <v>0</v>
      </c>
      <c r="IO24" s="102">
        <v>13</v>
      </c>
      <c r="IP24" s="102">
        <v>10</v>
      </c>
      <c r="IQ24" s="102">
        <v>3</v>
      </c>
      <c r="IR24" s="102">
        <v>5</v>
      </c>
      <c r="IS24" s="102">
        <v>5</v>
      </c>
      <c r="IT24" s="103">
        <v>36</v>
      </c>
      <c r="IU24" s="104">
        <v>57</v>
      </c>
      <c r="IV24" s="101">
        <v>15</v>
      </c>
      <c r="IW24" s="102">
        <v>10</v>
      </c>
      <c r="IX24" s="103">
        <v>25</v>
      </c>
      <c r="IY24" s="413">
        <v>0</v>
      </c>
      <c r="IZ24" s="102">
        <v>16</v>
      </c>
      <c r="JA24" s="102">
        <v>17</v>
      </c>
      <c r="JB24" s="102">
        <v>8</v>
      </c>
      <c r="JC24" s="102">
        <v>8</v>
      </c>
      <c r="JD24" s="102">
        <v>5</v>
      </c>
      <c r="JE24" s="103">
        <v>54</v>
      </c>
      <c r="JF24" s="104">
        <v>79</v>
      </c>
      <c r="JG24" s="101">
        <v>7</v>
      </c>
      <c r="JH24" s="102">
        <v>6</v>
      </c>
      <c r="JI24" s="103">
        <v>13</v>
      </c>
      <c r="JJ24" s="413">
        <v>0</v>
      </c>
      <c r="JK24" s="102">
        <v>16</v>
      </c>
      <c r="JL24" s="102">
        <v>12</v>
      </c>
      <c r="JM24" s="102">
        <v>12</v>
      </c>
      <c r="JN24" s="102">
        <v>7</v>
      </c>
      <c r="JO24" s="102">
        <v>0</v>
      </c>
      <c r="JP24" s="103">
        <v>47</v>
      </c>
      <c r="JQ24" s="104">
        <v>60</v>
      </c>
      <c r="JR24" s="101">
        <v>0</v>
      </c>
      <c r="JS24" s="102">
        <v>0</v>
      </c>
      <c r="JT24" s="103">
        <v>0</v>
      </c>
      <c r="JU24" s="413">
        <v>0</v>
      </c>
      <c r="JV24" s="102">
        <v>0</v>
      </c>
      <c r="JW24" s="102">
        <v>0</v>
      </c>
      <c r="JX24" s="102">
        <v>0</v>
      </c>
      <c r="JY24" s="102">
        <v>0</v>
      </c>
      <c r="JZ24" s="102">
        <v>0</v>
      </c>
      <c r="KA24" s="103">
        <v>0</v>
      </c>
      <c r="KB24" s="104">
        <v>0</v>
      </c>
      <c r="KC24" s="101">
        <v>46</v>
      </c>
      <c r="KD24" s="102">
        <v>36</v>
      </c>
      <c r="KE24" s="103">
        <v>82</v>
      </c>
      <c r="KF24" s="413">
        <v>0</v>
      </c>
      <c r="KG24" s="102">
        <v>67</v>
      </c>
      <c r="KH24" s="102">
        <v>52</v>
      </c>
      <c r="KI24" s="102">
        <v>32</v>
      </c>
      <c r="KJ24" s="102">
        <v>24</v>
      </c>
      <c r="KK24" s="102">
        <v>17</v>
      </c>
      <c r="KL24" s="103">
        <v>192</v>
      </c>
      <c r="KM24" s="104">
        <v>274</v>
      </c>
    </row>
    <row r="25" spans="2:299" s="70" customFormat="1" ht="21" customHeight="1" x14ac:dyDescent="0.2">
      <c r="B25" s="106" t="s">
        <v>22</v>
      </c>
      <c r="C25" s="96">
        <v>16</v>
      </c>
      <c r="D25" s="97">
        <v>12</v>
      </c>
      <c r="E25" s="98">
        <v>28</v>
      </c>
      <c r="F25" s="413">
        <v>0</v>
      </c>
      <c r="G25" s="97">
        <v>30</v>
      </c>
      <c r="H25" s="97">
        <v>20</v>
      </c>
      <c r="I25" s="97">
        <v>13</v>
      </c>
      <c r="J25" s="97">
        <v>8</v>
      </c>
      <c r="K25" s="97">
        <v>9</v>
      </c>
      <c r="L25" s="99">
        <v>80</v>
      </c>
      <c r="M25" s="100">
        <v>108</v>
      </c>
      <c r="N25" s="101">
        <v>1</v>
      </c>
      <c r="O25" s="102">
        <v>0</v>
      </c>
      <c r="P25" s="103">
        <v>1</v>
      </c>
      <c r="Q25" s="413">
        <v>0</v>
      </c>
      <c r="R25" s="102">
        <v>0</v>
      </c>
      <c r="S25" s="102">
        <v>0</v>
      </c>
      <c r="T25" s="102">
        <v>0</v>
      </c>
      <c r="U25" s="102">
        <v>0</v>
      </c>
      <c r="V25" s="102">
        <v>0</v>
      </c>
      <c r="W25" s="103">
        <v>0</v>
      </c>
      <c r="X25" s="104">
        <v>1</v>
      </c>
      <c r="Y25" s="101">
        <v>0</v>
      </c>
      <c r="Z25" s="102">
        <v>1</v>
      </c>
      <c r="AA25" s="103">
        <v>1</v>
      </c>
      <c r="AB25" s="413">
        <v>0</v>
      </c>
      <c r="AC25" s="102">
        <v>2</v>
      </c>
      <c r="AD25" s="102">
        <v>1</v>
      </c>
      <c r="AE25" s="102">
        <v>3</v>
      </c>
      <c r="AF25" s="102">
        <v>1</v>
      </c>
      <c r="AG25" s="102">
        <v>1</v>
      </c>
      <c r="AH25" s="103">
        <v>8</v>
      </c>
      <c r="AI25" s="104">
        <v>9</v>
      </c>
      <c r="AJ25" s="101">
        <v>2</v>
      </c>
      <c r="AK25" s="102">
        <v>2</v>
      </c>
      <c r="AL25" s="103">
        <v>4</v>
      </c>
      <c r="AM25" s="413">
        <v>0</v>
      </c>
      <c r="AN25" s="102">
        <v>4</v>
      </c>
      <c r="AO25" s="102">
        <v>3</v>
      </c>
      <c r="AP25" s="102">
        <v>1</v>
      </c>
      <c r="AQ25" s="102">
        <v>0</v>
      </c>
      <c r="AR25" s="102">
        <v>2</v>
      </c>
      <c r="AS25" s="103">
        <v>10</v>
      </c>
      <c r="AT25" s="104">
        <v>14</v>
      </c>
      <c r="AU25" s="101">
        <v>5</v>
      </c>
      <c r="AV25" s="102">
        <v>6</v>
      </c>
      <c r="AW25" s="103">
        <v>11</v>
      </c>
      <c r="AX25" s="413">
        <v>0</v>
      </c>
      <c r="AY25" s="102">
        <v>8</v>
      </c>
      <c r="AZ25" s="102">
        <v>4</v>
      </c>
      <c r="BA25" s="102">
        <v>1</v>
      </c>
      <c r="BB25" s="102">
        <v>2</v>
      </c>
      <c r="BC25" s="102">
        <v>2</v>
      </c>
      <c r="BD25" s="103">
        <v>17</v>
      </c>
      <c r="BE25" s="104">
        <v>28</v>
      </c>
      <c r="BF25" s="101">
        <v>5</v>
      </c>
      <c r="BG25" s="102">
        <v>1</v>
      </c>
      <c r="BH25" s="103">
        <v>6</v>
      </c>
      <c r="BI25" s="413">
        <v>0</v>
      </c>
      <c r="BJ25" s="102">
        <v>5</v>
      </c>
      <c r="BK25" s="102">
        <v>5</v>
      </c>
      <c r="BL25" s="102">
        <v>5</v>
      </c>
      <c r="BM25" s="102">
        <v>2</v>
      </c>
      <c r="BN25" s="102">
        <v>2</v>
      </c>
      <c r="BO25" s="103">
        <v>19</v>
      </c>
      <c r="BP25" s="104">
        <v>25</v>
      </c>
      <c r="BQ25" s="101">
        <v>3</v>
      </c>
      <c r="BR25" s="102">
        <v>2</v>
      </c>
      <c r="BS25" s="103">
        <v>5</v>
      </c>
      <c r="BT25" s="413">
        <v>0</v>
      </c>
      <c r="BU25" s="102">
        <v>11</v>
      </c>
      <c r="BV25" s="102">
        <v>7</v>
      </c>
      <c r="BW25" s="102">
        <v>3</v>
      </c>
      <c r="BX25" s="102">
        <v>3</v>
      </c>
      <c r="BY25" s="102">
        <v>2</v>
      </c>
      <c r="BZ25" s="103">
        <v>26</v>
      </c>
      <c r="CA25" s="104">
        <v>31</v>
      </c>
      <c r="CB25" s="101">
        <v>0</v>
      </c>
      <c r="CC25" s="102">
        <v>0</v>
      </c>
      <c r="CD25" s="103">
        <v>0</v>
      </c>
      <c r="CE25" s="413">
        <v>0</v>
      </c>
      <c r="CF25" s="102">
        <v>0</v>
      </c>
      <c r="CG25" s="102">
        <v>0</v>
      </c>
      <c r="CH25" s="102">
        <v>0</v>
      </c>
      <c r="CI25" s="102">
        <v>0</v>
      </c>
      <c r="CJ25" s="102">
        <v>0</v>
      </c>
      <c r="CK25" s="103">
        <v>0</v>
      </c>
      <c r="CL25" s="104">
        <v>0</v>
      </c>
      <c r="CM25" s="101">
        <v>16</v>
      </c>
      <c r="CN25" s="102">
        <v>12</v>
      </c>
      <c r="CO25" s="103">
        <v>28</v>
      </c>
      <c r="CP25" s="413">
        <v>0</v>
      </c>
      <c r="CQ25" s="102">
        <v>30</v>
      </c>
      <c r="CR25" s="102">
        <v>20</v>
      </c>
      <c r="CS25" s="102">
        <v>13</v>
      </c>
      <c r="CT25" s="102">
        <v>8</v>
      </c>
      <c r="CU25" s="102">
        <v>9</v>
      </c>
      <c r="CV25" s="103">
        <v>80</v>
      </c>
      <c r="CW25" s="104">
        <v>108</v>
      </c>
      <c r="CX25" s="105">
        <v>3</v>
      </c>
      <c r="CY25" s="97">
        <v>7</v>
      </c>
      <c r="CZ25" s="98">
        <v>10</v>
      </c>
      <c r="DA25" s="413">
        <v>0</v>
      </c>
      <c r="DB25" s="97">
        <v>5</v>
      </c>
      <c r="DC25" s="97">
        <v>4</v>
      </c>
      <c r="DD25" s="97">
        <v>0</v>
      </c>
      <c r="DE25" s="97">
        <v>3</v>
      </c>
      <c r="DF25" s="97">
        <v>4</v>
      </c>
      <c r="DG25" s="99">
        <v>16</v>
      </c>
      <c r="DH25" s="100">
        <v>26</v>
      </c>
      <c r="DI25" s="101">
        <v>0</v>
      </c>
      <c r="DJ25" s="102">
        <v>1</v>
      </c>
      <c r="DK25" s="103">
        <v>1</v>
      </c>
      <c r="DL25" s="413">
        <v>0</v>
      </c>
      <c r="DM25" s="102">
        <v>0</v>
      </c>
      <c r="DN25" s="102">
        <v>0</v>
      </c>
      <c r="DO25" s="102">
        <v>0</v>
      </c>
      <c r="DP25" s="102">
        <v>0</v>
      </c>
      <c r="DQ25" s="102">
        <v>0</v>
      </c>
      <c r="DR25" s="103">
        <v>0</v>
      </c>
      <c r="DS25" s="104">
        <v>1</v>
      </c>
      <c r="DT25" s="101">
        <v>0</v>
      </c>
      <c r="DU25" s="102">
        <v>0</v>
      </c>
      <c r="DV25" s="103">
        <v>0</v>
      </c>
      <c r="DW25" s="413">
        <v>0</v>
      </c>
      <c r="DX25" s="102">
        <v>0</v>
      </c>
      <c r="DY25" s="102">
        <v>0</v>
      </c>
      <c r="DZ25" s="102">
        <v>0</v>
      </c>
      <c r="EA25" s="102">
        <v>0</v>
      </c>
      <c r="EB25" s="102">
        <v>0</v>
      </c>
      <c r="EC25" s="103">
        <v>0</v>
      </c>
      <c r="ED25" s="104">
        <v>0</v>
      </c>
      <c r="EE25" s="101">
        <v>0</v>
      </c>
      <c r="EF25" s="102">
        <v>1</v>
      </c>
      <c r="EG25" s="103">
        <v>1</v>
      </c>
      <c r="EH25" s="413">
        <v>0</v>
      </c>
      <c r="EI25" s="102">
        <v>1</v>
      </c>
      <c r="EJ25" s="102">
        <v>1</v>
      </c>
      <c r="EK25" s="102">
        <v>0</v>
      </c>
      <c r="EL25" s="102">
        <v>0</v>
      </c>
      <c r="EM25" s="102">
        <v>2</v>
      </c>
      <c r="EN25" s="103">
        <v>4</v>
      </c>
      <c r="EO25" s="104">
        <v>5</v>
      </c>
      <c r="EP25" s="101">
        <v>3</v>
      </c>
      <c r="EQ25" s="102">
        <v>3</v>
      </c>
      <c r="ER25" s="103">
        <v>6</v>
      </c>
      <c r="ES25" s="413">
        <v>0</v>
      </c>
      <c r="ET25" s="102">
        <v>1</v>
      </c>
      <c r="EU25" s="102">
        <v>0</v>
      </c>
      <c r="EV25" s="102">
        <v>0</v>
      </c>
      <c r="EW25" s="102">
        <v>0</v>
      </c>
      <c r="EX25" s="102">
        <v>1</v>
      </c>
      <c r="EY25" s="103">
        <v>2</v>
      </c>
      <c r="EZ25" s="104">
        <v>8</v>
      </c>
      <c r="FA25" s="101">
        <v>0</v>
      </c>
      <c r="FB25" s="102">
        <v>1</v>
      </c>
      <c r="FC25" s="103">
        <v>1</v>
      </c>
      <c r="FD25" s="413">
        <v>0</v>
      </c>
      <c r="FE25" s="102">
        <v>1</v>
      </c>
      <c r="FF25" s="102">
        <v>2</v>
      </c>
      <c r="FG25" s="102">
        <v>0</v>
      </c>
      <c r="FH25" s="102">
        <v>0</v>
      </c>
      <c r="FI25" s="102">
        <v>0</v>
      </c>
      <c r="FJ25" s="103">
        <v>3</v>
      </c>
      <c r="FK25" s="104">
        <v>4</v>
      </c>
      <c r="FL25" s="101">
        <v>0</v>
      </c>
      <c r="FM25" s="102">
        <v>1</v>
      </c>
      <c r="FN25" s="103">
        <v>1</v>
      </c>
      <c r="FO25" s="413">
        <v>0</v>
      </c>
      <c r="FP25" s="102">
        <v>2</v>
      </c>
      <c r="FQ25" s="102">
        <v>1</v>
      </c>
      <c r="FR25" s="102">
        <v>0</v>
      </c>
      <c r="FS25" s="102">
        <v>3</v>
      </c>
      <c r="FT25" s="102">
        <v>1</v>
      </c>
      <c r="FU25" s="103">
        <v>7</v>
      </c>
      <c r="FV25" s="104">
        <v>8</v>
      </c>
      <c r="FW25" s="101">
        <v>0</v>
      </c>
      <c r="FX25" s="102">
        <v>0</v>
      </c>
      <c r="FY25" s="103">
        <v>0</v>
      </c>
      <c r="FZ25" s="413">
        <v>0</v>
      </c>
      <c r="GA25" s="102">
        <v>0</v>
      </c>
      <c r="GB25" s="102">
        <v>0</v>
      </c>
      <c r="GC25" s="102">
        <v>0</v>
      </c>
      <c r="GD25" s="102">
        <v>0</v>
      </c>
      <c r="GE25" s="102">
        <v>0</v>
      </c>
      <c r="GF25" s="103">
        <v>0</v>
      </c>
      <c r="GG25" s="104">
        <v>0</v>
      </c>
      <c r="GH25" s="101">
        <v>3</v>
      </c>
      <c r="GI25" s="102">
        <v>7</v>
      </c>
      <c r="GJ25" s="103">
        <v>10</v>
      </c>
      <c r="GK25" s="413">
        <v>0</v>
      </c>
      <c r="GL25" s="102">
        <v>5</v>
      </c>
      <c r="GM25" s="102">
        <v>4</v>
      </c>
      <c r="GN25" s="102">
        <v>0</v>
      </c>
      <c r="GO25" s="102">
        <v>3</v>
      </c>
      <c r="GP25" s="102">
        <v>4</v>
      </c>
      <c r="GQ25" s="103">
        <v>16</v>
      </c>
      <c r="GR25" s="104">
        <v>26</v>
      </c>
      <c r="GS25" s="105">
        <v>19</v>
      </c>
      <c r="GT25" s="97">
        <v>19</v>
      </c>
      <c r="GU25" s="98">
        <v>38</v>
      </c>
      <c r="GV25" s="413">
        <v>0</v>
      </c>
      <c r="GW25" s="97">
        <v>35</v>
      </c>
      <c r="GX25" s="97">
        <v>24</v>
      </c>
      <c r="GY25" s="97">
        <v>13</v>
      </c>
      <c r="GZ25" s="97">
        <v>11</v>
      </c>
      <c r="HA25" s="97">
        <v>13</v>
      </c>
      <c r="HB25" s="99">
        <v>96</v>
      </c>
      <c r="HC25" s="100">
        <v>134</v>
      </c>
      <c r="HD25" s="101">
        <v>1</v>
      </c>
      <c r="HE25" s="102">
        <v>1</v>
      </c>
      <c r="HF25" s="103">
        <v>2</v>
      </c>
      <c r="HG25" s="413">
        <v>0</v>
      </c>
      <c r="HH25" s="102">
        <v>0</v>
      </c>
      <c r="HI25" s="102">
        <v>0</v>
      </c>
      <c r="HJ25" s="102">
        <v>0</v>
      </c>
      <c r="HK25" s="102">
        <v>0</v>
      </c>
      <c r="HL25" s="102">
        <v>0</v>
      </c>
      <c r="HM25" s="103">
        <v>0</v>
      </c>
      <c r="HN25" s="104">
        <v>2</v>
      </c>
      <c r="HO25" s="101">
        <v>0</v>
      </c>
      <c r="HP25" s="102">
        <v>1</v>
      </c>
      <c r="HQ25" s="103">
        <v>1</v>
      </c>
      <c r="HR25" s="413">
        <v>0</v>
      </c>
      <c r="HS25" s="102">
        <v>2</v>
      </c>
      <c r="HT25" s="102">
        <v>1</v>
      </c>
      <c r="HU25" s="102">
        <v>3</v>
      </c>
      <c r="HV25" s="102">
        <v>1</v>
      </c>
      <c r="HW25" s="102">
        <v>1</v>
      </c>
      <c r="HX25" s="103">
        <v>8</v>
      </c>
      <c r="HY25" s="104">
        <v>9</v>
      </c>
      <c r="HZ25" s="101">
        <v>2</v>
      </c>
      <c r="IA25" s="102">
        <v>3</v>
      </c>
      <c r="IB25" s="103">
        <v>5</v>
      </c>
      <c r="IC25" s="413">
        <v>0</v>
      </c>
      <c r="ID25" s="102">
        <v>5</v>
      </c>
      <c r="IE25" s="102">
        <v>4</v>
      </c>
      <c r="IF25" s="102">
        <v>1</v>
      </c>
      <c r="IG25" s="102">
        <v>0</v>
      </c>
      <c r="IH25" s="102">
        <v>4</v>
      </c>
      <c r="II25" s="103">
        <v>14</v>
      </c>
      <c r="IJ25" s="104">
        <v>19</v>
      </c>
      <c r="IK25" s="101">
        <v>8</v>
      </c>
      <c r="IL25" s="102">
        <v>9</v>
      </c>
      <c r="IM25" s="103">
        <v>17</v>
      </c>
      <c r="IN25" s="413">
        <v>0</v>
      </c>
      <c r="IO25" s="102">
        <v>9</v>
      </c>
      <c r="IP25" s="102">
        <v>4</v>
      </c>
      <c r="IQ25" s="102">
        <v>1</v>
      </c>
      <c r="IR25" s="102">
        <v>2</v>
      </c>
      <c r="IS25" s="102">
        <v>3</v>
      </c>
      <c r="IT25" s="103">
        <v>19</v>
      </c>
      <c r="IU25" s="104">
        <v>36</v>
      </c>
      <c r="IV25" s="101">
        <v>5</v>
      </c>
      <c r="IW25" s="102">
        <v>2</v>
      </c>
      <c r="IX25" s="103">
        <v>7</v>
      </c>
      <c r="IY25" s="413">
        <v>0</v>
      </c>
      <c r="IZ25" s="102">
        <v>6</v>
      </c>
      <c r="JA25" s="102">
        <v>7</v>
      </c>
      <c r="JB25" s="102">
        <v>5</v>
      </c>
      <c r="JC25" s="102">
        <v>2</v>
      </c>
      <c r="JD25" s="102">
        <v>2</v>
      </c>
      <c r="JE25" s="103">
        <v>22</v>
      </c>
      <c r="JF25" s="104">
        <v>29</v>
      </c>
      <c r="JG25" s="101">
        <v>3</v>
      </c>
      <c r="JH25" s="102">
        <v>3</v>
      </c>
      <c r="JI25" s="103">
        <v>6</v>
      </c>
      <c r="JJ25" s="413">
        <v>0</v>
      </c>
      <c r="JK25" s="102">
        <v>13</v>
      </c>
      <c r="JL25" s="102">
        <v>8</v>
      </c>
      <c r="JM25" s="102">
        <v>3</v>
      </c>
      <c r="JN25" s="102">
        <v>6</v>
      </c>
      <c r="JO25" s="102">
        <v>3</v>
      </c>
      <c r="JP25" s="103">
        <v>33</v>
      </c>
      <c r="JQ25" s="104">
        <v>39</v>
      </c>
      <c r="JR25" s="101">
        <v>0</v>
      </c>
      <c r="JS25" s="102">
        <v>0</v>
      </c>
      <c r="JT25" s="103">
        <v>0</v>
      </c>
      <c r="JU25" s="413">
        <v>0</v>
      </c>
      <c r="JV25" s="102">
        <v>0</v>
      </c>
      <c r="JW25" s="102">
        <v>0</v>
      </c>
      <c r="JX25" s="102">
        <v>0</v>
      </c>
      <c r="JY25" s="102">
        <v>0</v>
      </c>
      <c r="JZ25" s="102">
        <v>0</v>
      </c>
      <c r="KA25" s="103">
        <v>0</v>
      </c>
      <c r="KB25" s="104">
        <v>0</v>
      </c>
      <c r="KC25" s="101">
        <v>19</v>
      </c>
      <c r="KD25" s="102">
        <v>19</v>
      </c>
      <c r="KE25" s="103">
        <v>38</v>
      </c>
      <c r="KF25" s="413">
        <v>0</v>
      </c>
      <c r="KG25" s="102">
        <v>35</v>
      </c>
      <c r="KH25" s="102">
        <v>24</v>
      </c>
      <c r="KI25" s="102">
        <v>13</v>
      </c>
      <c r="KJ25" s="102">
        <v>11</v>
      </c>
      <c r="KK25" s="102">
        <v>13</v>
      </c>
      <c r="KL25" s="103">
        <v>96</v>
      </c>
      <c r="KM25" s="104">
        <v>134</v>
      </c>
    </row>
    <row r="26" spans="2:299" s="70" customFormat="1" ht="21" customHeight="1" x14ac:dyDescent="0.2">
      <c r="B26" s="106" t="s">
        <v>23</v>
      </c>
      <c r="C26" s="96">
        <v>27</v>
      </c>
      <c r="D26" s="97">
        <v>21</v>
      </c>
      <c r="E26" s="98">
        <v>48</v>
      </c>
      <c r="F26" s="413">
        <v>0</v>
      </c>
      <c r="G26" s="97">
        <v>25</v>
      </c>
      <c r="H26" s="97">
        <v>32</v>
      </c>
      <c r="I26" s="97">
        <v>27</v>
      </c>
      <c r="J26" s="97">
        <v>11</v>
      </c>
      <c r="K26" s="97">
        <v>13</v>
      </c>
      <c r="L26" s="99">
        <v>108</v>
      </c>
      <c r="M26" s="100">
        <v>156</v>
      </c>
      <c r="N26" s="101">
        <v>1</v>
      </c>
      <c r="O26" s="102">
        <v>2</v>
      </c>
      <c r="P26" s="103">
        <v>3</v>
      </c>
      <c r="Q26" s="413">
        <v>0</v>
      </c>
      <c r="R26" s="102">
        <v>0</v>
      </c>
      <c r="S26" s="102">
        <v>0</v>
      </c>
      <c r="T26" s="102">
        <v>0</v>
      </c>
      <c r="U26" s="102">
        <v>0</v>
      </c>
      <c r="V26" s="102">
        <v>0</v>
      </c>
      <c r="W26" s="103">
        <v>0</v>
      </c>
      <c r="X26" s="104">
        <v>3</v>
      </c>
      <c r="Y26" s="101">
        <v>1</v>
      </c>
      <c r="Z26" s="102">
        <v>0</v>
      </c>
      <c r="AA26" s="103">
        <v>1</v>
      </c>
      <c r="AB26" s="413">
        <v>0</v>
      </c>
      <c r="AC26" s="102">
        <v>1</v>
      </c>
      <c r="AD26" s="102">
        <v>4</v>
      </c>
      <c r="AE26" s="102">
        <v>4</v>
      </c>
      <c r="AF26" s="102">
        <v>0</v>
      </c>
      <c r="AG26" s="102">
        <v>2</v>
      </c>
      <c r="AH26" s="103">
        <v>11</v>
      </c>
      <c r="AI26" s="104">
        <v>12</v>
      </c>
      <c r="AJ26" s="101">
        <v>8</v>
      </c>
      <c r="AK26" s="102">
        <v>1</v>
      </c>
      <c r="AL26" s="103">
        <v>9</v>
      </c>
      <c r="AM26" s="413">
        <v>0</v>
      </c>
      <c r="AN26" s="102">
        <v>3</v>
      </c>
      <c r="AO26" s="102">
        <v>4</v>
      </c>
      <c r="AP26" s="102">
        <v>5</v>
      </c>
      <c r="AQ26" s="102">
        <v>0</v>
      </c>
      <c r="AR26" s="102">
        <v>4</v>
      </c>
      <c r="AS26" s="103">
        <v>16</v>
      </c>
      <c r="AT26" s="104">
        <v>25</v>
      </c>
      <c r="AU26" s="101">
        <v>8</v>
      </c>
      <c r="AV26" s="102">
        <v>9</v>
      </c>
      <c r="AW26" s="103">
        <v>17</v>
      </c>
      <c r="AX26" s="413">
        <v>0</v>
      </c>
      <c r="AY26" s="102">
        <v>5</v>
      </c>
      <c r="AZ26" s="102">
        <v>9</v>
      </c>
      <c r="BA26" s="102">
        <v>5</v>
      </c>
      <c r="BB26" s="102">
        <v>3</v>
      </c>
      <c r="BC26" s="102">
        <v>1</v>
      </c>
      <c r="BD26" s="103">
        <v>23</v>
      </c>
      <c r="BE26" s="104">
        <v>40</v>
      </c>
      <c r="BF26" s="101">
        <v>7</v>
      </c>
      <c r="BG26" s="102">
        <v>5</v>
      </c>
      <c r="BH26" s="103">
        <v>12</v>
      </c>
      <c r="BI26" s="413">
        <v>0</v>
      </c>
      <c r="BJ26" s="102">
        <v>10</v>
      </c>
      <c r="BK26" s="102">
        <v>10</v>
      </c>
      <c r="BL26" s="102">
        <v>6</v>
      </c>
      <c r="BM26" s="102">
        <v>4</v>
      </c>
      <c r="BN26" s="102">
        <v>3</v>
      </c>
      <c r="BO26" s="103">
        <v>33</v>
      </c>
      <c r="BP26" s="104">
        <v>45</v>
      </c>
      <c r="BQ26" s="101">
        <v>2</v>
      </c>
      <c r="BR26" s="102">
        <v>4</v>
      </c>
      <c r="BS26" s="103">
        <v>6</v>
      </c>
      <c r="BT26" s="413">
        <v>0</v>
      </c>
      <c r="BU26" s="102">
        <v>6</v>
      </c>
      <c r="BV26" s="102">
        <v>5</v>
      </c>
      <c r="BW26" s="102">
        <v>7</v>
      </c>
      <c r="BX26" s="102">
        <v>4</v>
      </c>
      <c r="BY26" s="102">
        <v>3</v>
      </c>
      <c r="BZ26" s="103">
        <v>25</v>
      </c>
      <c r="CA26" s="104">
        <v>31</v>
      </c>
      <c r="CB26" s="101">
        <v>0</v>
      </c>
      <c r="CC26" s="102">
        <v>0</v>
      </c>
      <c r="CD26" s="103">
        <v>0</v>
      </c>
      <c r="CE26" s="413">
        <v>0</v>
      </c>
      <c r="CF26" s="102">
        <v>0</v>
      </c>
      <c r="CG26" s="102">
        <v>0</v>
      </c>
      <c r="CH26" s="102">
        <v>0</v>
      </c>
      <c r="CI26" s="102">
        <v>0</v>
      </c>
      <c r="CJ26" s="102">
        <v>0</v>
      </c>
      <c r="CK26" s="103">
        <v>0</v>
      </c>
      <c r="CL26" s="104">
        <v>0</v>
      </c>
      <c r="CM26" s="101">
        <v>27</v>
      </c>
      <c r="CN26" s="102">
        <v>21</v>
      </c>
      <c r="CO26" s="103">
        <v>48</v>
      </c>
      <c r="CP26" s="413">
        <v>0</v>
      </c>
      <c r="CQ26" s="102">
        <v>25</v>
      </c>
      <c r="CR26" s="102">
        <v>32</v>
      </c>
      <c r="CS26" s="102">
        <v>27</v>
      </c>
      <c r="CT26" s="102">
        <v>11</v>
      </c>
      <c r="CU26" s="102">
        <v>13</v>
      </c>
      <c r="CV26" s="103">
        <v>108</v>
      </c>
      <c r="CW26" s="104">
        <v>156</v>
      </c>
      <c r="CX26" s="105">
        <v>7</v>
      </c>
      <c r="CY26" s="97">
        <v>9</v>
      </c>
      <c r="CZ26" s="98">
        <v>16</v>
      </c>
      <c r="DA26" s="413">
        <v>0</v>
      </c>
      <c r="DB26" s="97">
        <v>9</v>
      </c>
      <c r="DC26" s="97">
        <v>11</v>
      </c>
      <c r="DD26" s="97">
        <v>5</v>
      </c>
      <c r="DE26" s="97">
        <v>7</v>
      </c>
      <c r="DF26" s="97">
        <v>6</v>
      </c>
      <c r="DG26" s="99">
        <v>38</v>
      </c>
      <c r="DH26" s="100">
        <v>54</v>
      </c>
      <c r="DI26" s="101">
        <v>0</v>
      </c>
      <c r="DJ26" s="102">
        <v>0</v>
      </c>
      <c r="DK26" s="103">
        <v>0</v>
      </c>
      <c r="DL26" s="413">
        <v>0</v>
      </c>
      <c r="DM26" s="102">
        <v>0</v>
      </c>
      <c r="DN26" s="102">
        <v>0</v>
      </c>
      <c r="DO26" s="102">
        <v>0</v>
      </c>
      <c r="DP26" s="102">
        <v>0</v>
      </c>
      <c r="DQ26" s="102">
        <v>0</v>
      </c>
      <c r="DR26" s="103">
        <v>0</v>
      </c>
      <c r="DS26" s="104">
        <v>0</v>
      </c>
      <c r="DT26" s="101">
        <v>1</v>
      </c>
      <c r="DU26" s="102">
        <v>0</v>
      </c>
      <c r="DV26" s="103">
        <v>1</v>
      </c>
      <c r="DW26" s="413">
        <v>0</v>
      </c>
      <c r="DX26" s="102">
        <v>1</v>
      </c>
      <c r="DY26" s="102">
        <v>1</v>
      </c>
      <c r="DZ26" s="102">
        <v>1</v>
      </c>
      <c r="EA26" s="102">
        <v>0</v>
      </c>
      <c r="EB26" s="102">
        <v>0</v>
      </c>
      <c r="EC26" s="103">
        <v>3</v>
      </c>
      <c r="ED26" s="104">
        <v>4</v>
      </c>
      <c r="EE26" s="101">
        <v>1</v>
      </c>
      <c r="EF26" s="102">
        <v>0</v>
      </c>
      <c r="EG26" s="103">
        <v>1</v>
      </c>
      <c r="EH26" s="413">
        <v>0</v>
      </c>
      <c r="EI26" s="102">
        <v>1</v>
      </c>
      <c r="EJ26" s="102">
        <v>0</v>
      </c>
      <c r="EK26" s="102">
        <v>0</v>
      </c>
      <c r="EL26" s="102">
        <v>0</v>
      </c>
      <c r="EM26" s="102">
        <v>1</v>
      </c>
      <c r="EN26" s="103">
        <v>2</v>
      </c>
      <c r="EO26" s="104">
        <v>3</v>
      </c>
      <c r="EP26" s="101">
        <v>3</v>
      </c>
      <c r="EQ26" s="102">
        <v>6</v>
      </c>
      <c r="ER26" s="103">
        <v>9</v>
      </c>
      <c r="ES26" s="413">
        <v>0</v>
      </c>
      <c r="ET26" s="102">
        <v>0</v>
      </c>
      <c r="EU26" s="102">
        <v>3</v>
      </c>
      <c r="EV26" s="102">
        <v>1</v>
      </c>
      <c r="EW26" s="102">
        <v>1</v>
      </c>
      <c r="EX26" s="102">
        <v>0</v>
      </c>
      <c r="EY26" s="103">
        <v>5</v>
      </c>
      <c r="EZ26" s="104">
        <v>14</v>
      </c>
      <c r="FA26" s="101">
        <v>1</v>
      </c>
      <c r="FB26" s="102">
        <v>1</v>
      </c>
      <c r="FC26" s="103">
        <v>2</v>
      </c>
      <c r="FD26" s="413">
        <v>0</v>
      </c>
      <c r="FE26" s="102">
        <v>2</v>
      </c>
      <c r="FF26" s="102">
        <v>1</v>
      </c>
      <c r="FG26" s="102">
        <v>2</v>
      </c>
      <c r="FH26" s="102">
        <v>1</v>
      </c>
      <c r="FI26" s="102">
        <v>1</v>
      </c>
      <c r="FJ26" s="103">
        <v>7</v>
      </c>
      <c r="FK26" s="104">
        <v>9</v>
      </c>
      <c r="FL26" s="101">
        <v>1</v>
      </c>
      <c r="FM26" s="102">
        <v>2</v>
      </c>
      <c r="FN26" s="103">
        <v>3</v>
      </c>
      <c r="FO26" s="413">
        <v>0</v>
      </c>
      <c r="FP26" s="102">
        <v>5</v>
      </c>
      <c r="FQ26" s="102">
        <v>6</v>
      </c>
      <c r="FR26" s="102">
        <v>1</v>
      </c>
      <c r="FS26" s="102">
        <v>5</v>
      </c>
      <c r="FT26" s="102">
        <v>4</v>
      </c>
      <c r="FU26" s="103">
        <v>21</v>
      </c>
      <c r="FV26" s="104">
        <v>24</v>
      </c>
      <c r="FW26" s="101">
        <v>0</v>
      </c>
      <c r="FX26" s="102">
        <v>0</v>
      </c>
      <c r="FY26" s="103">
        <v>0</v>
      </c>
      <c r="FZ26" s="413">
        <v>0</v>
      </c>
      <c r="GA26" s="102">
        <v>0</v>
      </c>
      <c r="GB26" s="102">
        <v>0</v>
      </c>
      <c r="GC26" s="102">
        <v>0</v>
      </c>
      <c r="GD26" s="102">
        <v>0</v>
      </c>
      <c r="GE26" s="102">
        <v>0</v>
      </c>
      <c r="GF26" s="103">
        <v>0</v>
      </c>
      <c r="GG26" s="104">
        <v>0</v>
      </c>
      <c r="GH26" s="101">
        <v>7</v>
      </c>
      <c r="GI26" s="102">
        <v>9</v>
      </c>
      <c r="GJ26" s="103">
        <v>16</v>
      </c>
      <c r="GK26" s="413">
        <v>0</v>
      </c>
      <c r="GL26" s="102">
        <v>9</v>
      </c>
      <c r="GM26" s="102">
        <v>11</v>
      </c>
      <c r="GN26" s="102">
        <v>5</v>
      </c>
      <c r="GO26" s="102">
        <v>7</v>
      </c>
      <c r="GP26" s="102">
        <v>6</v>
      </c>
      <c r="GQ26" s="103">
        <v>38</v>
      </c>
      <c r="GR26" s="104">
        <v>54</v>
      </c>
      <c r="GS26" s="105">
        <v>34</v>
      </c>
      <c r="GT26" s="97">
        <v>30</v>
      </c>
      <c r="GU26" s="98">
        <v>64</v>
      </c>
      <c r="GV26" s="413">
        <v>0</v>
      </c>
      <c r="GW26" s="97">
        <v>34</v>
      </c>
      <c r="GX26" s="97">
        <v>43</v>
      </c>
      <c r="GY26" s="97">
        <v>32</v>
      </c>
      <c r="GZ26" s="97">
        <v>18</v>
      </c>
      <c r="HA26" s="97">
        <v>19</v>
      </c>
      <c r="HB26" s="99">
        <v>146</v>
      </c>
      <c r="HC26" s="100">
        <v>210</v>
      </c>
      <c r="HD26" s="101">
        <v>1</v>
      </c>
      <c r="HE26" s="102">
        <v>2</v>
      </c>
      <c r="HF26" s="103">
        <v>3</v>
      </c>
      <c r="HG26" s="413">
        <v>0</v>
      </c>
      <c r="HH26" s="102">
        <v>0</v>
      </c>
      <c r="HI26" s="102">
        <v>0</v>
      </c>
      <c r="HJ26" s="102">
        <v>0</v>
      </c>
      <c r="HK26" s="102">
        <v>0</v>
      </c>
      <c r="HL26" s="102">
        <v>0</v>
      </c>
      <c r="HM26" s="103">
        <v>0</v>
      </c>
      <c r="HN26" s="104">
        <v>3</v>
      </c>
      <c r="HO26" s="101">
        <v>2</v>
      </c>
      <c r="HP26" s="102">
        <v>0</v>
      </c>
      <c r="HQ26" s="103">
        <v>2</v>
      </c>
      <c r="HR26" s="413">
        <v>0</v>
      </c>
      <c r="HS26" s="102">
        <v>2</v>
      </c>
      <c r="HT26" s="102">
        <v>5</v>
      </c>
      <c r="HU26" s="102">
        <v>5</v>
      </c>
      <c r="HV26" s="102">
        <v>0</v>
      </c>
      <c r="HW26" s="102">
        <v>2</v>
      </c>
      <c r="HX26" s="103">
        <v>14</v>
      </c>
      <c r="HY26" s="104">
        <v>16</v>
      </c>
      <c r="HZ26" s="101">
        <v>9</v>
      </c>
      <c r="IA26" s="102">
        <v>1</v>
      </c>
      <c r="IB26" s="103">
        <v>10</v>
      </c>
      <c r="IC26" s="413">
        <v>0</v>
      </c>
      <c r="ID26" s="102">
        <v>4</v>
      </c>
      <c r="IE26" s="102">
        <v>4</v>
      </c>
      <c r="IF26" s="102">
        <v>5</v>
      </c>
      <c r="IG26" s="102">
        <v>0</v>
      </c>
      <c r="IH26" s="102">
        <v>5</v>
      </c>
      <c r="II26" s="103">
        <v>18</v>
      </c>
      <c r="IJ26" s="104">
        <v>28</v>
      </c>
      <c r="IK26" s="101">
        <v>11</v>
      </c>
      <c r="IL26" s="102">
        <v>15</v>
      </c>
      <c r="IM26" s="103">
        <v>26</v>
      </c>
      <c r="IN26" s="413">
        <v>0</v>
      </c>
      <c r="IO26" s="102">
        <v>5</v>
      </c>
      <c r="IP26" s="102">
        <v>12</v>
      </c>
      <c r="IQ26" s="102">
        <v>6</v>
      </c>
      <c r="IR26" s="102">
        <v>4</v>
      </c>
      <c r="IS26" s="102">
        <v>1</v>
      </c>
      <c r="IT26" s="103">
        <v>28</v>
      </c>
      <c r="IU26" s="104">
        <v>54</v>
      </c>
      <c r="IV26" s="101">
        <v>8</v>
      </c>
      <c r="IW26" s="102">
        <v>6</v>
      </c>
      <c r="IX26" s="103">
        <v>14</v>
      </c>
      <c r="IY26" s="413">
        <v>0</v>
      </c>
      <c r="IZ26" s="102">
        <v>12</v>
      </c>
      <c r="JA26" s="102">
        <v>11</v>
      </c>
      <c r="JB26" s="102">
        <v>8</v>
      </c>
      <c r="JC26" s="102">
        <v>5</v>
      </c>
      <c r="JD26" s="102">
        <v>4</v>
      </c>
      <c r="JE26" s="103">
        <v>40</v>
      </c>
      <c r="JF26" s="104">
        <v>54</v>
      </c>
      <c r="JG26" s="101">
        <v>3</v>
      </c>
      <c r="JH26" s="102">
        <v>6</v>
      </c>
      <c r="JI26" s="103">
        <v>9</v>
      </c>
      <c r="JJ26" s="413">
        <v>0</v>
      </c>
      <c r="JK26" s="102">
        <v>11</v>
      </c>
      <c r="JL26" s="102">
        <v>11</v>
      </c>
      <c r="JM26" s="102">
        <v>8</v>
      </c>
      <c r="JN26" s="102">
        <v>9</v>
      </c>
      <c r="JO26" s="102">
        <v>7</v>
      </c>
      <c r="JP26" s="103">
        <v>46</v>
      </c>
      <c r="JQ26" s="104">
        <v>55</v>
      </c>
      <c r="JR26" s="101">
        <v>0</v>
      </c>
      <c r="JS26" s="102">
        <v>0</v>
      </c>
      <c r="JT26" s="103">
        <v>0</v>
      </c>
      <c r="JU26" s="413">
        <v>0</v>
      </c>
      <c r="JV26" s="102">
        <v>0</v>
      </c>
      <c r="JW26" s="102">
        <v>0</v>
      </c>
      <c r="JX26" s="102">
        <v>0</v>
      </c>
      <c r="JY26" s="102">
        <v>0</v>
      </c>
      <c r="JZ26" s="102">
        <v>0</v>
      </c>
      <c r="KA26" s="103">
        <v>0</v>
      </c>
      <c r="KB26" s="104">
        <v>0</v>
      </c>
      <c r="KC26" s="101">
        <v>34</v>
      </c>
      <c r="KD26" s="102">
        <v>30</v>
      </c>
      <c r="KE26" s="103">
        <v>64</v>
      </c>
      <c r="KF26" s="413">
        <v>0</v>
      </c>
      <c r="KG26" s="102">
        <v>34</v>
      </c>
      <c r="KH26" s="102">
        <v>43</v>
      </c>
      <c r="KI26" s="102">
        <v>32</v>
      </c>
      <c r="KJ26" s="102">
        <v>18</v>
      </c>
      <c r="KK26" s="102">
        <v>19</v>
      </c>
      <c r="KL26" s="103">
        <v>146</v>
      </c>
      <c r="KM26" s="104">
        <v>210</v>
      </c>
    </row>
    <row r="27" spans="2:299" s="70" customFormat="1" ht="21" customHeight="1" x14ac:dyDescent="0.2">
      <c r="B27" s="106" t="s">
        <v>24</v>
      </c>
      <c r="C27" s="96">
        <v>29</v>
      </c>
      <c r="D27" s="97">
        <v>21</v>
      </c>
      <c r="E27" s="98">
        <v>50</v>
      </c>
      <c r="F27" s="413">
        <v>0</v>
      </c>
      <c r="G27" s="97">
        <v>32</v>
      </c>
      <c r="H27" s="97">
        <v>24</v>
      </c>
      <c r="I27" s="97">
        <v>8</v>
      </c>
      <c r="J27" s="97">
        <v>10</v>
      </c>
      <c r="K27" s="97">
        <v>13</v>
      </c>
      <c r="L27" s="99">
        <v>87</v>
      </c>
      <c r="M27" s="100">
        <v>137</v>
      </c>
      <c r="N27" s="101">
        <v>0</v>
      </c>
      <c r="O27" s="102">
        <v>0</v>
      </c>
      <c r="P27" s="103">
        <v>0</v>
      </c>
      <c r="Q27" s="413">
        <v>0</v>
      </c>
      <c r="R27" s="102">
        <v>2</v>
      </c>
      <c r="S27" s="102">
        <v>0</v>
      </c>
      <c r="T27" s="102">
        <v>0</v>
      </c>
      <c r="U27" s="102">
        <v>0</v>
      </c>
      <c r="V27" s="102">
        <v>0</v>
      </c>
      <c r="W27" s="103">
        <v>2</v>
      </c>
      <c r="X27" s="104">
        <v>2</v>
      </c>
      <c r="Y27" s="101">
        <v>0</v>
      </c>
      <c r="Z27" s="102">
        <v>1</v>
      </c>
      <c r="AA27" s="103">
        <v>1</v>
      </c>
      <c r="AB27" s="413">
        <v>0</v>
      </c>
      <c r="AC27" s="102">
        <v>1</v>
      </c>
      <c r="AD27" s="102">
        <v>2</v>
      </c>
      <c r="AE27" s="102">
        <v>1</v>
      </c>
      <c r="AF27" s="102">
        <v>2</v>
      </c>
      <c r="AG27" s="102">
        <v>2</v>
      </c>
      <c r="AH27" s="103">
        <v>8</v>
      </c>
      <c r="AI27" s="104">
        <v>9</v>
      </c>
      <c r="AJ27" s="101">
        <v>1</v>
      </c>
      <c r="AK27" s="102">
        <v>1</v>
      </c>
      <c r="AL27" s="103">
        <v>2</v>
      </c>
      <c r="AM27" s="413">
        <v>0</v>
      </c>
      <c r="AN27" s="102">
        <v>6</v>
      </c>
      <c r="AO27" s="102">
        <v>1</v>
      </c>
      <c r="AP27" s="102">
        <v>0</v>
      </c>
      <c r="AQ27" s="102">
        <v>0</v>
      </c>
      <c r="AR27" s="102">
        <v>1</v>
      </c>
      <c r="AS27" s="103">
        <v>8</v>
      </c>
      <c r="AT27" s="104">
        <v>10</v>
      </c>
      <c r="AU27" s="101">
        <v>8</v>
      </c>
      <c r="AV27" s="102">
        <v>5</v>
      </c>
      <c r="AW27" s="103">
        <v>13</v>
      </c>
      <c r="AX27" s="413">
        <v>0</v>
      </c>
      <c r="AY27" s="102">
        <v>8</v>
      </c>
      <c r="AZ27" s="102">
        <v>5</v>
      </c>
      <c r="BA27" s="102">
        <v>2</v>
      </c>
      <c r="BB27" s="102">
        <v>1</v>
      </c>
      <c r="BC27" s="102">
        <v>3</v>
      </c>
      <c r="BD27" s="103">
        <v>19</v>
      </c>
      <c r="BE27" s="104">
        <v>32</v>
      </c>
      <c r="BF27" s="101">
        <v>12</v>
      </c>
      <c r="BG27" s="102">
        <v>6</v>
      </c>
      <c r="BH27" s="103">
        <v>18</v>
      </c>
      <c r="BI27" s="413">
        <v>0</v>
      </c>
      <c r="BJ27" s="102">
        <v>10</v>
      </c>
      <c r="BK27" s="102">
        <v>8</v>
      </c>
      <c r="BL27" s="102">
        <v>2</v>
      </c>
      <c r="BM27" s="102">
        <v>0</v>
      </c>
      <c r="BN27" s="102">
        <v>3</v>
      </c>
      <c r="BO27" s="103">
        <v>23</v>
      </c>
      <c r="BP27" s="104">
        <v>41</v>
      </c>
      <c r="BQ27" s="101">
        <v>8</v>
      </c>
      <c r="BR27" s="102">
        <v>8</v>
      </c>
      <c r="BS27" s="103">
        <v>16</v>
      </c>
      <c r="BT27" s="413">
        <v>0</v>
      </c>
      <c r="BU27" s="102">
        <v>5</v>
      </c>
      <c r="BV27" s="102">
        <v>8</v>
      </c>
      <c r="BW27" s="102">
        <v>3</v>
      </c>
      <c r="BX27" s="102">
        <v>7</v>
      </c>
      <c r="BY27" s="102">
        <v>4</v>
      </c>
      <c r="BZ27" s="103">
        <v>27</v>
      </c>
      <c r="CA27" s="104">
        <v>43</v>
      </c>
      <c r="CB27" s="101">
        <v>0</v>
      </c>
      <c r="CC27" s="102">
        <v>0</v>
      </c>
      <c r="CD27" s="103">
        <v>0</v>
      </c>
      <c r="CE27" s="413">
        <v>0</v>
      </c>
      <c r="CF27" s="102">
        <v>0</v>
      </c>
      <c r="CG27" s="102">
        <v>0</v>
      </c>
      <c r="CH27" s="102">
        <v>0</v>
      </c>
      <c r="CI27" s="102">
        <v>0</v>
      </c>
      <c r="CJ27" s="102">
        <v>0</v>
      </c>
      <c r="CK27" s="103">
        <v>0</v>
      </c>
      <c r="CL27" s="104">
        <v>0</v>
      </c>
      <c r="CM27" s="101">
        <v>29</v>
      </c>
      <c r="CN27" s="102">
        <v>21</v>
      </c>
      <c r="CO27" s="103">
        <v>50</v>
      </c>
      <c r="CP27" s="413">
        <v>0</v>
      </c>
      <c r="CQ27" s="102">
        <v>32</v>
      </c>
      <c r="CR27" s="102">
        <v>24</v>
      </c>
      <c r="CS27" s="102">
        <v>8</v>
      </c>
      <c r="CT27" s="102">
        <v>10</v>
      </c>
      <c r="CU27" s="102">
        <v>13</v>
      </c>
      <c r="CV27" s="103">
        <v>87</v>
      </c>
      <c r="CW27" s="104">
        <v>137</v>
      </c>
      <c r="CX27" s="105">
        <v>11</v>
      </c>
      <c r="CY27" s="97">
        <v>6</v>
      </c>
      <c r="CZ27" s="98">
        <v>17</v>
      </c>
      <c r="DA27" s="413">
        <v>0</v>
      </c>
      <c r="DB27" s="97">
        <v>13</v>
      </c>
      <c r="DC27" s="97">
        <v>7</v>
      </c>
      <c r="DD27" s="97">
        <v>4</v>
      </c>
      <c r="DE27" s="97">
        <v>4</v>
      </c>
      <c r="DF27" s="97">
        <v>7</v>
      </c>
      <c r="DG27" s="99">
        <v>35</v>
      </c>
      <c r="DH27" s="100">
        <v>52</v>
      </c>
      <c r="DI27" s="101">
        <v>0</v>
      </c>
      <c r="DJ27" s="102">
        <v>0</v>
      </c>
      <c r="DK27" s="103">
        <v>0</v>
      </c>
      <c r="DL27" s="413">
        <v>0</v>
      </c>
      <c r="DM27" s="102">
        <v>0</v>
      </c>
      <c r="DN27" s="102">
        <v>0</v>
      </c>
      <c r="DO27" s="102">
        <v>0</v>
      </c>
      <c r="DP27" s="102">
        <v>0</v>
      </c>
      <c r="DQ27" s="102">
        <v>0</v>
      </c>
      <c r="DR27" s="103">
        <v>0</v>
      </c>
      <c r="DS27" s="104">
        <v>0</v>
      </c>
      <c r="DT27" s="101">
        <v>0</v>
      </c>
      <c r="DU27" s="102">
        <v>0</v>
      </c>
      <c r="DV27" s="103">
        <v>0</v>
      </c>
      <c r="DW27" s="413">
        <v>0</v>
      </c>
      <c r="DX27" s="102">
        <v>0</v>
      </c>
      <c r="DY27" s="102">
        <v>0</v>
      </c>
      <c r="DZ27" s="102">
        <v>0</v>
      </c>
      <c r="EA27" s="102">
        <v>0</v>
      </c>
      <c r="EB27" s="102">
        <v>0</v>
      </c>
      <c r="EC27" s="103">
        <v>0</v>
      </c>
      <c r="ED27" s="104">
        <v>0</v>
      </c>
      <c r="EE27" s="101">
        <v>3</v>
      </c>
      <c r="EF27" s="102">
        <v>0</v>
      </c>
      <c r="EG27" s="103">
        <v>3</v>
      </c>
      <c r="EH27" s="413">
        <v>0</v>
      </c>
      <c r="EI27" s="102">
        <v>1</v>
      </c>
      <c r="EJ27" s="102">
        <v>0</v>
      </c>
      <c r="EK27" s="102">
        <v>1</v>
      </c>
      <c r="EL27" s="102">
        <v>0</v>
      </c>
      <c r="EM27" s="102">
        <v>0</v>
      </c>
      <c r="EN27" s="103">
        <v>2</v>
      </c>
      <c r="EO27" s="104">
        <v>5</v>
      </c>
      <c r="EP27" s="101">
        <v>4</v>
      </c>
      <c r="EQ27" s="102">
        <v>1</v>
      </c>
      <c r="ER27" s="103">
        <v>5</v>
      </c>
      <c r="ES27" s="413">
        <v>0</v>
      </c>
      <c r="ET27" s="102">
        <v>2</v>
      </c>
      <c r="EU27" s="102">
        <v>0</v>
      </c>
      <c r="EV27" s="102">
        <v>1</v>
      </c>
      <c r="EW27" s="102">
        <v>2</v>
      </c>
      <c r="EX27" s="102">
        <v>0</v>
      </c>
      <c r="EY27" s="103">
        <v>5</v>
      </c>
      <c r="EZ27" s="104">
        <v>10</v>
      </c>
      <c r="FA27" s="101">
        <v>1</v>
      </c>
      <c r="FB27" s="102">
        <v>3</v>
      </c>
      <c r="FC27" s="103">
        <v>4</v>
      </c>
      <c r="FD27" s="413">
        <v>0</v>
      </c>
      <c r="FE27" s="102">
        <v>8</v>
      </c>
      <c r="FF27" s="102">
        <v>3</v>
      </c>
      <c r="FG27" s="102">
        <v>0</v>
      </c>
      <c r="FH27" s="102">
        <v>0</v>
      </c>
      <c r="FI27" s="102">
        <v>3</v>
      </c>
      <c r="FJ27" s="103">
        <v>14</v>
      </c>
      <c r="FK27" s="104">
        <v>18</v>
      </c>
      <c r="FL27" s="101">
        <v>3</v>
      </c>
      <c r="FM27" s="102">
        <v>2</v>
      </c>
      <c r="FN27" s="103">
        <v>5</v>
      </c>
      <c r="FO27" s="413">
        <v>0</v>
      </c>
      <c r="FP27" s="102">
        <v>2</v>
      </c>
      <c r="FQ27" s="102">
        <v>4</v>
      </c>
      <c r="FR27" s="102">
        <v>2</v>
      </c>
      <c r="FS27" s="102">
        <v>2</v>
      </c>
      <c r="FT27" s="102">
        <v>4</v>
      </c>
      <c r="FU27" s="103">
        <v>14</v>
      </c>
      <c r="FV27" s="104">
        <v>19</v>
      </c>
      <c r="FW27" s="101">
        <v>0</v>
      </c>
      <c r="FX27" s="102">
        <v>0</v>
      </c>
      <c r="FY27" s="103">
        <v>0</v>
      </c>
      <c r="FZ27" s="413">
        <v>0</v>
      </c>
      <c r="GA27" s="102">
        <v>0</v>
      </c>
      <c r="GB27" s="102">
        <v>0</v>
      </c>
      <c r="GC27" s="102">
        <v>0</v>
      </c>
      <c r="GD27" s="102">
        <v>0</v>
      </c>
      <c r="GE27" s="102">
        <v>0</v>
      </c>
      <c r="GF27" s="103">
        <v>0</v>
      </c>
      <c r="GG27" s="104">
        <v>0</v>
      </c>
      <c r="GH27" s="101">
        <v>11</v>
      </c>
      <c r="GI27" s="102">
        <v>6</v>
      </c>
      <c r="GJ27" s="103">
        <v>17</v>
      </c>
      <c r="GK27" s="413">
        <v>0</v>
      </c>
      <c r="GL27" s="102">
        <v>13</v>
      </c>
      <c r="GM27" s="102">
        <v>7</v>
      </c>
      <c r="GN27" s="102">
        <v>4</v>
      </c>
      <c r="GO27" s="102">
        <v>4</v>
      </c>
      <c r="GP27" s="102">
        <v>7</v>
      </c>
      <c r="GQ27" s="103">
        <v>35</v>
      </c>
      <c r="GR27" s="104">
        <v>52</v>
      </c>
      <c r="GS27" s="105">
        <v>40</v>
      </c>
      <c r="GT27" s="97">
        <v>27</v>
      </c>
      <c r="GU27" s="98">
        <v>67</v>
      </c>
      <c r="GV27" s="413">
        <v>0</v>
      </c>
      <c r="GW27" s="97">
        <v>45</v>
      </c>
      <c r="GX27" s="97">
        <v>31</v>
      </c>
      <c r="GY27" s="97">
        <v>12</v>
      </c>
      <c r="GZ27" s="97">
        <v>14</v>
      </c>
      <c r="HA27" s="97">
        <v>20</v>
      </c>
      <c r="HB27" s="99">
        <v>122</v>
      </c>
      <c r="HC27" s="100">
        <v>189</v>
      </c>
      <c r="HD27" s="101">
        <v>0</v>
      </c>
      <c r="HE27" s="102">
        <v>0</v>
      </c>
      <c r="HF27" s="103">
        <v>0</v>
      </c>
      <c r="HG27" s="413">
        <v>0</v>
      </c>
      <c r="HH27" s="102">
        <v>2</v>
      </c>
      <c r="HI27" s="102">
        <v>0</v>
      </c>
      <c r="HJ27" s="102">
        <v>0</v>
      </c>
      <c r="HK27" s="102">
        <v>0</v>
      </c>
      <c r="HL27" s="102">
        <v>0</v>
      </c>
      <c r="HM27" s="103">
        <v>2</v>
      </c>
      <c r="HN27" s="104">
        <v>2</v>
      </c>
      <c r="HO27" s="101">
        <v>0</v>
      </c>
      <c r="HP27" s="102">
        <v>1</v>
      </c>
      <c r="HQ27" s="103">
        <v>1</v>
      </c>
      <c r="HR27" s="413">
        <v>0</v>
      </c>
      <c r="HS27" s="102">
        <v>1</v>
      </c>
      <c r="HT27" s="102">
        <v>2</v>
      </c>
      <c r="HU27" s="102">
        <v>1</v>
      </c>
      <c r="HV27" s="102">
        <v>2</v>
      </c>
      <c r="HW27" s="102">
        <v>2</v>
      </c>
      <c r="HX27" s="103">
        <v>8</v>
      </c>
      <c r="HY27" s="104">
        <v>9</v>
      </c>
      <c r="HZ27" s="101">
        <v>4</v>
      </c>
      <c r="IA27" s="102">
        <v>1</v>
      </c>
      <c r="IB27" s="103">
        <v>5</v>
      </c>
      <c r="IC27" s="413">
        <v>0</v>
      </c>
      <c r="ID27" s="102">
        <v>7</v>
      </c>
      <c r="IE27" s="102">
        <v>1</v>
      </c>
      <c r="IF27" s="102">
        <v>1</v>
      </c>
      <c r="IG27" s="102">
        <v>0</v>
      </c>
      <c r="IH27" s="102">
        <v>1</v>
      </c>
      <c r="II27" s="103">
        <v>10</v>
      </c>
      <c r="IJ27" s="104">
        <v>15</v>
      </c>
      <c r="IK27" s="101">
        <v>12</v>
      </c>
      <c r="IL27" s="102">
        <v>6</v>
      </c>
      <c r="IM27" s="103">
        <v>18</v>
      </c>
      <c r="IN27" s="413">
        <v>0</v>
      </c>
      <c r="IO27" s="102">
        <v>10</v>
      </c>
      <c r="IP27" s="102">
        <v>5</v>
      </c>
      <c r="IQ27" s="102">
        <v>3</v>
      </c>
      <c r="IR27" s="102">
        <v>3</v>
      </c>
      <c r="IS27" s="102">
        <v>3</v>
      </c>
      <c r="IT27" s="103">
        <v>24</v>
      </c>
      <c r="IU27" s="104">
        <v>42</v>
      </c>
      <c r="IV27" s="101">
        <v>13</v>
      </c>
      <c r="IW27" s="102">
        <v>9</v>
      </c>
      <c r="IX27" s="103">
        <v>22</v>
      </c>
      <c r="IY27" s="413">
        <v>0</v>
      </c>
      <c r="IZ27" s="102">
        <v>18</v>
      </c>
      <c r="JA27" s="102">
        <v>11</v>
      </c>
      <c r="JB27" s="102">
        <v>2</v>
      </c>
      <c r="JC27" s="102">
        <v>0</v>
      </c>
      <c r="JD27" s="102">
        <v>6</v>
      </c>
      <c r="JE27" s="103">
        <v>37</v>
      </c>
      <c r="JF27" s="104">
        <v>59</v>
      </c>
      <c r="JG27" s="101">
        <v>11</v>
      </c>
      <c r="JH27" s="102">
        <v>10</v>
      </c>
      <c r="JI27" s="103">
        <v>21</v>
      </c>
      <c r="JJ27" s="413">
        <v>0</v>
      </c>
      <c r="JK27" s="102">
        <v>7</v>
      </c>
      <c r="JL27" s="102">
        <v>12</v>
      </c>
      <c r="JM27" s="102">
        <v>5</v>
      </c>
      <c r="JN27" s="102">
        <v>9</v>
      </c>
      <c r="JO27" s="102">
        <v>8</v>
      </c>
      <c r="JP27" s="103">
        <v>41</v>
      </c>
      <c r="JQ27" s="104">
        <v>62</v>
      </c>
      <c r="JR27" s="101">
        <v>0</v>
      </c>
      <c r="JS27" s="102">
        <v>0</v>
      </c>
      <c r="JT27" s="103">
        <v>0</v>
      </c>
      <c r="JU27" s="413">
        <v>0</v>
      </c>
      <c r="JV27" s="102">
        <v>0</v>
      </c>
      <c r="JW27" s="102">
        <v>0</v>
      </c>
      <c r="JX27" s="102">
        <v>0</v>
      </c>
      <c r="JY27" s="102">
        <v>0</v>
      </c>
      <c r="JZ27" s="102">
        <v>0</v>
      </c>
      <c r="KA27" s="103">
        <v>0</v>
      </c>
      <c r="KB27" s="104">
        <v>0</v>
      </c>
      <c r="KC27" s="101">
        <v>40</v>
      </c>
      <c r="KD27" s="102">
        <v>27</v>
      </c>
      <c r="KE27" s="103">
        <v>67</v>
      </c>
      <c r="KF27" s="413">
        <v>0</v>
      </c>
      <c r="KG27" s="102">
        <v>45</v>
      </c>
      <c r="KH27" s="102">
        <v>31</v>
      </c>
      <c r="KI27" s="102">
        <v>12</v>
      </c>
      <c r="KJ27" s="102">
        <v>14</v>
      </c>
      <c r="KK27" s="102">
        <v>20</v>
      </c>
      <c r="KL27" s="103">
        <v>122</v>
      </c>
      <c r="KM27" s="104">
        <v>189</v>
      </c>
    </row>
    <row r="28" spans="2:299" s="70" customFormat="1" ht="21" customHeight="1" x14ac:dyDescent="0.2">
      <c r="B28" s="106" t="s">
        <v>25</v>
      </c>
      <c r="C28" s="96">
        <v>10</v>
      </c>
      <c r="D28" s="97">
        <v>13</v>
      </c>
      <c r="E28" s="98">
        <v>23</v>
      </c>
      <c r="F28" s="413">
        <v>0</v>
      </c>
      <c r="G28" s="97">
        <v>8</v>
      </c>
      <c r="H28" s="97">
        <v>15</v>
      </c>
      <c r="I28" s="97">
        <v>11</v>
      </c>
      <c r="J28" s="97">
        <v>7</v>
      </c>
      <c r="K28" s="97">
        <v>7</v>
      </c>
      <c r="L28" s="99">
        <v>48</v>
      </c>
      <c r="M28" s="100">
        <v>71</v>
      </c>
      <c r="N28" s="101">
        <v>0</v>
      </c>
      <c r="O28" s="102">
        <v>1</v>
      </c>
      <c r="P28" s="103">
        <v>1</v>
      </c>
      <c r="Q28" s="413">
        <v>0</v>
      </c>
      <c r="R28" s="102">
        <v>0</v>
      </c>
      <c r="S28" s="102">
        <v>2</v>
      </c>
      <c r="T28" s="102">
        <v>1</v>
      </c>
      <c r="U28" s="102">
        <v>0</v>
      </c>
      <c r="V28" s="102">
        <v>1</v>
      </c>
      <c r="W28" s="103">
        <v>4</v>
      </c>
      <c r="X28" s="104">
        <v>5</v>
      </c>
      <c r="Y28" s="101">
        <v>2</v>
      </c>
      <c r="Z28" s="102">
        <v>1</v>
      </c>
      <c r="AA28" s="103">
        <v>3</v>
      </c>
      <c r="AB28" s="413">
        <v>0</v>
      </c>
      <c r="AC28" s="102">
        <v>1</v>
      </c>
      <c r="AD28" s="102">
        <v>1</v>
      </c>
      <c r="AE28" s="102">
        <v>3</v>
      </c>
      <c r="AF28" s="102">
        <v>0</v>
      </c>
      <c r="AG28" s="102">
        <v>2</v>
      </c>
      <c r="AH28" s="103">
        <v>7</v>
      </c>
      <c r="AI28" s="104">
        <v>10</v>
      </c>
      <c r="AJ28" s="101">
        <v>1</v>
      </c>
      <c r="AK28" s="102">
        <v>1</v>
      </c>
      <c r="AL28" s="103">
        <v>2</v>
      </c>
      <c r="AM28" s="413">
        <v>0</v>
      </c>
      <c r="AN28" s="102">
        <v>1</v>
      </c>
      <c r="AO28" s="102">
        <v>3</v>
      </c>
      <c r="AP28" s="102">
        <v>1</v>
      </c>
      <c r="AQ28" s="102">
        <v>3</v>
      </c>
      <c r="AR28" s="102">
        <v>0</v>
      </c>
      <c r="AS28" s="103">
        <v>8</v>
      </c>
      <c r="AT28" s="104">
        <v>10</v>
      </c>
      <c r="AU28" s="101">
        <v>2</v>
      </c>
      <c r="AV28" s="102">
        <v>7</v>
      </c>
      <c r="AW28" s="103">
        <v>9</v>
      </c>
      <c r="AX28" s="413">
        <v>0</v>
      </c>
      <c r="AY28" s="102">
        <v>3</v>
      </c>
      <c r="AZ28" s="102">
        <v>3</v>
      </c>
      <c r="BA28" s="102">
        <v>1</v>
      </c>
      <c r="BB28" s="102">
        <v>1</v>
      </c>
      <c r="BC28" s="102">
        <v>2</v>
      </c>
      <c r="BD28" s="103">
        <v>10</v>
      </c>
      <c r="BE28" s="104">
        <v>19</v>
      </c>
      <c r="BF28" s="101">
        <v>2</v>
      </c>
      <c r="BG28" s="102">
        <v>1</v>
      </c>
      <c r="BH28" s="103">
        <v>3</v>
      </c>
      <c r="BI28" s="413">
        <v>0</v>
      </c>
      <c r="BJ28" s="102">
        <v>1</v>
      </c>
      <c r="BK28" s="102">
        <v>2</v>
      </c>
      <c r="BL28" s="102">
        <v>2</v>
      </c>
      <c r="BM28" s="102">
        <v>1</v>
      </c>
      <c r="BN28" s="102">
        <v>0</v>
      </c>
      <c r="BO28" s="103">
        <v>6</v>
      </c>
      <c r="BP28" s="104">
        <v>9</v>
      </c>
      <c r="BQ28" s="101">
        <v>3</v>
      </c>
      <c r="BR28" s="102">
        <v>2</v>
      </c>
      <c r="BS28" s="103">
        <v>5</v>
      </c>
      <c r="BT28" s="413">
        <v>0</v>
      </c>
      <c r="BU28" s="102">
        <v>2</v>
      </c>
      <c r="BV28" s="102">
        <v>4</v>
      </c>
      <c r="BW28" s="102">
        <v>3</v>
      </c>
      <c r="BX28" s="102">
        <v>2</v>
      </c>
      <c r="BY28" s="102">
        <v>2</v>
      </c>
      <c r="BZ28" s="103">
        <v>13</v>
      </c>
      <c r="CA28" s="104">
        <v>18</v>
      </c>
      <c r="CB28" s="101">
        <v>0</v>
      </c>
      <c r="CC28" s="102">
        <v>0</v>
      </c>
      <c r="CD28" s="103">
        <v>0</v>
      </c>
      <c r="CE28" s="413">
        <v>0</v>
      </c>
      <c r="CF28" s="102">
        <v>0</v>
      </c>
      <c r="CG28" s="102">
        <v>0</v>
      </c>
      <c r="CH28" s="102">
        <v>0</v>
      </c>
      <c r="CI28" s="102">
        <v>0</v>
      </c>
      <c r="CJ28" s="102">
        <v>0</v>
      </c>
      <c r="CK28" s="103">
        <v>0</v>
      </c>
      <c r="CL28" s="104">
        <v>0</v>
      </c>
      <c r="CM28" s="101">
        <v>10</v>
      </c>
      <c r="CN28" s="102">
        <v>13</v>
      </c>
      <c r="CO28" s="103">
        <v>23</v>
      </c>
      <c r="CP28" s="413">
        <v>0</v>
      </c>
      <c r="CQ28" s="102">
        <v>8</v>
      </c>
      <c r="CR28" s="102">
        <v>15</v>
      </c>
      <c r="CS28" s="102">
        <v>11</v>
      </c>
      <c r="CT28" s="102">
        <v>7</v>
      </c>
      <c r="CU28" s="102">
        <v>7</v>
      </c>
      <c r="CV28" s="103">
        <v>48</v>
      </c>
      <c r="CW28" s="104">
        <v>71</v>
      </c>
      <c r="CX28" s="105">
        <v>3</v>
      </c>
      <c r="CY28" s="97">
        <v>16</v>
      </c>
      <c r="CZ28" s="98">
        <v>19</v>
      </c>
      <c r="DA28" s="413">
        <v>0</v>
      </c>
      <c r="DB28" s="97">
        <v>8</v>
      </c>
      <c r="DC28" s="97">
        <v>5</v>
      </c>
      <c r="DD28" s="97">
        <v>2</v>
      </c>
      <c r="DE28" s="97">
        <v>3</v>
      </c>
      <c r="DF28" s="97">
        <v>3</v>
      </c>
      <c r="DG28" s="99">
        <v>21</v>
      </c>
      <c r="DH28" s="100">
        <v>40</v>
      </c>
      <c r="DI28" s="101">
        <v>0</v>
      </c>
      <c r="DJ28" s="102">
        <v>0</v>
      </c>
      <c r="DK28" s="103">
        <v>0</v>
      </c>
      <c r="DL28" s="413">
        <v>0</v>
      </c>
      <c r="DM28" s="102">
        <v>0</v>
      </c>
      <c r="DN28" s="102">
        <v>0</v>
      </c>
      <c r="DO28" s="102">
        <v>0</v>
      </c>
      <c r="DP28" s="102">
        <v>0</v>
      </c>
      <c r="DQ28" s="102">
        <v>0</v>
      </c>
      <c r="DR28" s="103">
        <v>0</v>
      </c>
      <c r="DS28" s="104">
        <v>0</v>
      </c>
      <c r="DT28" s="101">
        <v>0</v>
      </c>
      <c r="DU28" s="102">
        <v>0</v>
      </c>
      <c r="DV28" s="103">
        <v>0</v>
      </c>
      <c r="DW28" s="413">
        <v>0</v>
      </c>
      <c r="DX28" s="102">
        <v>1</v>
      </c>
      <c r="DY28" s="102">
        <v>1</v>
      </c>
      <c r="DZ28" s="102">
        <v>0</v>
      </c>
      <c r="EA28" s="102">
        <v>0</v>
      </c>
      <c r="EB28" s="102">
        <v>1</v>
      </c>
      <c r="EC28" s="103">
        <v>3</v>
      </c>
      <c r="ED28" s="104">
        <v>3</v>
      </c>
      <c r="EE28" s="101">
        <v>1</v>
      </c>
      <c r="EF28" s="102">
        <v>1</v>
      </c>
      <c r="EG28" s="103">
        <v>2</v>
      </c>
      <c r="EH28" s="413">
        <v>0</v>
      </c>
      <c r="EI28" s="102">
        <v>1</v>
      </c>
      <c r="EJ28" s="102">
        <v>0</v>
      </c>
      <c r="EK28" s="102">
        <v>0</v>
      </c>
      <c r="EL28" s="102">
        <v>0</v>
      </c>
      <c r="EM28" s="102">
        <v>0</v>
      </c>
      <c r="EN28" s="103">
        <v>1</v>
      </c>
      <c r="EO28" s="104">
        <v>3</v>
      </c>
      <c r="EP28" s="101">
        <v>0</v>
      </c>
      <c r="EQ28" s="102">
        <v>4</v>
      </c>
      <c r="ER28" s="103">
        <v>4</v>
      </c>
      <c r="ES28" s="413">
        <v>0</v>
      </c>
      <c r="ET28" s="102">
        <v>0</v>
      </c>
      <c r="EU28" s="102">
        <v>1</v>
      </c>
      <c r="EV28" s="102">
        <v>1</v>
      </c>
      <c r="EW28" s="102">
        <v>0</v>
      </c>
      <c r="EX28" s="102">
        <v>0</v>
      </c>
      <c r="EY28" s="103">
        <v>2</v>
      </c>
      <c r="EZ28" s="104">
        <v>6</v>
      </c>
      <c r="FA28" s="101">
        <v>1</v>
      </c>
      <c r="FB28" s="102">
        <v>3</v>
      </c>
      <c r="FC28" s="103">
        <v>4</v>
      </c>
      <c r="FD28" s="413">
        <v>0</v>
      </c>
      <c r="FE28" s="102">
        <v>2</v>
      </c>
      <c r="FF28" s="102">
        <v>1</v>
      </c>
      <c r="FG28" s="102">
        <v>0</v>
      </c>
      <c r="FH28" s="102">
        <v>0</v>
      </c>
      <c r="FI28" s="102">
        <v>1</v>
      </c>
      <c r="FJ28" s="103">
        <v>4</v>
      </c>
      <c r="FK28" s="104">
        <v>8</v>
      </c>
      <c r="FL28" s="101">
        <v>1</v>
      </c>
      <c r="FM28" s="102">
        <v>8</v>
      </c>
      <c r="FN28" s="103">
        <v>9</v>
      </c>
      <c r="FO28" s="413">
        <v>0</v>
      </c>
      <c r="FP28" s="102">
        <v>4</v>
      </c>
      <c r="FQ28" s="102">
        <v>2</v>
      </c>
      <c r="FR28" s="102">
        <v>1</v>
      </c>
      <c r="FS28" s="102">
        <v>3</v>
      </c>
      <c r="FT28" s="102">
        <v>1</v>
      </c>
      <c r="FU28" s="103">
        <v>11</v>
      </c>
      <c r="FV28" s="104">
        <v>20</v>
      </c>
      <c r="FW28" s="101">
        <v>0</v>
      </c>
      <c r="FX28" s="102">
        <v>0</v>
      </c>
      <c r="FY28" s="103">
        <v>0</v>
      </c>
      <c r="FZ28" s="413">
        <v>0</v>
      </c>
      <c r="GA28" s="102">
        <v>0</v>
      </c>
      <c r="GB28" s="102">
        <v>0</v>
      </c>
      <c r="GC28" s="102">
        <v>0</v>
      </c>
      <c r="GD28" s="102">
        <v>0</v>
      </c>
      <c r="GE28" s="102">
        <v>0</v>
      </c>
      <c r="GF28" s="103">
        <v>0</v>
      </c>
      <c r="GG28" s="104">
        <v>0</v>
      </c>
      <c r="GH28" s="101">
        <v>3</v>
      </c>
      <c r="GI28" s="102">
        <v>16</v>
      </c>
      <c r="GJ28" s="103">
        <v>19</v>
      </c>
      <c r="GK28" s="413">
        <v>0</v>
      </c>
      <c r="GL28" s="102">
        <v>8</v>
      </c>
      <c r="GM28" s="102">
        <v>5</v>
      </c>
      <c r="GN28" s="102">
        <v>2</v>
      </c>
      <c r="GO28" s="102">
        <v>3</v>
      </c>
      <c r="GP28" s="102">
        <v>3</v>
      </c>
      <c r="GQ28" s="103">
        <v>21</v>
      </c>
      <c r="GR28" s="104">
        <v>40</v>
      </c>
      <c r="GS28" s="105">
        <v>13</v>
      </c>
      <c r="GT28" s="97">
        <v>29</v>
      </c>
      <c r="GU28" s="98">
        <v>42</v>
      </c>
      <c r="GV28" s="413">
        <v>0</v>
      </c>
      <c r="GW28" s="97">
        <v>16</v>
      </c>
      <c r="GX28" s="97">
        <v>20</v>
      </c>
      <c r="GY28" s="97">
        <v>13</v>
      </c>
      <c r="GZ28" s="97">
        <v>10</v>
      </c>
      <c r="HA28" s="97">
        <v>10</v>
      </c>
      <c r="HB28" s="99">
        <v>69</v>
      </c>
      <c r="HC28" s="100">
        <v>111</v>
      </c>
      <c r="HD28" s="101">
        <v>0</v>
      </c>
      <c r="HE28" s="102">
        <v>1</v>
      </c>
      <c r="HF28" s="103">
        <v>1</v>
      </c>
      <c r="HG28" s="413">
        <v>0</v>
      </c>
      <c r="HH28" s="102">
        <v>0</v>
      </c>
      <c r="HI28" s="102">
        <v>2</v>
      </c>
      <c r="HJ28" s="102">
        <v>1</v>
      </c>
      <c r="HK28" s="102">
        <v>0</v>
      </c>
      <c r="HL28" s="102">
        <v>1</v>
      </c>
      <c r="HM28" s="103">
        <v>4</v>
      </c>
      <c r="HN28" s="104">
        <v>5</v>
      </c>
      <c r="HO28" s="101">
        <v>2</v>
      </c>
      <c r="HP28" s="102">
        <v>1</v>
      </c>
      <c r="HQ28" s="103">
        <v>3</v>
      </c>
      <c r="HR28" s="413">
        <v>0</v>
      </c>
      <c r="HS28" s="102">
        <v>2</v>
      </c>
      <c r="HT28" s="102">
        <v>2</v>
      </c>
      <c r="HU28" s="102">
        <v>3</v>
      </c>
      <c r="HV28" s="102">
        <v>0</v>
      </c>
      <c r="HW28" s="102">
        <v>3</v>
      </c>
      <c r="HX28" s="103">
        <v>10</v>
      </c>
      <c r="HY28" s="104">
        <v>13</v>
      </c>
      <c r="HZ28" s="101">
        <v>2</v>
      </c>
      <c r="IA28" s="102">
        <v>2</v>
      </c>
      <c r="IB28" s="103">
        <v>4</v>
      </c>
      <c r="IC28" s="413">
        <v>0</v>
      </c>
      <c r="ID28" s="102">
        <v>2</v>
      </c>
      <c r="IE28" s="102">
        <v>3</v>
      </c>
      <c r="IF28" s="102">
        <v>1</v>
      </c>
      <c r="IG28" s="102">
        <v>3</v>
      </c>
      <c r="IH28" s="102">
        <v>0</v>
      </c>
      <c r="II28" s="103">
        <v>9</v>
      </c>
      <c r="IJ28" s="104">
        <v>13</v>
      </c>
      <c r="IK28" s="101">
        <v>2</v>
      </c>
      <c r="IL28" s="102">
        <v>11</v>
      </c>
      <c r="IM28" s="103">
        <v>13</v>
      </c>
      <c r="IN28" s="413">
        <v>0</v>
      </c>
      <c r="IO28" s="102">
        <v>3</v>
      </c>
      <c r="IP28" s="102">
        <v>4</v>
      </c>
      <c r="IQ28" s="102">
        <v>2</v>
      </c>
      <c r="IR28" s="102">
        <v>1</v>
      </c>
      <c r="IS28" s="102">
        <v>2</v>
      </c>
      <c r="IT28" s="103">
        <v>12</v>
      </c>
      <c r="IU28" s="104">
        <v>25</v>
      </c>
      <c r="IV28" s="101">
        <v>3</v>
      </c>
      <c r="IW28" s="102">
        <v>4</v>
      </c>
      <c r="IX28" s="103">
        <v>7</v>
      </c>
      <c r="IY28" s="413">
        <v>0</v>
      </c>
      <c r="IZ28" s="102">
        <v>3</v>
      </c>
      <c r="JA28" s="102">
        <v>3</v>
      </c>
      <c r="JB28" s="102">
        <v>2</v>
      </c>
      <c r="JC28" s="102">
        <v>1</v>
      </c>
      <c r="JD28" s="102">
        <v>1</v>
      </c>
      <c r="JE28" s="103">
        <v>10</v>
      </c>
      <c r="JF28" s="104">
        <v>17</v>
      </c>
      <c r="JG28" s="101">
        <v>4</v>
      </c>
      <c r="JH28" s="102">
        <v>10</v>
      </c>
      <c r="JI28" s="103">
        <v>14</v>
      </c>
      <c r="JJ28" s="413">
        <v>0</v>
      </c>
      <c r="JK28" s="102">
        <v>6</v>
      </c>
      <c r="JL28" s="102">
        <v>6</v>
      </c>
      <c r="JM28" s="102">
        <v>4</v>
      </c>
      <c r="JN28" s="102">
        <v>5</v>
      </c>
      <c r="JO28" s="102">
        <v>3</v>
      </c>
      <c r="JP28" s="103">
        <v>24</v>
      </c>
      <c r="JQ28" s="104">
        <v>38</v>
      </c>
      <c r="JR28" s="101">
        <v>0</v>
      </c>
      <c r="JS28" s="102">
        <v>0</v>
      </c>
      <c r="JT28" s="103">
        <v>0</v>
      </c>
      <c r="JU28" s="413">
        <v>0</v>
      </c>
      <c r="JV28" s="102">
        <v>0</v>
      </c>
      <c r="JW28" s="102">
        <v>0</v>
      </c>
      <c r="JX28" s="102">
        <v>0</v>
      </c>
      <c r="JY28" s="102">
        <v>0</v>
      </c>
      <c r="JZ28" s="102">
        <v>0</v>
      </c>
      <c r="KA28" s="103">
        <v>0</v>
      </c>
      <c r="KB28" s="104">
        <v>0</v>
      </c>
      <c r="KC28" s="101">
        <v>13</v>
      </c>
      <c r="KD28" s="102">
        <v>29</v>
      </c>
      <c r="KE28" s="103">
        <v>42</v>
      </c>
      <c r="KF28" s="413">
        <v>0</v>
      </c>
      <c r="KG28" s="102">
        <v>16</v>
      </c>
      <c r="KH28" s="102">
        <v>20</v>
      </c>
      <c r="KI28" s="102">
        <v>13</v>
      </c>
      <c r="KJ28" s="102">
        <v>10</v>
      </c>
      <c r="KK28" s="102">
        <v>10</v>
      </c>
      <c r="KL28" s="103">
        <v>69</v>
      </c>
      <c r="KM28" s="104">
        <v>111</v>
      </c>
    </row>
    <row r="29" spans="2:299" s="70" customFormat="1" ht="21" customHeight="1" x14ac:dyDescent="0.2">
      <c r="B29" s="106" t="s">
        <v>26</v>
      </c>
      <c r="C29" s="96">
        <v>15</v>
      </c>
      <c r="D29" s="97">
        <v>11</v>
      </c>
      <c r="E29" s="98">
        <v>26</v>
      </c>
      <c r="F29" s="413">
        <v>0</v>
      </c>
      <c r="G29" s="97">
        <v>18</v>
      </c>
      <c r="H29" s="97">
        <v>20</v>
      </c>
      <c r="I29" s="97">
        <v>11</v>
      </c>
      <c r="J29" s="97">
        <v>3</v>
      </c>
      <c r="K29" s="97">
        <v>7</v>
      </c>
      <c r="L29" s="99">
        <v>59</v>
      </c>
      <c r="M29" s="100">
        <v>85</v>
      </c>
      <c r="N29" s="101">
        <v>0</v>
      </c>
      <c r="O29" s="102">
        <v>0</v>
      </c>
      <c r="P29" s="103">
        <v>0</v>
      </c>
      <c r="Q29" s="413">
        <v>0</v>
      </c>
      <c r="R29" s="102">
        <v>0</v>
      </c>
      <c r="S29" s="102">
        <v>0</v>
      </c>
      <c r="T29" s="102">
        <v>0</v>
      </c>
      <c r="U29" s="102">
        <v>0</v>
      </c>
      <c r="V29" s="102">
        <v>0</v>
      </c>
      <c r="W29" s="103">
        <v>0</v>
      </c>
      <c r="X29" s="104">
        <v>0</v>
      </c>
      <c r="Y29" s="101">
        <v>0</v>
      </c>
      <c r="Z29" s="102">
        <v>0</v>
      </c>
      <c r="AA29" s="103">
        <v>0</v>
      </c>
      <c r="AB29" s="413">
        <v>0</v>
      </c>
      <c r="AC29" s="102">
        <v>1</v>
      </c>
      <c r="AD29" s="102">
        <v>2</v>
      </c>
      <c r="AE29" s="102">
        <v>0</v>
      </c>
      <c r="AF29" s="102">
        <v>0</v>
      </c>
      <c r="AG29" s="102">
        <v>0</v>
      </c>
      <c r="AH29" s="103">
        <v>3</v>
      </c>
      <c r="AI29" s="104">
        <v>3</v>
      </c>
      <c r="AJ29" s="101">
        <v>2</v>
      </c>
      <c r="AK29" s="102">
        <v>2</v>
      </c>
      <c r="AL29" s="103">
        <v>4</v>
      </c>
      <c r="AM29" s="413">
        <v>0</v>
      </c>
      <c r="AN29" s="102">
        <v>3</v>
      </c>
      <c r="AO29" s="102">
        <v>3</v>
      </c>
      <c r="AP29" s="102">
        <v>0</v>
      </c>
      <c r="AQ29" s="102">
        <v>0</v>
      </c>
      <c r="AR29" s="102">
        <v>2</v>
      </c>
      <c r="AS29" s="103">
        <v>8</v>
      </c>
      <c r="AT29" s="104">
        <v>12</v>
      </c>
      <c r="AU29" s="101">
        <v>1</v>
      </c>
      <c r="AV29" s="102">
        <v>4</v>
      </c>
      <c r="AW29" s="103">
        <v>5</v>
      </c>
      <c r="AX29" s="413">
        <v>0</v>
      </c>
      <c r="AY29" s="102">
        <v>3</v>
      </c>
      <c r="AZ29" s="102">
        <v>4</v>
      </c>
      <c r="BA29" s="102">
        <v>3</v>
      </c>
      <c r="BB29" s="102">
        <v>0</v>
      </c>
      <c r="BC29" s="102">
        <v>2</v>
      </c>
      <c r="BD29" s="103">
        <v>12</v>
      </c>
      <c r="BE29" s="104">
        <v>17</v>
      </c>
      <c r="BF29" s="101">
        <v>8</v>
      </c>
      <c r="BG29" s="102">
        <v>1</v>
      </c>
      <c r="BH29" s="103">
        <v>9</v>
      </c>
      <c r="BI29" s="413">
        <v>0</v>
      </c>
      <c r="BJ29" s="102">
        <v>5</v>
      </c>
      <c r="BK29" s="102">
        <v>6</v>
      </c>
      <c r="BL29" s="102">
        <v>5</v>
      </c>
      <c r="BM29" s="102">
        <v>1</v>
      </c>
      <c r="BN29" s="102">
        <v>2</v>
      </c>
      <c r="BO29" s="103">
        <v>19</v>
      </c>
      <c r="BP29" s="104">
        <v>28</v>
      </c>
      <c r="BQ29" s="101">
        <v>4</v>
      </c>
      <c r="BR29" s="102">
        <v>4</v>
      </c>
      <c r="BS29" s="103">
        <v>8</v>
      </c>
      <c r="BT29" s="413">
        <v>0</v>
      </c>
      <c r="BU29" s="102">
        <v>6</v>
      </c>
      <c r="BV29" s="102">
        <v>5</v>
      </c>
      <c r="BW29" s="102">
        <v>3</v>
      </c>
      <c r="BX29" s="102">
        <v>2</v>
      </c>
      <c r="BY29" s="102">
        <v>1</v>
      </c>
      <c r="BZ29" s="103">
        <v>17</v>
      </c>
      <c r="CA29" s="104">
        <v>25</v>
      </c>
      <c r="CB29" s="101">
        <v>0</v>
      </c>
      <c r="CC29" s="102">
        <v>0</v>
      </c>
      <c r="CD29" s="103">
        <v>0</v>
      </c>
      <c r="CE29" s="413">
        <v>0</v>
      </c>
      <c r="CF29" s="102">
        <v>0</v>
      </c>
      <c r="CG29" s="102">
        <v>0</v>
      </c>
      <c r="CH29" s="102">
        <v>0</v>
      </c>
      <c r="CI29" s="102">
        <v>0</v>
      </c>
      <c r="CJ29" s="102">
        <v>0</v>
      </c>
      <c r="CK29" s="103">
        <v>0</v>
      </c>
      <c r="CL29" s="104">
        <v>0</v>
      </c>
      <c r="CM29" s="101">
        <v>15</v>
      </c>
      <c r="CN29" s="102">
        <v>11</v>
      </c>
      <c r="CO29" s="103">
        <v>26</v>
      </c>
      <c r="CP29" s="413">
        <v>0</v>
      </c>
      <c r="CQ29" s="102">
        <v>18</v>
      </c>
      <c r="CR29" s="102">
        <v>20</v>
      </c>
      <c r="CS29" s="102">
        <v>11</v>
      </c>
      <c r="CT29" s="102">
        <v>3</v>
      </c>
      <c r="CU29" s="102">
        <v>7</v>
      </c>
      <c r="CV29" s="103">
        <v>59</v>
      </c>
      <c r="CW29" s="104">
        <v>85</v>
      </c>
      <c r="CX29" s="105">
        <v>3</v>
      </c>
      <c r="CY29" s="97">
        <v>6</v>
      </c>
      <c r="CZ29" s="98">
        <v>9</v>
      </c>
      <c r="DA29" s="413">
        <v>0</v>
      </c>
      <c r="DB29" s="97">
        <v>7</v>
      </c>
      <c r="DC29" s="97">
        <v>5</v>
      </c>
      <c r="DD29" s="97">
        <v>4</v>
      </c>
      <c r="DE29" s="97">
        <v>3</v>
      </c>
      <c r="DF29" s="97">
        <v>2</v>
      </c>
      <c r="DG29" s="99">
        <v>21</v>
      </c>
      <c r="DH29" s="100">
        <v>30</v>
      </c>
      <c r="DI29" s="101">
        <v>0</v>
      </c>
      <c r="DJ29" s="102">
        <v>0</v>
      </c>
      <c r="DK29" s="103">
        <v>0</v>
      </c>
      <c r="DL29" s="413">
        <v>0</v>
      </c>
      <c r="DM29" s="102">
        <v>0</v>
      </c>
      <c r="DN29" s="102">
        <v>0</v>
      </c>
      <c r="DO29" s="102">
        <v>0</v>
      </c>
      <c r="DP29" s="102">
        <v>0</v>
      </c>
      <c r="DQ29" s="102">
        <v>0</v>
      </c>
      <c r="DR29" s="103">
        <v>0</v>
      </c>
      <c r="DS29" s="104">
        <v>0</v>
      </c>
      <c r="DT29" s="101">
        <v>0</v>
      </c>
      <c r="DU29" s="102">
        <v>0</v>
      </c>
      <c r="DV29" s="103">
        <v>0</v>
      </c>
      <c r="DW29" s="413">
        <v>0</v>
      </c>
      <c r="DX29" s="102">
        <v>0</v>
      </c>
      <c r="DY29" s="102">
        <v>0</v>
      </c>
      <c r="DZ29" s="102">
        <v>0</v>
      </c>
      <c r="EA29" s="102">
        <v>0</v>
      </c>
      <c r="EB29" s="102">
        <v>1</v>
      </c>
      <c r="EC29" s="103">
        <v>1</v>
      </c>
      <c r="ED29" s="104">
        <v>1</v>
      </c>
      <c r="EE29" s="101">
        <v>0</v>
      </c>
      <c r="EF29" s="102">
        <v>2</v>
      </c>
      <c r="EG29" s="103">
        <v>2</v>
      </c>
      <c r="EH29" s="413">
        <v>0</v>
      </c>
      <c r="EI29" s="102">
        <v>0</v>
      </c>
      <c r="EJ29" s="102">
        <v>0</v>
      </c>
      <c r="EK29" s="102">
        <v>0</v>
      </c>
      <c r="EL29" s="102">
        <v>1</v>
      </c>
      <c r="EM29" s="102">
        <v>0</v>
      </c>
      <c r="EN29" s="103">
        <v>1</v>
      </c>
      <c r="EO29" s="104">
        <v>3</v>
      </c>
      <c r="EP29" s="101">
        <v>1</v>
      </c>
      <c r="EQ29" s="102">
        <v>2</v>
      </c>
      <c r="ER29" s="103">
        <v>3</v>
      </c>
      <c r="ES29" s="413">
        <v>0</v>
      </c>
      <c r="ET29" s="102">
        <v>3</v>
      </c>
      <c r="EU29" s="102">
        <v>1</v>
      </c>
      <c r="EV29" s="102">
        <v>0</v>
      </c>
      <c r="EW29" s="102">
        <v>0</v>
      </c>
      <c r="EX29" s="102">
        <v>0</v>
      </c>
      <c r="EY29" s="103">
        <v>4</v>
      </c>
      <c r="EZ29" s="104">
        <v>7</v>
      </c>
      <c r="FA29" s="101">
        <v>2</v>
      </c>
      <c r="FB29" s="102">
        <v>0</v>
      </c>
      <c r="FC29" s="103">
        <v>2</v>
      </c>
      <c r="FD29" s="413">
        <v>0</v>
      </c>
      <c r="FE29" s="102">
        <v>1</v>
      </c>
      <c r="FF29" s="102">
        <v>2</v>
      </c>
      <c r="FG29" s="102">
        <v>1</v>
      </c>
      <c r="FH29" s="102">
        <v>1</v>
      </c>
      <c r="FI29" s="102">
        <v>0</v>
      </c>
      <c r="FJ29" s="103">
        <v>5</v>
      </c>
      <c r="FK29" s="104">
        <v>7</v>
      </c>
      <c r="FL29" s="101">
        <v>0</v>
      </c>
      <c r="FM29" s="102">
        <v>2</v>
      </c>
      <c r="FN29" s="103">
        <v>2</v>
      </c>
      <c r="FO29" s="413">
        <v>0</v>
      </c>
      <c r="FP29" s="102">
        <v>3</v>
      </c>
      <c r="FQ29" s="102">
        <v>2</v>
      </c>
      <c r="FR29" s="102">
        <v>3</v>
      </c>
      <c r="FS29" s="102">
        <v>1</v>
      </c>
      <c r="FT29" s="102">
        <v>1</v>
      </c>
      <c r="FU29" s="103">
        <v>10</v>
      </c>
      <c r="FV29" s="104">
        <v>12</v>
      </c>
      <c r="FW29" s="101">
        <v>0</v>
      </c>
      <c r="FX29" s="102">
        <v>0</v>
      </c>
      <c r="FY29" s="103">
        <v>0</v>
      </c>
      <c r="FZ29" s="413">
        <v>0</v>
      </c>
      <c r="GA29" s="102">
        <v>0</v>
      </c>
      <c r="GB29" s="102">
        <v>0</v>
      </c>
      <c r="GC29" s="102">
        <v>0</v>
      </c>
      <c r="GD29" s="102">
        <v>0</v>
      </c>
      <c r="GE29" s="102">
        <v>0</v>
      </c>
      <c r="GF29" s="103">
        <v>0</v>
      </c>
      <c r="GG29" s="104">
        <v>0</v>
      </c>
      <c r="GH29" s="101">
        <v>3</v>
      </c>
      <c r="GI29" s="102">
        <v>6</v>
      </c>
      <c r="GJ29" s="103">
        <v>9</v>
      </c>
      <c r="GK29" s="413">
        <v>0</v>
      </c>
      <c r="GL29" s="102">
        <v>7</v>
      </c>
      <c r="GM29" s="102">
        <v>5</v>
      </c>
      <c r="GN29" s="102">
        <v>4</v>
      </c>
      <c r="GO29" s="102">
        <v>3</v>
      </c>
      <c r="GP29" s="102">
        <v>2</v>
      </c>
      <c r="GQ29" s="103">
        <v>21</v>
      </c>
      <c r="GR29" s="104">
        <v>30</v>
      </c>
      <c r="GS29" s="105">
        <v>18</v>
      </c>
      <c r="GT29" s="97">
        <v>17</v>
      </c>
      <c r="GU29" s="98">
        <v>35</v>
      </c>
      <c r="GV29" s="413">
        <v>0</v>
      </c>
      <c r="GW29" s="97">
        <v>25</v>
      </c>
      <c r="GX29" s="97">
        <v>25</v>
      </c>
      <c r="GY29" s="97">
        <v>15</v>
      </c>
      <c r="GZ29" s="97">
        <v>6</v>
      </c>
      <c r="HA29" s="97">
        <v>9</v>
      </c>
      <c r="HB29" s="99">
        <v>80</v>
      </c>
      <c r="HC29" s="100">
        <v>115</v>
      </c>
      <c r="HD29" s="101">
        <v>0</v>
      </c>
      <c r="HE29" s="102">
        <v>0</v>
      </c>
      <c r="HF29" s="103">
        <v>0</v>
      </c>
      <c r="HG29" s="413">
        <v>0</v>
      </c>
      <c r="HH29" s="102">
        <v>0</v>
      </c>
      <c r="HI29" s="102">
        <v>0</v>
      </c>
      <c r="HJ29" s="102">
        <v>0</v>
      </c>
      <c r="HK29" s="102">
        <v>0</v>
      </c>
      <c r="HL29" s="102">
        <v>0</v>
      </c>
      <c r="HM29" s="103">
        <v>0</v>
      </c>
      <c r="HN29" s="104">
        <v>0</v>
      </c>
      <c r="HO29" s="101">
        <v>0</v>
      </c>
      <c r="HP29" s="102">
        <v>0</v>
      </c>
      <c r="HQ29" s="103">
        <v>0</v>
      </c>
      <c r="HR29" s="413">
        <v>0</v>
      </c>
      <c r="HS29" s="102">
        <v>1</v>
      </c>
      <c r="HT29" s="102">
        <v>2</v>
      </c>
      <c r="HU29" s="102">
        <v>0</v>
      </c>
      <c r="HV29" s="102">
        <v>0</v>
      </c>
      <c r="HW29" s="102">
        <v>1</v>
      </c>
      <c r="HX29" s="103">
        <v>4</v>
      </c>
      <c r="HY29" s="104">
        <v>4</v>
      </c>
      <c r="HZ29" s="101">
        <v>2</v>
      </c>
      <c r="IA29" s="102">
        <v>4</v>
      </c>
      <c r="IB29" s="103">
        <v>6</v>
      </c>
      <c r="IC29" s="413">
        <v>0</v>
      </c>
      <c r="ID29" s="102">
        <v>3</v>
      </c>
      <c r="IE29" s="102">
        <v>3</v>
      </c>
      <c r="IF29" s="102">
        <v>0</v>
      </c>
      <c r="IG29" s="102">
        <v>1</v>
      </c>
      <c r="IH29" s="102">
        <v>2</v>
      </c>
      <c r="II29" s="103">
        <v>9</v>
      </c>
      <c r="IJ29" s="104">
        <v>15</v>
      </c>
      <c r="IK29" s="101">
        <v>2</v>
      </c>
      <c r="IL29" s="102">
        <v>6</v>
      </c>
      <c r="IM29" s="103">
        <v>8</v>
      </c>
      <c r="IN29" s="413">
        <v>0</v>
      </c>
      <c r="IO29" s="102">
        <v>6</v>
      </c>
      <c r="IP29" s="102">
        <v>5</v>
      </c>
      <c r="IQ29" s="102">
        <v>3</v>
      </c>
      <c r="IR29" s="102">
        <v>0</v>
      </c>
      <c r="IS29" s="102">
        <v>2</v>
      </c>
      <c r="IT29" s="103">
        <v>16</v>
      </c>
      <c r="IU29" s="104">
        <v>24</v>
      </c>
      <c r="IV29" s="101">
        <v>10</v>
      </c>
      <c r="IW29" s="102">
        <v>1</v>
      </c>
      <c r="IX29" s="103">
        <v>11</v>
      </c>
      <c r="IY29" s="413">
        <v>0</v>
      </c>
      <c r="IZ29" s="102">
        <v>6</v>
      </c>
      <c r="JA29" s="102">
        <v>8</v>
      </c>
      <c r="JB29" s="102">
        <v>6</v>
      </c>
      <c r="JC29" s="102">
        <v>2</v>
      </c>
      <c r="JD29" s="102">
        <v>2</v>
      </c>
      <c r="JE29" s="103">
        <v>24</v>
      </c>
      <c r="JF29" s="104">
        <v>35</v>
      </c>
      <c r="JG29" s="101">
        <v>4</v>
      </c>
      <c r="JH29" s="102">
        <v>6</v>
      </c>
      <c r="JI29" s="103">
        <v>10</v>
      </c>
      <c r="JJ29" s="413">
        <v>0</v>
      </c>
      <c r="JK29" s="102">
        <v>9</v>
      </c>
      <c r="JL29" s="102">
        <v>7</v>
      </c>
      <c r="JM29" s="102">
        <v>6</v>
      </c>
      <c r="JN29" s="102">
        <v>3</v>
      </c>
      <c r="JO29" s="102">
        <v>2</v>
      </c>
      <c r="JP29" s="103">
        <v>27</v>
      </c>
      <c r="JQ29" s="104">
        <v>37</v>
      </c>
      <c r="JR29" s="101">
        <v>0</v>
      </c>
      <c r="JS29" s="102">
        <v>0</v>
      </c>
      <c r="JT29" s="103">
        <v>0</v>
      </c>
      <c r="JU29" s="413">
        <v>0</v>
      </c>
      <c r="JV29" s="102">
        <v>0</v>
      </c>
      <c r="JW29" s="102">
        <v>0</v>
      </c>
      <c r="JX29" s="102">
        <v>0</v>
      </c>
      <c r="JY29" s="102">
        <v>0</v>
      </c>
      <c r="JZ29" s="102">
        <v>0</v>
      </c>
      <c r="KA29" s="103">
        <v>0</v>
      </c>
      <c r="KB29" s="104">
        <v>0</v>
      </c>
      <c r="KC29" s="101">
        <v>18</v>
      </c>
      <c r="KD29" s="102">
        <v>17</v>
      </c>
      <c r="KE29" s="103">
        <v>35</v>
      </c>
      <c r="KF29" s="413">
        <v>0</v>
      </c>
      <c r="KG29" s="102">
        <v>25</v>
      </c>
      <c r="KH29" s="102">
        <v>25</v>
      </c>
      <c r="KI29" s="102">
        <v>15</v>
      </c>
      <c r="KJ29" s="102">
        <v>6</v>
      </c>
      <c r="KK29" s="102">
        <v>9</v>
      </c>
      <c r="KL29" s="103">
        <v>80</v>
      </c>
      <c r="KM29" s="104">
        <v>115</v>
      </c>
    </row>
    <row r="30" spans="2:299" s="70" customFormat="1" ht="21" customHeight="1" x14ac:dyDescent="0.2">
      <c r="B30" s="106" t="s">
        <v>27</v>
      </c>
      <c r="C30" s="96">
        <v>10</v>
      </c>
      <c r="D30" s="97">
        <v>23</v>
      </c>
      <c r="E30" s="98">
        <v>33</v>
      </c>
      <c r="F30" s="413">
        <v>0</v>
      </c>
      <c r="G30" s="97">
        <v>19</v>
      </c>
      <c r="H30" s="97">
        <v>13</v>
      </c>
      <c r="I30" s="97">
        <v>9</v>
      </c>
      <c r="J30" s="97">
        <v>10</v>
      </c>
      <c r="K30" s="97">
        <v>4</v>
      </c>
      <c r="L30" s="99">
        <v>55</v>
      </c>
      <c r="M30" s="100">
        <v>88</v>
      </c>
      <c r="N30" s="101">
        <v>0</v>
      </c>
      <c r="O30" s="102">
        <v>2</v>
      </c>
      <c r="P30" s="103">
        <v>2</v>
      </c>
      <c r="Q30" s="413">
        <v>0</v>
      </c>
      <c r="R30" s="102">
        <v>1</v>
      </c>
      <c r="S30" s="102">
        <v>0</v>
      </c>
      <c r="T30" s="102">
        <v>0</v>
      </c>
      <c r="U30" s="102">
        <v>1</v>
      </c>
      <c r="V30" s="102">
        <v>0</v>
      </c>
      <c r="W30" s="103">
        <v>2</v>
      </c>
      <c r="X30" s="104">
        <v>4</v>
      </c>
      <c r="Y30" s="101">
        <v>0</v>
      </c>
      <c r="Z30" s="102">
        <v>3</v>
      </c>
      <c r="AA30" s="103">
        <v>3</v>
      </c>
      <c r="AB30" s="413">
        <v>0</v>
      </c>
      <c r="AC30" s="102">
        <v>0</v>
      </c>
      <c r="AD30" s="102">
        <v>1</v>
      </c>
      <c r="AE30" s="102">
        <v>1</v>
      </c>
      <c r="AF30" s="102">
        <v>1</v>
      </c>
      <c r="AG30" s="102">
        <v>1</v>
      </c>
      <c r="AH30" s="103">
        <v>4</v>
      </c>
      <c r="AI30" s="104">
        <v>7</v>
      </c>
      <c r="AJ30" s="101">
        <v>0</v>
      </c>
      <c r="AK30" s="102">
        <v>4</v>
      </c>
      <c r="AL30" s="103">
        <v>4</v>
      </c>
      <c r="AM30" s="413">
        <v>0</v>
      </c>
      <c r="AN30" s="102">
        <v>1</v>
      </c>
      <c r="AO30" s="102">
        <v>2</v>
      </c>
      <c r="AP30" s="102">
        <v>0</v>
      </c>
      <c r="AQ30" s="102">
        <v>1</v>
      </c>
      <c r="AR30" s="102">
        <v>1</v>
      </c>
      <c r="AS30" s="103">
        <v>5</v>
      </c>
      <c r="AT30" s="104">
        <v>9</v>
      </c>
      <c r="AU30" s="101">
        <v>3</v>
      </c>
      <c r="AV30" s="102">
        <v>6</v>
      </c>
      <c r="AW30" s="103">
        <v>9</v>
      </c>
      <c r="AX30" s="413">
        <v>0</v>
      </c>
      <c r="AY30" s="102">
        <v>3</v>
      </c>
      <c r="AZ30" s="102">
        <v>2</v>
      </c>
      <c r="BA30" s="102">
        <v>4</v>
      </c>
      <c r="BB30" s="102">
        <v>2</v>
      </c>
      <c r="BC30" s="102">
        <v>1</v>
      </c>
      <c r="BD30" s="103">
        <v>12</v>
      </c>
      <c r="BE30" s="104">
        <v>21</v>
      </c>
      <c r="BF30" s="101">
        <v>5</v>
      </c>
      <c r="BG30" s="102">
        <v>4</v>
      </c>
      <c r="BH30" s="103">
        <v>9</v>
      </c>
      <c r="BI30" s="413">
        <v>0</v>
      </c>
      <c r="BJ30" s="102">
        <v>8</v>
      </c>
      <c r="BK30" s="102">
        <v>3</v>
      </c>
      <c r="BL30" s="102">
        <v>2</v>
      </c>
      <c r="BM30" s="102">
        <v>2</v>
      </c>
      <c r="BN30" s="102">
        <v>0</v>
      </c>
      <c r="BO30" s="103">
        <v>15</v>
      </c>
      <c r="BP30" s="104">
        <v>24</v>
      </c>
      <c r="BQ30" s="101">
        <v>2</v>
      </c>
      <c r="BR30" s="102">
        <v>4</v>
      </c>
      <c r="BS30" s="103">
        <v>6</v>
      </c>
      <c r="BT30" s="413">
        <v>0</v>
      </c>
      <c r="BU30" s="102">
        <v>6</v>
      </c>
      <c r="BV30" s="102">
        <v>5</v>
      </c>
      <c r="BW30" s="102">
        <v>2</v>
      </c>
      <c r="BX30" s="102">
        <v>3</v>
      </c>
      <c r="BY30" s="102">
        <v>1</v>
      </c>
      <c r="BZ30" s="103">
        <v>17</v>
      </c>
      <c r="CA30" s="104">
        <v>23</v>
      </c>
      <c r="CB30" s="101">
        <v>0</v>
      </c>
      <c r="CC30" s="102">
        <v>0</v>
      </c>
      <c r="CD30" s="103">
        <v>0</v>
      </c>
      <c r="CE30" s="413">
        <v>0</v>
      </c>
      <c r="CF30" s="102">
        <v>0</v>
      </c>
      <c r="CG30" s="102">
        <v>0</v>
      </c>
      <c r="CH30" s="102">
        <v>0</v>
      </c>
      <c r="CI30" s="102">
        <v>0</v>
      </c>
      <c r="CJ30" s="102">
        <v>0</v>
      </c>
      <c r="CK30" s="103">
        <v>0</v>
      </c>
      <c r="CL30" s="104">
        <v>0</v>
      </c>
      <c r="CM30" s="101">
        <v>10</v>
      </c>
      <c r="CN30" s="102">
        <v>23</v>
      </c>
      <c r="CO30" s="103">
        <v>33</v>
      </c>
      <c r="CP30" s="413">
        <v>0</v>
      </c>
      <c r="CQ30" s="102">
        <v>19</v>
      </c>
      <c r="CR30" s="102">
        <v>13</v>
      </c>
      <c r="CS30" s="102">
        <v>9</v>
      </c>
      <c r="CT30" s="102">
        <v>10</v>
      </c>
      <c r="CU30" s="102">
        <v>4</v>
      </c>
      <c r="CV30" s="103">
        <v>55</v>
      </c>
      <c r="CW30" s="104">
        <v>88</v>
      </c>
      <c r="CX30" s="105">
        <v>4</v>
      </c>
      <c r="CY30" s="97">
        <v>2</v>
      </c>
      <c r="CZ30" s="98">
        <v>6</v>
      </c>
      <c r="DA30" s="413">
        <v>0</v>
      </c>
      <c r="DB30" s="97">
        <v>7</v>
      </c>
      <c r="DC30" s="97">
        <v>3</v>
      </c>
      <c r="DD30" s="97">
        <v>6</v>
      </c>
      <c r="DE30" s="97">
        <v>2</v>
      </c>
      <c r="DF30" s="97">
        <v>2</v>
      </c>
      <c r="DG30" s="99">
        <v>20</v>
      </c>
      <c r="DH30" s="100">
        <v>26</v>
      </c>
      <c r="DI30" s="101">
        <v>0</v>
      </c>
      <c r="DJ30" s="102">
        <v>0</v>
      </c>
      <c r="DK30" s="103">
        <v>0</v>
      </c>
      <c r="DL30" s="413">
        <v>0</v>
      </c>
      <c r="DM30" s="102">
        <v>0</v>
      </c>
      <c r="DN30" s="102">
        <v>0</v>
      </c>
      <c r="DO30" s="102">
        <v>0</v>
      </c>
      <c r="DP30" s="102">
        <v>0</v>
      </c>
      <c r="DQ30" s="102">
        <v>0</v>
      </c>
      <c r="DR30" s="103">
        <v>0</v>
      </c>
      <c r="DS30" s="104">
        <v>0</v>
      </c>
      <c r="DT30" s="101">
        <v>0</v>
      </c>
      <c r="DU30" s="102">
        <v>0</v>
      </c>
      <c r="DV30" s="103">
        <v>0</v>
      </c>
      <c r="DW30" s="413">
        <v>0</v>
      </c>
      <c r="DX30" s="102">
        <v>1</v>
      </c>
      <c r="DY30" s="102">
        <v>0</v>
      </c>
      <c r="DZ30" s="102">
        <v>0</v>
      </c>
      <c r="EA30" s="102">
        <v>0</v>
      </c>
      <c r="EB30" s="102">
        <v>0</v>
      </c>
      <c r="EC30" s="103">
        <v>1</v>
      </c>
      <c r="ED30" s="104">
        <v>1</v>
      </c>
      <c r="EE30" s="101">
        <v>1</v>
      </c>
      <c r="EF30" s="102">
        <v>0</v>
      </c>
      <c r="EG30" s="103">
        <v>1</v>
      </c>
      <c r="EH30" s="413">
        <v>0</v>
      </c>
      <c r="EI30" s="102">
        <v>0</v>
      </c>
      <c r="EJ30" s="102">
        <v>0</v>
      </c>
      <c r="EK30" s="102">
        <v>0</v>
      </c>
      <c r="EL30" s="102">
        <v>0</v>
      </c>
      <c r="EM30" s="102">
        <v>0</v>
      </c>
      <c r="EN30" s="103">
        <v>0</v>
      </c>
      <c r="EO30" s="104">
        <v>1</v>
      </c>
      <c r="EP30" s="101">
        <v>3</v>
      </c>
      <c r="EQ30" s="102">
        <v>0</v>
      </c>
      <c r="ER30" s="103">
        <v>3</v>
      </c>
      <c r="ES30" s="413">
        <v>0</v>
      </c>
      <c r="ET30" s="102">
        <v>1</v>
      </c>
      <c r="EU30" s="102">
        <v>2</v>
      </c>
      <c r="EV30" s="102">
        <v>1</v>
      </c>
      <c r="EW30" s="102">
        <v>1</v>
      </c>
      <c r="EX30" s="102">
        <v>0</v>
      </c>
      <c r="EY30" s="103">
        <v>5</v>
      </c>
      <c r="EZ30" s="104">
        <v>8</v>
      </c>
      <c r="FA30" s="101">
        <v>0</v>
      </c>
      <c r="FB30" s="102">
        <v>1</v>
      </c>
      <c r="FC30" s="103">
        <v>1</v>
      </c>
      <c r="FD30" s="413">
        <v>0</v>
      </c>
      <c r="FE30" s="102">
        <v>2</v>
      </c>
      <c r="FF30" s="102">
        <v>1</v>
      </c>
      <c r="FG30" s="102">
        <v>1</v>
      </c>
      <c r="FH30" s="102">
        <v>1</v>
      </c>
      <c r="FI30" s="102">
        <v>0</v>
      </c>
      <c r="FJ30" s="103">
        <v>5</v>
      </c>
      <c r="FK30" s="104">
        <v>6</v>
      </c>
      <c r="FL30" s="101">
        <v>0</v>
      </c>
      <c r="FM30" s="102">
        <v>1</v>
      </c>
      <c r="FN30" s="103">
        <v>1</v>
      </c>
      <c r="FO30" s="413">
        <v>0</v>
      </c>
      <c r="FP30" s="102">
        <v>3</v>
      </c>
      <c r="FQ30" s="102">
        <v>0</v>
      </c>
      <c r="FR30" s="102">
        <v>4</v>
      </c>
      <c r="FS30" s="102">
        <v>0</v>
      </c>
      <c r="FT30" s="102">
        <v>2</v>
      </c>
      <c r="FU30" s="103">
        <v>9</v>
      </c>
      <c r="FV30" s="104">
        <v>10</v>
      </c>
      <c r="FW30" s="101">
        <v>0</v>
      </c>
      <c r="FX30" s="102">
        <v>0</v>
      </c>
      <c r="FY30" s="103">
        <v>0</v>
      </c>
      <c r="FZ30" s="413">
        <v>0</v>
      </c>
      <c r="GA30" s="102">
        <v>0</v>
      </c>
      <c r="GB30" s="102">
        <v>0</v>
      </c>
      <c r="GC30" s="102">
        <v>0</v>
      </c>
      <c r="GD30" s="102">
        <v>0</v>
      </c>
      <c r="GE30" s="102">
        <v>0</v>
      </c>
      <c r="GF30" s="103">
        <v>0</v>
      </c>
      <c r="GG30" s="104">
        <v>0</v>
      </c>
      <c r="GH30" s="101">
        <v>4</v>
      </c>
      <c r="GI30" s="102">
        <v>2</v>
      </c>
      <c r="GJ30" s="103">
        <v>6</v>
      </c>
      <c r="GK30" s="413">
        <v>0</v>
      </c>
      <c r="GL30" s="102">
        <v>7</v>
      </c>
      <c r="GM30" s="102">
        <v>3</v>
      </c>
      <c r="GN30" s="102">
        <v>6</v>
      </c>
      <c r="GO30" s="102">
        <v>2</v>
      </c>
      <c r="GP30" s="102">
        <v>2</v>
      </c>
      <c r="GQ30" s="103">
        <v>20</v>
      </c>
      <c r="GR30" s="104">
        <v>26</v>
      </c>
      <c r="GS30" s="105">
        <v>14</v>
      </c>
      <c r="GT30" s="97">
        <v>25</v>
      </c>
      <c r="GU30" s="98">
        <v>39</v>
      </c>
      <c r="GV30" s="413">
        <v>0</v>
      </c>
      <c r="GW30" s="97">
        <v>26</v>
      </c>
      <c r="GX30" s="97">
        <v>16</v>
      </c>
      <c r="GY30" s="97">
        <v>15</v>
      </c>
      <c r="GZ30" s="97">
        <v>12</v>
      </c>
      <c r="HA30" s="97">
        <v>6</v>
      </c>
      <c r="HB30" s="99">
        <v>75</v>
      </c>
      <c r="HC30" s="100">
        <v>114</v>
      </c>
      <c r="HD30" s="101">
        <v>0</v>
      </c>
      <c r="HE30" s="102">
        <v>2</v>
      </c>
      <c r="HF30" s="103">
        <v>2</v>
      </c>
      <c r="HG30" s="413">
        <v>0</v>
      </c>
      <c r="HH30" s="102">
        <v>1</v>
      </c>
      <c r="HI30" s="102">
        <v>0</v>
      </c>
      <c r="HJ30" s="102">
        <v>0</v>
      </c>
      <c r="HK30" s="102">
        <v>1</v>
      </c>
      <c r="HL30" s="102">
        <v>0</v>
      </c>
      <c r="HM30" s="103">
        <v>2</v>
      </c>
      <c r="HN30" s="104">
        <v>4</v>
      </c>
      <c r="HO30" s="101">
        <v>0</v>
      </c>
      <c r="HP30" s="102">
        <v>3</v>
      </c>
      <c r="HQ30" s="103">
        <v>3</v>
      </c>
      <c r="HR30" s="413">
        <v>0</v>
      </c>
      <c r="HS30" s="102">
        <v>1</v>
      </c>
      <c r="HT30" s="102">
        <v>1</v>
      </c>
      <c r="HU30" s="102">
        <v>1</v>
      </c>
      <c r="HV30" s="102">
        <v>1</v>
      </c>
      <c r="HW30" s="102">
        <v>1</v>
      </c>
      <c r="HX30" s="103">
        <v>5</v>
      </c>
      <c r="HY30" s="104">
        <v>8</v>
      </c>
      <c r="HZ30" s="101">
        <v>1</v>
      </c>
      <c r="IA30" s="102">
        <v>4</v>
      </c>
      <c r="IB30" s="103">
        <v>5</v>
      </c>
      <c r="IC30" s="413">
        <v>0</v>
      </c>
      <c r="ID30" s="102">
        <v>1</v>
      </c>
      <c r="IE30" s="102">
        <v>2</v>
      </c>
      <c r="IF30" s="102">
        <v>0</v>
      </c>
      <c r="IG30" s="102">
        <v>1</v>
      </c>
      <c r="IH30" s="102">
        <v>1</v>
      </c>
      <c r="II30" s="103">
        <v>5</v>
      </c>
      <c r="IJ30" s="104">
        <v>10</v>
      </c>
      <c r="IK30" s="101">
        <v>6</v>
      </c>
      <c r="IL30" s="102">
        <v>6</v>
      </c>
      <c r="IM30" s="103">
        <v>12</v>
      </c>
      <c r="IN30" s="413">
        <v>0</v>
      </c>
      <c r="IO30" s="102">
        <v>4</v>
      </c>
      <c r="IP30" s="102">
        <v>4</v>
      </c>
      <c r="IQ30" s="102">
        <v>5</v>
      </c>
      <c r="IR30" s="102">
        <v>3</v>
      </c>
      <c r="IS30" s="102">
        <v>1</v>
      </c>
      <c r="IT30" s="103">
        <v>17</v>
      </c>
      <c r="IU30" s="104">
        <v>29</v>
      </c>
      <c r="IV30" s="101">
        <v>5</v>
      </c>
      <c r="IW30" s="102">
        <v>5</v>
      </c>
      <c r="IX30" s="103">
        <v>10</v>
      </c>
      <c r="IY30" s="413">
        <v>0</v>
      </c>
      <c r="IZ30" s="102">
        <v>10</v>
      </c>
      <c r="JA30" s="102">
        <v>4</v>
      </c>
      <c r="JB30" s="102">
        <v>3</v>
      </c>
      <c r="JC30" s="102">
        <v>3</v>
      </c>
      <c r="JD30" s="102">
        <v>0</v>
      </c>
      <c r="JE30" s="103">
        <v>20</v>
      </c>
      <c r="JF30" s="104">
        <v>30</v>
      </c>
      <c r="JG30" s="101">
        <v>2</v>
      </c>
      <c r="JH30" s="102">
        <v>5</v>
      </c>
      <c r="JI30" s="103">
        <v>7</v>
      </c>
      <c r="JJ30" s="413">
        <v>0</v>
      </c>
      <c r="JK30" s="102">
        <v>9</v>
      </c>
      <c r="JL30" s="102">
        <v>5</v>
      </c>
      <c r="JM30" s="102">
        <v>6</v>
      </c>
      <c r="JN30" s="102">
        <v>3</v>
      </c>
      <c r="JO30" s="102">
        <v>3</v>
      </c>
      <c r="JP30" s="103">
        <v>26</v>
      </c>
      <c r="JQ30" s="104">
        <v>33</v>
      </c>
      <c r="JR30" s="101">
        <v>0</v>
      </c>
      <c r="JS30" s="102">
        <v>0</v>
      </c>
      <c r="JT30" s="103">
        <v>0</v>
      </c>
      <c r="JU30" s="413">
        <v>0</v>
      </c>
      <c r="JV30" s="102">
        <v>0</v>
      </c>
      <c r="JW30" s="102">
        <v>0</v>
      </c>
      <c r="JX30" s="102">
        <v>0</v>
      </c>
      <c r="JY30" s="102">
        <v>0</v>
      </c>
      <c r="JZ30" s="102">
        <v>0</v>
      </c>
      <c r="KA30" s="103">
        <v>0</v>
      </c>
      <c r="KB30" s="104">
        <v>0</v>
      </c>
      <c r="KC30" s="101">
        <v>14</v>
      </c>
      <c r="KD30" s="102">
        <v>25</v>
      </c>
      <c r="KE30" s="103">
        <v>39</v>
      </c>
      <c r="KF30" s="413">
        <v>0</v>
      </c>
      <c r="KG30" s="102">
        <v>26</v>
      </c>
      <c r="KH30" s="102">
        <v>16</v>
      </c>
      <c r="KI30" s="102">
        <v>15</v>
      </c>
      <c r="KJ30" s="102">
        <v>12</v>
      </c>
      <c r="KK30" s="102">
        <v>6</v>
      </c>
      <c r="KL30" s="103">
        <v>75</v>
      </c>
      <c r="KM30" s="104">
        <v>114</v>
      </c>
    </row>
    <row r="31" spans="2:299" s="70" customFormat="1" ht="21" customHeight="1" x14ac:dyDescent="0.2">
      <c r="B31" s="106" t="s">
        <v>28</v>
      </c>
      <c r="C31" s="96">
        <v>0</v>
      </c>
      <c r="D31" s="97">
        <v>3</v>
      </c>
      <c r="E31" s="98">
        <v>3</v>
      </c>
      <c r="F31" s="413">
        <v>0</v>
      </c>
      <c r="G31" s="97">
        <v>7</v>
      </c>
      <c r="H31" s="97">
        <v>3</v>
      </c>
      <c r="I31" s="97">
        <v>5</v>
      </c>
      <c r="J31" s="97">
        <v>2</v>
      </c>
      <c r="K31" s="97">
        <v>1</v>
      </c>
      <c r="L31" s="99">
        <v>18</v>
      </c>
      <c r="M31" s="100">
        <v>21</v>
      </c>
      <c r="N31" s="101">
        <v>0</v>
      </c>
      <c r="O31" s="102">
        <v>1</v>
      </c>
      <c r="P31" s="103">
        <v>1</v>
      </c>
      <c r="Q31" s="413">
        <v>0</v>
      </c>
      <c r="R31" s="102">
        <v>1</v>
      </c>
      <c r="S31" s="102">
        <v>1</v>
      </c>
      <c r="T31" s="102">
        <v>0</v>
      </c>
      <c r="U31" s="102">
        <v>0</v>
      </c>
      <c r="V31" s="102">
        <v>0</v>
      </c>
      <c r="W31" s="103">
        <v>2</v>
      </c>
      <c r="X31" s="104">
        <v>3</v>
      </c>
      <c r="Y31" s="101">
        <v>0</v>
      </c>
      <c r="Z31" s="102">
        <v>1</v>
      </c>
      <c r="AA31" s="103">
        <v>1</v>
      </c>
      <c r="AB31" s="413">
        <v>0</v>
      </c>
      <c r="AC31" s="102">
        <v>1</v>
      </c>
      <c r="AD31" s="102">
        <v>1</v>
      </c>
      <c r="AE31" s="102">
        <v>1</v>
      </c>
      <c r="AF31" s="102">
        <v>0</v>
      </c>
      <c r="AG31" s="102">
        <v>0</v>
      </c>
      <c r="AH31" s="103">
        <v>3</v>
      </c>
      <c r="AI31" s="104">
        <v>4</v>
      </c>
      <c r="AJ31" s="101">
        <v>0</v>
      </c>
      <c r="AK31" s="102">
        <v>0</v>
      </c>
      <c r="AL31" s="103">
        <v>0</v>
      </c>
      <c r="AM31" s="413">
        <v>0</v>
      </c>
      <c r="AN31" s="102">
        <v>1</v>
      </c>
      <c r="AO31" s="102">
        <v>1</v>
      </c>
      <c r="AP31" s="102">
        <v>0</v>
      </c>
      <c r="AQ31" s="102">
        <v>0</v>
      </c>
      <c r="AR31" s="102">
        <v>0</v>
      </c>
      <c r="AS31" s="103">
        <v>2</v>
      </c>
      <c r="AT31" s="104">
        <v>2</v>
      </c>
      <c r="AU31" s="101">
        <v>0</v>
      </c>
      <c r="AV31" s="102">
        <v>0</v>
      </c>
      <c r="AW31" s="103">
        <v>0</v>
      </c>
      <c r="AX31" s="413">
        <v>0</v>
      </c>
      <c r="AY31" s="102">
        <v>1</v>
      </c>
      <c r="AZ31" s="102">
        <v>0</v>
      </c>
      <c r="BA31" s="102">
        <v>2</v>
      </c>
      <c r="BB31" s="102">
        <v>0</v>
      </c>
      <c r="BC31" s="102">
        <v>0</v>
      </c>
      <c r="BD31" s="103">
        <v>3</v>
      </c>
      <c r="BE31" s="104">
        <v>3</v>
      </c>
      <c r="BF31" s="101">
        <v>0</v>
      </c>
      <c r="BG31" s="102">
        <v>1</v>
      </c>
      <c r="BH31" s="103">
        <v>1</v>
      </c>
      <c r="BI31" s="413">
        <v>0</v>
      </c>
      <c r="BJ31" s="102">
        <v>1</v>
      </c>
      <c r="BK31" s="102">
        <v>0</v>
      </c>
      <c r="BL31" s="102">
        <v>1</v>
      </c>
      <c r="BM31" s="102">
        <v>1</v>
      </c>
      <c r="BN31" s="102">
        <v>0</v>
      </c>
      <c r="BO31" s="103">
        <v>3</v>
      </c>
      <c r="BP31" s="104">
        <v>4</v>
      </c>
      <c r="BQ31" s="101">
        <v>0</v>
      </c>
      <c r="BR31" s="102">
        <v>0</v>
      </c>
      <c r="BS31" s="103">
        <v>0</v>
      </c>
      <c r="BT31" s="413">
        <v>0</v>
      </c>
      <c r="BU31" s="102">
        <v>2</v>
      </c>
      <c r="BV31" s="102">
        <v>0</v>
      </c>
      <c r="BW31" s="102">
        <v>1</v>
      </c>
      <c r="BX31" s="102">
        <v>1</v>
      </c>
      <c r="BY31" s="102">
        <v>1</v>
      </c>
      <c r="BZ31" s="103">
        <v>5</v>
      </c>
      <c r="CA31" s="104">
        <v>5</v>
      </c>
      <c r="CB31" s="101">
        <v>0</v>
      </c>
      <c r="CC31" s="102">
        <v>0</v>
      </c>
      <c r="CD31" s="103">
        <v>0</v>
      </c>
      <c r="CE31" s="413">
        <v>0</v>
      </c>
      <c r="CF31" s="102">
        <v>0</v>
      </c>
      <c r="CG31" s="102">
        <v>0</v>
      </c>
      <c r="CH31" s="102">
        <v>0</v>
      </c>
      <c r="CI31" s="102">
        <v>0</v>
      </c>
      <c r="CJ31" s="102">
        <v>0</v>
      </c>
      <c r="CK31" s="103">
        <v>0</v>
      </c>
      <c r="CL31" s="104">
        <v>0</v>
      </c>
      <c r="CM31" s="101">
        <v>0</v>
      </c>
      <c r="CN31" s="102">
        <v>3</v>
      </c>
      <c r="CO31" s="103">
        <v>3</v>
      </c>
      <c r="CP31" s="413">
        <v>0</v>
      </c>
      <c r="CQ31" s="102">
        <v>7</v>
      </c>
      <c r="CR31" s="102">
        <v>3</v>
      </c>
      <c r="CS31" s="102">
        <v>5</v>
      </c>
      <c r="CT31" s="102">
        <v>2</v>
      </c>
      <c r="CU31" s="102">
        <v>1</v>
      </c>
      <c r="CV31" s="103">
        <v>18</v>
      </c>
      <c r="CW31" s="104">
        <v>21</v>
      </c>
      <c r="CX31" s="105">
        <v>0</v>
      </c>
      <c r="CY31" s="97">
        <v>1</v>
      </c>
      <c r="CZ31" s="98">
        <v>1</v>
      </c>
      <c r="DA31" s="413">
        <v>0</v>
      </c>
      <c r="DB31" s="97">
        <v>2</v>
      </c>
      <c r="DC31" s="97">
        <v>3</v>
      </c>
      <c r="DD31" s="97">
        <v>2</v>
      </c>
      <c r="DE31" s="97">
        <v>0</v>
      </c>
      <c r="DF31" s="97">
        <v>1</v>
      </c>
      <c r="DG31" s="99">
        <v>8</v>
      </c>
      <c r="DH31" s="100">
        <v>9</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1</v>
      </c>
      <c r="DY31" s="102">
        <v>0</v>
      </c>
      <c r="DZ31" s="102">
        <v>1</v>
      </c>
      <c r="EA31" s="102">
        <v>0</v>
      </c>
      <c r="EB31" s="102">
        <v>0</v>
      </c>
      <c r="EC31" s="103">
        <v>2</v>
      </c>
      <c r="ED31" s="104">
        <v>2</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1</v>
      </c>
      <c r="EU31" s="102">
        <v>0</v>
      </c>
      <c r="EV31" s="102">
        <v>0</v>
      </c>
      <c r="EW31" s="102">
        <v>0</v>
      </c>
      <c r="EX31" s="102">
        <v>0</v>
      </c>
      <c r="EY31" s="103">
        <v>1</v>
      </c>
      <c r="EZ31" s="104">
        <v>1</v>
      </c>
      <c r="FA31" s="101">
        <v>0</v>
      </c>
      <c r="FB31" s="102">
        <v>1</v>
      </c>
      <c r="FC31" s="103">
        <v>1</v>
      </c>
      <c r="FD31" s="413">
        <v>0</v>
      </c>
      <c r="FE31" s="102">
        <v>0</v>
      </c>
      <c r="FF31" s="102">
        <v>1</v>
      </c>
      <c r="FG31" s="102">
        <v>1</v>
      </c>
      <c r="FH31" s="102">
        <v>0</v>
      </c>
      <c r="FI31" s="102">
        <v>0</v>
      </c>
      <c r="FJ31" s="103">
        <v>2</v>
      </c>
      <c r="FK31" s="104">
        <v>3</v>
      </c>
      <c r="FL31" s="101">
        <v>0</v>
      </c>
      <c r="FM31" s="102">
        <v>0</v>
      </c>
      <c r="FN31" s="103">
        <v>0</v>
      </c>
      <c r="FO31" s="413">
        <v>0</v>
      </c>
      <c r="FP31" s="102">
        <v>0</v>
      </c>
      <c r="FQ31" s="102">
        <v>2</v>
      </c>
      <c r="FR31" s="102">
        <v>0</v>
      </c>
      <c r="FS31" s="102">
        <v>0</v>
      </c>
      <c r="FT31" s="102">
        <v>1</v>
      </c>
      <c r="FU31" s="103">
        <v>3</v>
      </c>
      <c r="FV31" s="104">
        <v>3</v>
      </c>
      <c r="FW31" s="101">
        <v>0</v>
      </c>
      <c r="FX31" s="102">
        <v>0</v>
      </c>
      <c r="FY31" s="103">
        <v>0</v>
      </c>
      <c r="FZ31" s="413">
        <v>0</v>
      </c>
      <c r="GA31" s="102">
        <v>0</v>
      </c>
      <c r="GB31" s="102">
        <v>0</v>
      </c>
      <c r="GC31" s="102">
        <v>0</v>
      </c>
      <c r="GD31" s="102">
        <v>0</v>
      </c>
      <c r="GE31" s="102">
        <v>0</v>
      </c>
      <c r="GF31" s="103">
        <v>0</v>
      </c>
      <c r="GG31" s="104">
        <v>0</v>
      </c>
      <c r="GH31" s="101">
        <v>0</v>
      </c>
      <c r="GI31" s="102">
        <v>1</v>
      </c>
      <c r="GJ31" s="103">
        <v>1</v>
      </c>
      <c r="GK31" s="413">
        <v>0</v>
      </c>
      <c r="GL31" s="102">
        <v>2</v>
      </c>
      <c r="GM31" s="102">
        <v>3</v>
      </c>
      <c r="GN31" s="102">
        <v>2</v>
      </c>
      <c r="GO31" s="102">
        <v>0</v>
      </c>
      <c r="GP31" s="102">
        <v>1</v>
      </c>
      <c r="GQ31" s="103">
        <v>8</v>
      </c>
      <c r="GR31" s="104">
        <v>9</v>
      </c>
      <c r="GS31" s="105">
        <v>0</v>
      </c>
      <c r="GT31" s="97">
        <v>4</v>
      </c>
      <c r="GU31" s="98">
        <v>4</v>
      </c>
      <c r="GV31" s="413">
        <v>0</v>
      </c>
      <c r="GW31" s="97">
        <v>9</v>
      </c>
      <c r="GX31" s="97">
        <v>6</v>
      </c>
      <c r="GY31" s="97">
        <v>7</v>
      </c>
      <c r="GZ31" s="97">
        <v>2</v>
      </c>
      <c r="HA31" s="97">
        <v>2</v>
      </c>
      <c r="HB31" s="99">
        <v>26</v>
      </c>
      <c r="HC31" s="100">
        <v>30</v>
      </c>
      <c r="HD31" s="101">
        <v>0</v>
      </c>
      <c r="HE31" s="102">
        <v>1</v>
      </c>
      <c r="HF31" s="103">
        <v>1</v>
      </c>
      <c r="HG31" s="413">
        <v>0</v>
      </c>
      <c r="HH31" s="102">
        <v>1</v>
      </c>
      <c r="HI31" s="102">
        <v>1</v>
      </c>
      <c r="HJ31" s="102">
        <v>0</v>
      </c>
      <c r="HK31" s="102">
        <v>0</v>
      </c>
      <c r="HL31" s="102">
        <v>0</v>
      </c>
      <c r="HM31" s="103">
        <v>2</v>
      </c>
      <c r="HN31" s="104">
        <v>3</v>
      </c>
      <c r="HO31" s="101">
        <v>0</v>
      </c>
      <c r="HP31" s="102">
        <v>1</v>
      </c>
      <c r="HQ31" s="103">
        <v>1</v>
      </c>
      <c r="HR31" s="413">
        <v>0</v>
      </c>
      <c r="HS31" s="102">
        <v>2</v>
      </c>
      <c r="HT31" s="102">
        <v>1</v>
      </c>
      <c r="HU31" s="102">
        <v>2</v>
      </c>
      <c r="HV31" s="102">
        <v>0</v>
      </c>
      <c r="HW31" s="102">
        <v>0</v>
      </c>
      <c r="HX31" s="103">
        <v>5</v>
      </c>
      <c r="HY31" s="104">
        <v>6</v>
      </c>
      <c r="HZ31" s="101">
        <v>0</v>
      </c>
      <c r="IA31" s="102">
        <v>0</v>
      </c>
      <c r="IB31" s="103">
        <v>0</v>
      </c>
      <c r="IC31" s="413">
        <v>0</v>
      </c>
      <c r="ID31" s="102">
        <v>1</v>
      </c>
      <c r="IE31" s="102">
        <v>1</v>
      </c>
      <c r="IF31" s="102">
        <v>0</v>
      </c>
      <c r="IG31" s="102">
        <v>0</v>
      </c>
      <c r="IH31" s="102">
        <v>0</v>
      </c>
      <c r="II31" s="103">
        <v>2</v>
      </c>
      <c r="IJ31" s="104">
        <v>2</v>
      </c>
      <c r="IK31" s="101">
        <v>0</v>
      </c>
      <c r="IL31" s="102">
        <v>0</v>
      </c>
      <c r="IM31" s="103">
        <v>0</v>
      </c>
      <c r="IN31" s="413">
        <v>0</v>
      </c>
      <c r="IO31" s="102">
        <v>2</v>
      </c>
      <c r="IP31" s="102">
        <v>0</v>
      </c>
      <c r="IQ31" s="102">
        <v>2</v>
      </c>
      <c r="IR31" s="102">
        <v>0</v>
      </c>
      <c r="IS31" s="102">
        <v>0</v>
      </c>
      <c r="IT31" s="103">
        <v>4</v>
      </c>
      <c r="IU31" s="104">
        <v>4</v>
      </c>
      <c r="IV31" s="101">
        <v>0</v>
      </c>
      <c r="IW31" s="102">
        <v>2</v>
      </c>
      <c r="IX31" s="103">
        <v>2</v>
      </c>
      <c r="IY31" s="413">
        <v>0</v>
      </c>
      <c r="IZ31" s="102">
        <v>1</v>
      </c>
      <c r="JA31" s="102">
        <v>1</v>
      </c>
      <c r="JB31" s="102">
        <v>2</v>
      </c>
      <c r="JC31" s="102">
        <v>1</v>
      </c>
      <c r="JD31" s="102">
        <v>0</v>
      </c>
      <c r="JE31" s="103">
        <v>5</v>
      </c>
      <c r="JF31" s="104">
        <v>7</v>
      </c>
      <c r="JG31" s="101">
        <v>0</v>
      </c>
      <c r="JH31" s="102">
        <v>0</v>
      </c>
      <c r="JI31" s="103">
        <v>0</v>
      </c>
      <c r="JJ31" s="413">
        <v>0</v>
      </c>
      <c r="JK31" s="102">
        <v>2</v>
      </c>
      <c r="JL31" s="102">
        <v>2</v>
      </c>
      <c r="JM31" s="102">
        <v>1</v>
      </c>
      <c r="JN31" s="102">
        <v>1</v>
      </c>
      <c r="JO31" s="102">
        <v>2</v>
      </c>
      <c r="JP31" s="103">
        <v>8</v>
      </c>
      <c r="JQ31" s="104">
        <v>8</v>
      </c>
      <c r="JR31" s="101">
        <v>0</v>
      </c>
      <c r="JS31" s="102">
        <v>0</v>
      </c>
      <c r="JT31" s="103">
        <v>0</v>
      </c>
      <c r="JU31" s="413">
        <v>0</v>
      </c>
      <c r="JV31" s="102">
        <v>0</v>
      </c>
      <c r="JW31" s="102">
        <v>0</v>
      </c>
      <c r="JX31" s="102">
        <v>0</v>
      </c>
      <c r="JY31" s="102">
        <v>0</v>
      </c>
      <c r="JZ31" s="102">
        <v>0</v>
      </c>
      <c r="KA31" s="103">
        <v>0</v>
      </c>
      <c r="KB31" s="104">
        <v>0</v>
      </c>
      <c r="KC31" s="101">
        <v>0</v>
      </c>
      <c r="KD31" s="102">
        <v>4</v>
      </c>
      <c r="KE31" s="103">
        <v>4</v>
      </c>
      <c r="KF31" s="413">
        <v>0</v>
      </c>
      <c r="KG31" s="102">
        <v>9</v>
      </c>
      <c r="KH31" s="102">
        <v>6</v>
      </c>
      <c r="KI31" s="102">
        <v>7</v>
      </c>
      <c r="KJ31" s="102">
        <v>2</v>
      </c>
      <c r="KK31" s="102">
        <v>2</v>
      </c>
      <c r="KL31" s="103">
        <v>26</v>
      </c>
      <c r="KM31" s="104">
        <v>30</v>
      </c>
    </row>
    <row r="32" spans="2:299" s="70" customFormat="1" ht="21" customHeight="1" x14ac:dyDescent="0.2">
      <c r="B32" s="106" t="s">
        <v>29</v>
      </c>
      <c r="C32" s="96">
        <v>2</v>
      </c>
      <c r="D32" s="97">
        <v>3</v>
      </c>
      <c r="E32" s="98">
        <v>5</v>
      </c>
      <c r="F32" s="413">
        <v>0</v>
      </c>
      <c r="G32" s="97">
        <v>7</v>
      </c>
      <c r="H32" s="97">
        <v>5</v>
      </c>
      <c r="I32" s="97">
        <v>3</v>
      </c>
      <c r="J32" s="97">
        <v>5</v>
      </c>
      <c r="K32" s="97">
        <v>4</v>
      </c>
      <c r="L32" s="99">
        <v>24</v>
      </c>
      <c r="M32" s="100">
        <v>29</v>
      </c>
      <c r="N32" s="101">
        <v>0</v>
      </c>
      <c r="O32" s="102">
        <v>0</v>
      </c>
      <c r="P32" s="103">
        <v>0</v>
      </c>
      <c r="Q32" s="413">
        <v>0</v>
      </c>
      <c r="R32" s="102">
        <v>0</v>
      </c>
      <c r="S32" s="102">
        <v>1</v>
      </c>
      <c r="T32" s="102">
        <v>0</v>
      </c>
      <c r="U32" s="102">
        <v>0</v>
      </c>
      <c r="V32" s="102">
        <v>0</v>
      </c>
      <c r="W32" s="103">
        <v>1</v>
      </c>
      <c r="X32" s="104">
        <v>1</v>
      </c>
      <c r="Y32" s="101">
        <v>1</v>
      </c>
      <c r="Z32" s="102">
        <v>0</v>
      </c>
      <c r="AA32" s="103">
        <v>1</v>
      </c>
      <c r="AB32" s="413">
        <v>0</v>
      </c>
      <c r="AC32" s="102">
        <v>0</v>
      </c>
      <c r="AD32" s="102">
        <v>0</v>
      </c>
      <c r="AE32" s="102">
        <v>2</v>
      </c>
      <c r="AF32" s="102">
        <v>0</v>
      </c>
      <c r="AG32" s="102">
        <v>1</v>
      </c>
      <c r="AH32" s="103">
        <v>3</v>
      </c>
      <c r="AI32" s="104">
        <v>4</v>
      </c>
      <c r="AJ32" s="101">
        <v>0</v>
      </c>
      <c r="AK32" s="102">
        <v>0</v>
      </c>
      <c r="AL32" s="103">
        <v>0</v>
      </c>
      <c r="AM32" s="413">
        <v>0</v>
      </c>
      <c r="AN32" s="102">
        <v>1</v>
      </c>
      <c r="AO32" s="102">
        <v>1</v>
      </c>
      <c r="AP32" s="102">
        <v>0</v>
      </c>
      <c r="AQ32" s="102">
        <v>2</v>
      </c>
      <c r="AR32" s="102">
        <v>0</v>
      </c>
      <c r="AS32" s="103">
        <v>4</v>
      </c>
      <c r="AT32" s="104">
        <v>4</v>
      </c>
      <c r="AU32" s="101">
        <v>1</v>
      </c>
      <c r="AV32" s="102">
        <v>1</v>
      </c>
      <c r="AW32" s="103">
        <v>2</v>
      </c>
      <c r="AX32" s="413">
        <v>0</v>
      </c>
      <c r="AY32" s="102">
        <v>2</v>
      </c>
      <c r="AZ32" s="102">
        <v>0</v>
      </c>
      <c r="BA32" s="102">
        <v>0</v>
      </c>
      <c r="BB32" s="102">
        <v>1</v>
      </c>
      <c r="BC32" s="102">
        <v>0</v>
      </c>
      <c r="BD32" s="103">
        <v>3</v>
      </c>
      <c r="BE32" s="104">
        <v>5</v>
      </c>
      <c r="BF32" s="101">
        <v>0</v>
      </c>
      <c r="BG32" s="102">
        <v>2</v>
      </c>
      <c r="BH32" s="103">
        <v>2</v>
      </c>
      <c r="BI32" s="413">
        <v>0</v>
      </c>
      <c r="BJ32" s="102">
        <v>3</v>
      </c>
      <c r="BK32" s="102">
        <v>0</v>
      </c>
      <c r="BL32" s="102">
        <v>0</v>
      </c>
      <c r="BM32" s="102">
        <v>1</v>
      </c>
      <c r="BN32" s="102">
        <v>0</v>
      </c>
      <c r="BO32" s="103">
        <v>4</v>
      </c>
      <c r="BP32" s="104">
        <v>6</v>
      </c>
      <c r="BQ32" s="101">
        <v>0</v>
      </c>
      <c r="BR32" s="102">
        <v>0</v>
      </c>
      <c r="BS32" s="103">
        <v>0</v>
      </c>
      <c r="BT32" s="413">
        <v>0</v>
      </c>
      <c r="BU32" s="102">
        <v>1</v>
      </c>
      <c r="BV32" s="102">
        <v>3</v>
      </c>
      <c r="BW32" s="102">
        <v>1</v>
      </c>
      <c r="BX32" s="102">
        <v>1</v>
      </c>
      <c r="BY32" s="102">
        <v>3</v>
      </c>
      <c r="BZ32" s="103">
        <v>9</v>
      </c>
      <c r="CA32" s="104">
        <v>9</v>
      </c>
      <c r="CB32" s="101">
        <v>0</v>
      </c>
      <c r="CC32" s="102">
        <v>0</v>
      </c>
      <c r="CD32" s="103">
        <v>0</v>
      </c>
      <c r="CE32" s="413">
        <v>0</v>
      </c>
      <c r="CF32" s="102">
        <v>0</v>
      </c>
      <c r="CG32" s="102">
        <v>0</v>
      </c>
      <c r="CH32" s="102">
        <v>0</v>
      </c>
      <c r="CI32" s="102">
        <v>0</v>
      </c>
      <c r="CJ32" s="102">
        <v>0</v>
      </c>
      <c r="CK32" s="103">
        <v>0</v>
      </c>
      <c r="CL32" s="104">
        <v>0</v>
      </c>
      <c r="CM32" s="101">
        <v>2</v>
      </c>
      <c r="CN32" s="102">
        <v>3</v>
      </c>
      <c r="CO32" s="103">
        <v>5</v>
      </c>
      <c r="CP32" s="413">
        <v>0</v>
      </c>
      <c r="CQ32" s="102">
        <v>7</v>
      </c>
      <c r="CR32" s="102">
        <v>5</v>
      </c>
      <c r="CS32" s="102">
        <v>3</v>
      </c>
      <c r="CT32" s="102">
        <v>5</v>
      </c>
      <c r="CU32" s="102">
        <v>4</v>
      </c>
      <c r="CV32" s="103">
        <v>24</v>
      </c>
      <c r="CW32" s="104">
        <v>29</v>
      </c>
      <c r="CX32" s="105">
        <v>1</v>
      </c>
      <c r="CY32" s="97">
        <v>2</v>
      </c>
      <c r="CZ32" s="98">
        <v>3</v>
      </c>
      <c r="DA32" s="413">
        <v>0</v>
      </c>
      <c r="DB32" s="97">
        <v>3</v>
      </c>
      <c r="DC32" s="97">
        <v>4</v>
      </c>
      <c r="DD32" s="97">
        <v>0</v>
      </c>
      <c r="DE32" s="97">
        <v>1</v>
      </c>
      <c r="DF32" s="97">
        <v>0</v>
      </c>
      <c r="DG32" s="99">
        <v>8</v>
      </c>
      <c r="DH32" s="100">
        <v>11</v>
      </c>
      <c r="DI32" s="101">
        <v>0</v>
      </c>
      <c r="DJ32" s="102">
        <v>0</v>
      </c>
      <c r="DK32" s="103">
        <v>0</v>
      </c>
      <c r="DL32" s="413">
        <v>0</v>
      </c>
      <c r="DM32" s="102">
        <v>0</v>
      </c>
      <c r="DN32" s="102">
        <v>0</v>
      </c>
      <c r="DO32" s="102">
        <v>0</v>
      </c>
      <c r="DP32" s="102">
        <v>0</v>
      </c>
      <c r="DQ32" s="102">
        <v>0</v>
      </c>
      <c r="DR32" s="103">
        <v>0</v>
      </c>
      <c r="DS32" s="104">
        <v>0</v>
      </c>
      <c r="DT32" s="101">
        <v>0</v>
      </c>
      <c r="DU32" s="102">
        <v>0</v>
      </c>
      <c r="DV32" s="103">
        <v>0</v>
      </c>
      <c r="DW32" s="413">
        <v>0</v>
      </c>
      <c r="DX32" s="102">
        <v>0</v>
      </c>
      <c r="DY32" s="102">
        <v>0</v>
      </c>
      <c r="DZ32" s="102">
        <v>0</v>
      </c>
      <c r="EA32" s="102">
        <v>0</v>
      </c>
      <c r="EB32" s="102">
        <v>0</v>
      </c>
      <c r="EC32" s="103">
        <v>0</v>
      </c>
      <c r="ED32" s="104">
        <v>0</v>
      </c>
      <c r="EE32" s="101">
        <v>0</v>
      </c>
      <c r="EF32" s="102">
        <v>0</v>
      </c>
      <c r="EG32" s="103">
        <v>0</v>
      </c>
      <c r="EH32" s="413">
        <v>0</v>
      </c>
      <c r="EI32" s="102">
        <v>0</v>
      </c>
      <c r="EJ32" s="102">
        <v>2</v>
      </c>
      <c r="EK32" s="102">
        <v>0</v>
      </c>
      <c r="EL32" s="102">
        <v>0</v>
      </c>
      <c r="EM32" s="102">
        <v>0</v>
      </c>
      <c r="EN32" s="103">
        <v>2</v>
      </c>
      <c r="EO32" s="104">
        <v>2</v>
      </c>
      <c r="EP32" s="101">
        <v>1</v>
      </c>
      <c r="EQ32" s="102">
        <v>0</v>
      </c>
      <c r="ER32" s="103">
        <v>1</v>
      </c>
      <c r="ES32" s="413">
        <v>0</v>
      </c>
      <c r="ET32" s="102">
        <v>2</v>
      </c>
      <c r="EU32" s="102">
        <v>2</v>
      </c>
      <c r="EV32" s="102">
        <v>0</v>
      </c>
      <c r="EW32" s="102">
        <v>0</v>
      </c>
      <c r="EX32" s="102">
        <v>0</v>
      </c>
      <c r="EY32" s="103">
        <v>4</v>
      </c>
      <c r="EZ32" s="104">
        <v>5</v>
      </c>
      <c r="FA32" s="101">
        <v>0</v>
      </c>
      <c r="FB32" s="102">
        <v>1</v>
      </c>
      <c r="FC32" s="103">
        <v>1</v>
      </c>
      <c r="FD32" s="413">
        <v>0</v>
      </c>
      <c r="FE32" s="102">
        <v>1</v>
      </c>
      <c r="FF32" s="102">
        <v>0</v>
      </c>
      <c r="FG32" s="102">
        <v>0</v>
      </c>
      <c r="FH32" s="102">
        <v>0</v>
      </c>
      <c r="FI32" s="102">
        <v>0</v>
      </c>
      <c r="FJ32" s="103">
        <v>1</v>
      </c>
      <c r="FK32" s="104">
        <v>2</v>
      </c>
      <c r="FL32" s="101">
        <v>0</v>
      </c>
      <c r="FM32" s="102">
        <v>1</v>
      </c>
      <c r="FN32" s="103">
        <v>1</v>
      </c>
      <c r="FO32" s="413">
        <v>0</v>
      </c>
      <c r="FP32" s="102">
        <v>0</v>
      </c>
      <c r="FQ32" s="102">
        <v>0</v>
      </c>
      <c r="FR32" s="102">
        <v>0</v>
      </c>
      <c r="FS32" s="102">
        <v>1</v>
      </c>
      <c r="FT32" s="102">
        <v>0</v>
      </c>
      <c r="FU32" s="103">
        <v>1</v>
      </c>
      <c r="FV32" s="104">
        <v>2</v>
      </c>
      <c r="FW32" s="101">
        <v>0</v>
      </c>
      <c r="FX32" s="102">
        <v>0</v>
      </c>
      <c r="FY32" s="103">
        <v>0</v>
      </c>
      <c r="FZ32" s="413">
        <v>0</v>
      </c>
      <c r="GA32" s="102">
        <v>0</v>
      </c>
      <c r="GB32" s="102">
        <v>0</v>
      </c>
      <c r="GC32" s="102">
        <v>0</v>
      </c>
      <c r="GD32" s="102">
        <v>0</v>
      </c>
      <c r="GE32" s="102">
        <v>0</v>
      </c>
      <c r="GF32" s="103">
        <v>0</v>
      </c>
      <c r="GG32" s="104">
        <v>0</v>
      </c>
      <c r="GH32" s="101">
        <v>1</v>
      </c>
      <c r="GI32" s="102">
        <v>2</v>
      </c>
      <c r="GJ32" s="103">
        <v>3</v>
      </c>
      <c r="GK32" s="413">
        <v>0</v>
      </c>
      <c r="GL32" s="102">
        <v>3</v>
      </c>
      <c r="GM32" s="102">
        <v>4</v>
      </c>
      <c r="GN32" s="102">
        <v>0</v>
      </c>
      <c r="GO32" s="102">
        <v>1</v>
      </c>
      <c r="GP32" s="102">
        <v>0</v>
      </c>
      <c r="GQ32" s="103">
        <v>8</v>
      </c>
      <c r="GR32" s="104">
        <v>11</v>
      </c>
      <c r="GS32" s="105">
        <v>3</v>
      </c>
      <c r="GT32" s="97">
        <v>5</v>
      </c>
      <c r="GU32" s="98">
        <v>8</v>
      </c>
      <c r="GV32" s="413">
        <v>0</v>
      </c>
      <c r="GW32" s="97">
        <v>10</v>
      </c>
      <c r="GX32" s="97">
        <v>9</v>
      </c>
      <c r="GY32" s="97">
        <v>3</v>
      </c>
      <c r="GZ32" s="97">
        <v>6</v>
      </c>
      <c r="HA32" s="97">
        <v>4</v>
      </c>
      <c r="HB32" s="99">
        <v>32</v>
      </c>
      <c r="HC32" s="100">
        <v>40</v>
      </c>
      <c r="HD32" s="101">
        <v>0</v>
      </c>
      <c r="HE32" s="102">
        <v>0</v>
      </c>
      <c r="HF32" s="103">
        <v>0</v>
      </c>
      <c r="HG32" s="413">
        <v>0</v>
      </c>
      <c r="HH32" s="102">
        <v>0</v>
      </c>
      <c r="HI32" s="102">
        <v>1</v>
      </c>
      <c r="HJ32" s="102">
        <v>0</v>
      </c>
      <c r="HK32" s="102">
        <v>0</v>
      </c>
      <c r="HL32" s="102">
        <v>0</v>
      </c>
      <c r="HM32" s="103">
        <v>1</v>
      </c>
      <c r="HN32" s="104">
        <v>1</v>
      </c>
      <c r="HO32" s="101">
        <v>1</v>
      </c>
      <c r="HP32" s="102">
        <v>0</v>
      </c>
      <c r="HQ32" s="103">
        <v>1</v>
      </c>
      <c r="HR32" s="413">
        <v>0</v>
      </c>
      <c r="HS32" s="102">
        <v>0</v>
      </c>
      <c r="HT32" s="102">
        <v>0</v>
      </c>
      <c r="HU32" s="102">
        <v>2</v>
      </c>
      <c r="HV32" s="102">
        <v>0</v>
      </c>
      <c r="HW32" s="102">
        <v>1</v>
      </c>
      <c r="HX32" s="103">
        <v>3</v>
      </c>
      <c r="HY32" s="104">
        <v>4</v>
      </c>
      <c r="HZ32" s="101">
        <v>0</v>
      </c>
      <c r="IA32" s="102">
        <v>0</v>
      </c>
      <c r="IB32" s="103">
        <v>0</v>
      </c>
      <c r="IC32" s="413">
        <v>0</v>
      </c>
      <c r="ID32" s="102">
        <v>1</v>
      </c>
      <c r="IE32" s="102">
        <v>3</v>
      </c>
      <c r="IF32" s="102">
        <v>0</v>
      </c>
      <c r="IG32" s="102">
        <v>2</v>
      </c>
      <c r="IH32" s="102">
        <v>0</v>
      </c>
      <c r="II32" s="103">
        <v>6</v>
      </c>
      <c r="IJ32" s="104">
        <v>6</v>
      </c>
      <c r="IK32" s="101">
        <v>2</v>
      </c>
      <c r="IL32" s="102">
        <v>1</v>
      </c>
      <c r="IM32" s="103">
        <v>3</v>
      </c>
      <c r="IN32" s="413">
        <v>0</v>
      </c>
      <c r="IO32" s="102">
        <v>4</v>
      </c>
      <c r="IP32" s="102">
        <v>2</v>
      </c>
      <c r="IQ32" s="102">
        <v>0</v>
      </c>
      <c r="IR32" s="102">
        <v>1</v>
      </c>
      <c r="IS32" s="102">
        <v>0</v>
      </c>
      <c r="IT32" s="103">
        <v>7</v>
      </c>
      <c r="IU32" s="104">
        <v>10</v>
      </c>
      <c r="IV32" s="101">
        <v>0</v>
      </c>
      <c r="IW32" s="102">
        <v>3</v>
      </c>
      <c r="IX32" s="103">
        <v>3</v>
      </c>
      <c r="IY32" s="413">
        <v>0</v>
      </c>
      <c r="IZ32" s="102">
        <v>4</v>
      </c>
      <c r="JA32" s="102">
        <v>0</v>
      </c>
      <c r="JB32" s="102">
        <v>0</v>
      </c>
      <c r="JC32" s="102">
        <v>1</v>
      </c>
      <c r="JD32" s="102">
        <v>0</v>
      </c>
      <c r="JE32" s="103">
        <v>5</v>
      </c>
      <c r="JF32" s="104">
        <v>8</v>
      </c>
      <c r="JG32" s="101">
        <v>0</v>
      </c>
      <c r="JH32" s="102">
        <v>1</v>
      </c>
      <c r="JI32" s="103">
        <v>1</v>
      </c>
      <c r="JJ32" s="413">
        <v>0</v>
      </c>
      <c r="JK32" s="102">
        <v>1</v>
      </c>
      <c r="JL32" s="102">
        <v>3</v>
      </c>
      <c r="JM32" s="102">
        <v>1</v>
      </c>
      <c r="JN32" s="102">
        <v>2</v>
      </c>
      <c r="JO32" s="102">
        <v>3</v>
      </c>
      <c r="JP32" s="103">
        <v>10</v>
      </c>
      <c r="JQ32" s="104">
        <v>11</v>
      </c>
      <c r="JR32" s="101">
        <v>0</v>
      </c>
      <c r="JS32" s="102">
        <v>0</v>
      </c>
      <c r="JT32" s="103">
        <v>0</v>
      </c>
      <c r="JU32" s="413">
        <v>0</v>
      </c>
      <c r="JV32" s="102">
        <v>0</v>
      </c>
      <c r="JW32" s="102">
        <v>0</v>
      </c>
      <c r="JX32" s="102">
        <v>0</v>
      </c>
      <c r="JY32" s="102">
        <v>0</v>
      </c>
      <c r="JZ32" s="102">
        <v>0</v>
      </c>
      <c r="KA32" s="103">
        <v>0</v>
      </c>
      <c r="KB32" s="104">
        <v>0</v>
      </c>
      <c r="KC32" s="101">
        <v>3</v>
      </c>
      <c r="KD32" s="102">
        <v>5</v>
      </c>
      <c r="KE32" s="103">
        <v>8</v>
      </c>
      <c r="KF32" s="413">
        <v>0</v>
      </c>
      <c r="KG32" s="102">
        <v>10</v>
      </c>
      <c r="KH32" s="102">
        <v>9</v>
      </c>
      <c r="KI32" s="102">
        <v>3</v>
      </c>
      <c r="KJ32" s="102">
        <v>6</v>
      </c>
      <c r="KK32" s="102">
        <v>4</v>
      </c>
      <c r="KL32" s="103">
        <v>32</v>
      </c>
      <c r="KM32" s="104">
        <v>40</v>
      </c>
    </row>
    <row r="33" spans="2:299" s="70" customFormat="1" ht="21" customHeight="1" x14ac:dyDescent="0.2">
      <c r="B33" s="106" t="s">
        <v>30</v>
      </c>
      <c r="C33" s="96">
        <v>4</v>
      </c>
      <c r="D33" s="97">
        <v>1</v>
      </c>
      <c r="E33" s="98">
        <v>5</v>
      </c>
      <c r="F33" s="413">
        <v>0</v>
      </c>
      <c r="G33" s="97">
        <v>3</v>
      </c>
      <c r="H33" s="97">
        <v>6</v>
      </c>
      <c r="I33" s="97">
        <v>1</v>
      </c>
      <c r="J33" s="97">
        <v>2</v>
      </c>
      <c r="K33" s="97">
        <v>1</v>
      </c>
      <c r="L33" s="99">
        <v>13</v>
      </c>
      <c r="M33" s="100">
        <v>18</v>
      </c>
      <c r="N33" s="101">
        <v>0</v>
      </c>
      <c r="O33" s="102">
        <v>0</v>
      </c>
      <c r="P33" s="103">
        <v>0</v>
      </c>
      <c r="Q33" s="413">
        <v>0</v>
      </c>
      <c r="R33" s="102">
        <v>0</v>
      </c>
      <c r="S33" s="102">
        <v>1</v>
      </c>
      <c r="T33" s="102">
        <v>0</v>
      </c>
      <c r="U33" s="102">
        <v>0</v>
      </c>
      <c r="V33" s="102">
        <v>0</v>
      </c>
      <c r="W33" s="103">
        <v>1</v>
      </c>
      <c r="X33" s="104">
        <v>1</v>
      </c>
      <c r="Y33" s="101">
        <v>1</v>
      </c>
      <c r="Z33" s="102">
        <v>0</v>
      </c>
      <c r="AA33" s="103">
        <v>1</v>
      </c>
      <c r="AB33" s="413">
        <v>0</v>
      </c>
      <c r="AC33" s="102">
        <v>0</v>
      </c>
      <c r="AD33" s="102">
        <v>1</v>
      </c>
      <c r="AE33" s="102">
        <v>0</v>
      </c>
      <c r="AF33" s="102">
        <v>0</v>
      </c>
      <c r="AG33" s="102">
        <v>0</v>
      </c>
      <c r="AH33" s="103">
        <v>1</v>
      </c>
      <c r="AI33" s="104">
        <v>2</v>
      </c>
      <c r="AJ33" s="101">
        <v>0</v>
      </c>
      <c r="AK33" s="102">
        <v>0</v>
      </c>
      <c r="AL33" s="103">
        <v>0</v>
      </c>
      <c r="AM33" s="413">
        <v>0</v>
      </c>
      <c r="AN33" s="102">
        <v>0</v>
      </c>
      <c r="AO33" s="102">
        <v>0</v>
      </c>
      <c r="AP33" s="102">
        <v>0</v>
      </c>
      <c r="AQ33" s="102">
        <v>0</v>
      </c>
      <c r="AR33" s="102">
        <v>0</v>
      </c>
      <c r="AS33" s="103">
        <v>0</v>
      </c>
      <c r="AT33" s="104">
        <v>0</v>
      </c>
      <c r="AU33" s="101">
        <v>1</v>
      </c>
      <c r="AV33" s="102">
        <v>0</v>
      </c>
      <c r="AW33" s="103">
        <v>1</v>
      </c>
      <c r="AX33" s="413">
        <v>0</v>
      </c>
      <c r="AY33" s="102">
        <v>2</v>
      </c>
      <c r="AZ33" s="102">
        <v>3</v>
      </c>
      <c r="BA33" s="102">
        <v>0</v>
      </c>
      <c r="BB33" s="102">
        <v>0</v>
      </c>
      <c r="BC33" s="102">
        <v>0</v>
      </c>
      <c r="BD33" s="103">
        <v>5</v>
      </c>
      <c r="BE33" s="104">
        <v>6</v>
      </c>
      <c r="BF33" s="101">
        <v>0</v>
      </c>
      <c r="BG33" s="102">
        <v>0</v>
      </c>
      <c r="BH33" s="103">
        <v>0</v>
      </c>
      <c r="BI33" s="413">
        <v>0</v>
      </c>
      <c r="BJ33" s="102">
        <v>0</v>
      </c>
      <c r="BK33" s="102">
        <v>0</v>
      </c>
      <c r="BL33" s="102">
        <v>1</v>
      </c>
      <c r="BM33" s="102">
        <v>1</v>
      </c>
      <c r="BN33" s="102">
        <v>1</v>
      </c>
      <c r="BO33" s="103">
        <v>3</v>
      </c>
      <c r="BP33" s="104">
        <v>3</v>
      </c>
      <c r="BQ33" s="101">
        <v>2</v>
      </c>
      <c r="BR33" s="102">
        <v>1</v>
      </c>
      <c r="BS33" s="103">
        <v>3</v>
      </c>
      <c r="BT33" s="413">
        <v>0</v>
      </c>
      <c r="BU33" s="102">
        <v>1</v>
      </c>
      <c r="BV33" s="102">
        <v>1</v>
      </c>
      <c r="BW33" s="102">
        <v>0</v>
      </c>
      <c r="BX33" s="102">
        <v>1</v>
      </c>
      <c r="BY33" s="102">
        <v>0</v>
      </c>
      <c r="BZ33" s="103">
        <v>3</v>
      </c>
      <c r="CA33" s="104">
        <v>6</v>
      </c>
      <c r="CB33" s="101">
        <v>0</v>
      </c>
      <c r="CC33" s="102">
        <v>0</v>
      </c>
      <c r="CD33" s="103">
        <v>0</v>
      </c>
      <c r="CE33" s="413">
        <v>0</v>
      </c>
      <c r="CF33" s="102">
        <v>0</v>
      </c>
      <c r="CG33" s="102">
        <v>0</v>
      </c>
      <c r="CH33" s="102">
        <v>0</v>
      </c>
      <c r="CI33" s="102">
        <v>0</v>
      </c>
      <c r="CJ33" s="102">
        <v>0</v>
      </c>
      <c r="CK33" s="103">
        <v>0</v>
      </c>
      <c r="CL33" s="104">
        <v>0</v>
      </c>
      <c r="CM33" s="101">
        <v>4</v>
      </c>
      <c r="CN33" s="102">
        <v>1</v>
      </c>
      <c r="CO33" s="103">
        <v>5</v>
      </c>
      <c r="CP33" s="413">
        <v>0</v>
      </c>
      <c r="CQ33" s="102">
        <v>3</v>
      </c>
      <c r="CR33" s="102">
        <v>6</v>
      </c>
      <c r="CS33" s="102">
        <v>1</v>
      </c>
      <c r="CT33" s="102">
        <v>2</v>
      </c>
      <c r="CU33" s="102">
        <v>1</v>
      </c>
      <c r="CV33" s="103">
        <v>13</v>
      </c>
      <c r="CW33" s="104">
        <v>18</v>
      </c>
      <c r="CX33" s="105">
        <v>2</v>
      </c>
      <c r="CY33" s="97">
        <v>1</v>
      </c>
      <c r="CZ33" s="98">
        <v>3</v>
      </c>
      <c r="DA33" s="413">
        <v>0</v>
      </c>
      <c r="DB33" s="97">
        <v>4</v>
      </c>
      <c r="DC33" s="97">
        <v>1</v>
      </c>
      <c r="DD33" s="97">
        <v>2</v>
      </c>
      <c r="DE33" s="97">
        <v>2</v>
      </c>
      <c r="DF33" s="97">
        <v>0</v>
      </c>
      <c r="DG33" s="99">
        <v>9</v>
      </c>
      <c r="DH33" s="100">
        <v>12</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1</v>
      </c>
      <c r="DY33" s="102">
        <v>0</v>
      </c>
      <c r="DZ33" s="102">
        <v>0</v>
      </c>
      <c r="EA33" s="102">
        <v>0</v>
      </c>
      <c r="EB33" s="102">
        <v>0</v>
      </c>
      <c r="EC33" s="103">
        <v>1</v>
      </c>
      <c r="ED33" s="104">
        <v>1</v>
      </c>
      <c r="EE33" s="101">
        <v>1</v>
      </c>
      <c r="EF33" s="102">
        <v>0</v>
      </c>
      <c r="EG33" s="103">
        <v>1</v>
      </c>
      <c r="EH33" s="413">
        <v>0</v>
      </c>
      <c r="EI33" s="102">
        <v>0</v>
      </c>
      <c r="EJ33" s="102">
        <v>0</v>
      </c>
      <c r="EK33" s="102">
        <v>0</v>
      </c>
      <c r="EL33" s="102">
        <v>0</v>
      </c>
      <c r="EM33" s="102">
        <v>0</v>
      </c>
      <c r="EN33" s="103">
        <v>0</v>
      </c>
      <c r="EO33" s="104">
        <v>1</v>
      </c>
      <c r="EP33" s="101">
        <v>0</v>
      </c>
      <c r="EQ33" s="102">
        <v>0</v>
      </c>
      <c r="ER33" s="103">
        <v>0</v>
      </c>
      <c r="ES33" s="413">
        <v>0</v>
      </c>
      <c r="ET33" s="102">
        <v>0</v>
      </c>
      <c r="EU33" s="102">
        <v>0</v>
      </c>
      <c r="EV33" s="102">
        <v>0</v>
      </c>
      <c r="EW33" s="102">
        <v>0</v>
      </c>
      <c r="EX33" s="102">
        <v>0</v>
      </c>
      <c r="EY33" s="103">
        <v>0</v>
      </c>
      <c r="EZ33" s="104">
        <v>0</v>
      </c>
      <c r="FA33" s="101">
        <v>0</v>
      </c>
      <c r="FB33" s="102">
        <v>0</v>
      </c>
      <c r="FC33" s="103">
        <v>0</v>
      </c>
      <c r="FD33" s="413">
        <v>0</v>
      </c>
      <c r="FE33" s="102">
        <v>1</v>
      </c>
      <c r="FF33" s="102">
        <v>0</v>
      </c>
      <c r="FG33" s="102">
        <v>0</v>
      </c>
      <c r="FH33" s="102">
        <v>1</v>
      </c>
      <c r="FI33" s="102">
        <v>0</v>
      </c>
      <c r="FJ33" s="103">
        <v>2</v>
      </c>
      <c r="FK33" s="104">
        <v>2</v>
      </c>
      <c r="FL33" s="101">
        <v>1</v>
      </c>
      <c r="FM33" s="102">
        <v>1</v>
      </c>
      <c r="FN33" s="103">
        <v>2</v>
      </c>
      <c r="FO33" s="413">
        <v>0</v>
      </c>
      <c r="FP33" s="102">
        <v>2</v>
      </c>
      <c r="FQ33" s="102">
        <v>1</v>
      </c>
      <c r="FR33" s="102">
        <v>2</v>
      </c>
      <c r="FS33" s="102">
        <v>1</v>
      </c>
      <c r="FT33" s="102">
        <v>0</v>
      </c>
      <c r="FU33" s="103">
        <v>6</v>
      </c>
      <c r="FV33" s="104">
        <v>8</v>
      </c>
      <c r="FW33" s="101">
        <v>0</v>
      </c>
      <c r="FX33" s="102">
        <v>0</v>
      </c>
      <c r="FY33" s="103">
        <v>0</v>
      </c>
      <c r="FZ33" s="413">
        <v>0</v>
      </c>
      <c r="GA33" s="102">
        <v>0</v>
      </c>
      <c r="GB33" s="102">
        <v>0</v>
      </c>
      <c r="GC33" s="102">
        <v>0</v>
      </c>
      <c r="GD33" s="102">
        <v>0</v>
      </c>
      <c r="GE33" s="102">
        <v>0</v>
      </c>
      <c r="GF33" s="103">
        <v>0</v>
      </c>
      <c r="GG33" s="104">
        <v>0</v>
      </c>
      <c r="GH33" s="101">
        <v>2</v>
      </c>
      <c r="GI33" s="102">
        <v>1</v>
      </c>
      <c r="GJ33" s="103">
        <v>3</v>
      </c>
      <c r="GK33" s="413">
        <v>0</v>
      </c>
      <c r="GL33" s="102">
        <v>4</v>
      </c>
      <c r="GM33" s="102">
        <v>1</v>
      </c>
      <c r="GN33" s="102">
        <v>2</v>
      </c>
      <c r="GO33" s="102">
        <v>2</v>
      </c>
      <c r="GP33" s="102">
        <v>0</v>
      </c>
      <c r="GQ33" s="103">
        <v>9</v>
      </c>
      <c r="GR33" s="104">
        <v>12</v>
      </c>
      <c r="GS33" s="105">
        <v>6</v>
      </c>
      <c r="GT33" s="97">
        <v>2</v>
      </c>
      <c r="GU33" s="98">
        <v>8</v>
      </c>
      <c r="GV33" s="413">
        <v>0</v>
      </c>
      <c r="GW33" s="97">
        <v>7</v>
      </c>
      <c r="GX33" s="97">
        <v>7</v>
      </c>
      <c r="GY33" s="97">
        <v>3</v>
      </c>
      <c r="GZ33" s="97">
        <v>4</v>
      </c>
      <c r="HA33" s="97">
        <v>1</v>
      </c>
      <c r="HB33" s="99">
        <v>22</v>
      </c>
      <c r="HC33" s="100">
        <v>30</v>
      </c>
      <c r="HD33" s="101">
        <v>0</v>
      </c>
      <c r="HE33" s="102">
        <v>0</v>
      </c>
      <c r="HF33" s="103">
        <v>0</v>
      </c>
      <c r="HG33" s="413">
        <v>0</v>
      </c>
      <c r="HH33" s="102">
        <v>0</v>
      </c>
      <c r="HI33" s="102">
        <v>1</v>
      </c>
      <c r="HJ33" s="102">
        <v>0</v>
      </c>
      <c r="HK33" s="102">
        <v>0</v>
      </c>
      <c r="HL33" s="102">
        <v>0</v>
      </c>
      <c r="HM33" s="103">
        <v>1</v>
      </c>
      <c r="HN33" s="104">
        <v>1</v>
      </c>
      <c r="HO33" s="101">
        <v>1</v>
      </c>
      <c r="HP33" s="102">
        <v>0</v>
      </c>
      <c r="HQ33" s="103">
        <v>1</v>
      </c>
      <c r="HR33" s="413">
        <v>0</v>
      </c>
      <c r="HS33" s="102">
        <v>1</v>
      </c>
      <c r="HT33" s="102">
        <v>1</v>
      </c>
      <c r="HU33" s="102">
        <v>0</v>
      </c>
      <c r="HV33" s="102">
        <v>0</v>
      </c>
      <c r="HW33" s="102">
        <v>0</v>
      </c>
      <c r="HX33" s="103">
        <v>2</v>
      </c>
      <c r="HY33" s="104">
        <v>3</v>
      </c>
      <c r="HZ33" s="101">
        <v>1</v>
      </c>
      <c r="IA33" s="102">
        <v>0</v>
      </c>
      <c r="IB33" s="103">
        <v>1</v>
      </c>
      <c r="IC33" s="413">
        <v>0</v>
      </c>
      <c r="ID33" s="102">
        <v>0</v>
      </c>
      <c r="IE33" s="102">
        <v>0</v>
      </c>
      <c r="IF33" s="102">
        <v>0</v>
      </c>
      <c r="IG33" s="102">
        <v>0</v>
      </c>
      <c r="IH33" s="102">
        <v>0</v>
      </c>
      <c r="II33" s="103">
        <v>0</v>
      </c>
      <c r="IJ33" s="104">
        <v>1</v>
      </c>
      <c r="IK33" s="101">
        <v>1</v>
      </c>
      <c r="IL33" s="102">
        <v>0</v>
      </c>
      <c r="IM33" s="103">
        <v>1</v>
      </c>
      <c r="IN33" s="413">
        <v>0</v>
      </c>
      <c r="IO33" s="102">
        <v>2</v>
      </c>
      <c r="IP33" s="102">
        <v>3</v>
      </c>
      <c r="IQ33" s="102">
        <v>0</v>
      </c>
      <c r="IR33" s="102">
        <v>0</v>
      </c>
      <c r="IS33" s="102">
        <v>0</v>
      </c>
      <c r="IT33" s="103">
        <v>5</v>
      </c>
      <c r="IU33" s="104">
        <v>6</v>
      </c>
      <c r="IV33" s="101">
        <v>0</v>
      </c>
      <c r="IW33" s="102">
        <v>0</v>
      </c>
      <c r="IX33" s="103">
        <v>0</v>
      </c>
      <c r="IY33" s="413">
        <v>0</v>
      </c>
      <c r="IZ33" s="102">
        <v>1</v>
      </c>
      <c r="JA33" s="102">
        <v>0</v>
      </c>
      <c r="JB33" s="102">
        <v>1</v>
      </c>
      <c r="JC33" s="102">
        <v>2</v>
      </c>
      <c r="JD33" s="102">
        <v>1</v>
      </c>
      <c r="JE33" s="103">
        <v>5</v>
      </c>
      <c r="JF33" s="104">
        <v>5</v>
      </c>
      <c r="JG33" s="101">
        <v>3</v>
      </c>
      <c r="JH33" s="102">
        <v>2</v>
      </c>
      <c r="JI33" s="103">
        <v>5</v>
      </c>
      <c r="JJ33" s="413">
        <v>0</v>
      </c>
      <c r="JK33" s="102">
        <v>3</v>
      </c>
      <c r="JL33" s="102">
        <v>2</v>
      </c>
      <c r="JM33" s="102">
        <v>2</v>
      </c>
      <c r="JN33" s="102">
        <v>2</v>
      </c>
      <c r="JO33" s="102">
        <v>0</v>
      </c>
      <c r="JP33" s="103">
        <v>9</v>
      </c>
      <c r="JQ33" s="104">
        <v>14</v>
      </c>
      <c r="JR33" s="101">
        <v>0</v>
      </c>
      <c r="JS33" s="102">
        <v>0</v>
      </c>
      <c r="JT33" s="103">
        <v>0</v>
      </c>
      <c r="JU33" s="413">
        <v>0</v>
      </c>
      <c r="JV33" s="102">
        <v>0</v>
      </c>
      <c r="JW33" s="102">
        <v>0</v>
      </c>
      <c r="JX33" s="102">
        <v>0</v>
      </c>
      <c r="JY33" s="102">
        <v>0</v>
      </c>
      <c r="JZ33" s="102">
        <v>0</v>
      </c>
      <c r="KA33" s="103">
        <v>0</v>
      </c>
      <c r="KB33" s="104">
        <v>0</v>
      </c>
      <c r="KC33" s="101">
        <v>6</v>
      </c>
      <c r="KD33" s="102">
        <v>2</v>
      </c>
      <c r="KE33" s="103">
        <v>8</v>
      </c>
      <c r="KF33" s="413">
        <v>0</v>
      </c>
      <c r="KG33" s="102">
        <v>7</v>
      </c>
      <c r="KH33" s="102">
        <v>7</v>
      </c>
      <c r="KI33" s="102">
        <v>3</v>
      </c>
      <c r="KJ33" s="102">
        <v>4</v>
      </c>
      <c r="KK33" s="102">
        <v>1</v>
      </c>
      <c r="KL33" s="103">
        <v>22</v>
      </c>
      <c r="KM33" s="104">
        <v>30</v>
      </c>
    </row>
    <row r="34" spans="2:299" s="70" customFormat="1" ht="21" customHeight="1" x14ac:dyDescent="0.2">
      <c r="B34" s="106" t="s">
        <v>31</v>
      </c>
      <c r="C34" s="96">
        <v>4</v>
      </c>
      <c r="D34" s="97">
        <v>4</v>
      </c>
      <c r="E34" s="98">
        <v>8</v>
      </c>
      <c r="F34" s="413">
        <v>0</v>
      </c>
      <c r="G34" s="97">
        <v>5</v>
      </c>
      <c r="H34" s="97">
        <v>5</v>
      </c>
      <c r="I34" s="97">
        <v>6</v>
      </c>
      <c r="J34" s="97">
        <v>2</v>
      </c>
      <c r="K34" s="97">
        <v>1</v>
      </c>
      <c r="L34" s="99">
        <v>19</v>
      </c>
      <c r="M34" s="100">
        <v>27</v>
      </c>
      <c r="N34" s="101">
        <v>0</v>
      </c>
      <c r="O34" s="102">
        <v>0</v>
      </c>
      <c r="P34" s="103">
        <v>0</v>
      </c>
      <c r="Q34" s="413">
        <v>0</v>
      </c>
      <c r="R34" s="102">
        <v>0</v>
      </c>
      <c r="S34" s="102">
        <v>1</v>
      </c>
      <c r="T34" s="102">
        <v>0</v>
      </c>
      <c r="U34" s="102">
        <v>0</v>
      </c>
      <c r="V34" s="102">
        <v>0</v>
      </c>
      <c r="W34" s="103">
        <v>1</v>
      </c>
      <c r="X34" s="104">
        <v>1</v>
      </c>
      <c r="Y34" s="101">
        <v>2</v>
      </c>
      <c r="Z34" s="102">
        <v>1</v>
      </c>
      <c r="AA34" s="103">
        <v>3</v>
      </c>
      <c r="AB34" s="413">
        <v>0</v>
      </c>
      <c r="AC34" s="102">
        <v>0</v>
      </c>
      <c r="AD34" s="102">
        <v>1</v>
      </c>
      <c r="AE34" s="102">
        <v>1</v>
      </c>
      <c r="AF34" s="102">
        <v>0</v>
      </c>
      <c r="AG34" s="102">
        <v>1</v>
      </c>
      <c r="AH34" s="103">
        <v>3</v>
      </c>
      <c r="AI34" s="104">
        <v>6</v>
      </c>
      <c r="AJ34" s="101">
        <v>0</v>
      </c>
      <c r="AK34" s="102">
        <v>1</v>
      </c>
      <c r="AL34" s="103">
        <v>1</v>
      </c>
      <c r="AM34" s="413">
        <v>0</v>
      </c>
      <c r="AN34" s="102">
        <v>3</v>
      </c>
      <c r="AO34" s="102">
        <v>0</v>
      </c>
      <c r="AP34" s="102">
        <v>1</v>
      </c>
      <c r="AQ34" s="102">
        <v>0</v>
      </c>
      <c r="AR34" s="102">
        <v>0</v>
      </c>
      <c r="AS34" s="103">
        <v>4</v>
      </c>
      <c r="AT34" s="104">
        <v>5</v>
      </c>
      <c r="AU34" s="101">
        <v>1</v>
      </c>
      <c r="AV34" s="102">
        <v>1</v>
      </c>
      <c r="AW34" s="103">
        <v>2</v>
      </c>
      <c r="AX34" s="413">
        <v>0</v>
      </c>
      <c r="AY34" s="102">
        <v>0</v>
      </c>
      <c r="AZ34" s="102">
        <v>1</v>
      </c>
      <c r="BA34" s="102">
        <v>0</v>
      </c>
      <c r="BB34" s="102">
        <v>0</v>
      </c>
      <c r="BC34" s="102">
        <v>0</v>
      </c>
      <c r="BD34" s="103">
        <v>1</v>
      </c>
      <c r="BE34" s="104">
        <v>3</v>
      </c>
      <c r="BF34" s="101">
        <v>0</v>
      </c>
      <c r="BG34" s="102">
        <v>1</v>
      </c>
      <c r="BH34" s="103">
        <v>1</v>
      </c>
      <c r="BI34" s="413">
        <v>0</v>
      </c>
      <c r="BJ34" s="102">
        <v>1</v>
      </c>
      <c r="BK34" s="102">
        <v>1</v>
      </c>
      <c r="BL34" s="102">
        <v>2</v>
      </c>
      <c r="BM34" s="102">
        <v>1</v>
      </c>
      <c r="BN34" s="102">
        <v>0</v>
      </c>
      <c r="BO34" s="103">
        <v>5</v>
      </c>
      <c r="BP34" s="104">
        <v>6</v>
      </c>
      <c r="BQ34" s="101">
        <v>1</v>
      </c>
      <c r="BR34" s="102">
        <v>0</v>
      </c>
      <c r="BS34" s="103">
        <v>1</v>
      </c>
      <c r="BT34" s="413">
        <v>0</v>
      </c>
      <c r="BU34" s="102">
        <v>1</v>
      </c>
      <c r="BV34" s="102">
        <v>1</v>
      </c>
      <c r="BW34" s="102">
        <v>2</v>
      </c>
      <c r="BX34" s="102">
        <v>1</v>
      </c>
      <c r="BY34" s="102">
        <v>0</v>
      </c>
      <c r="BZ34" s="103">
        <v>5</v>
      </c>
      <c r="CA34" s="104">
        <v>6</v>
      </c>
      <c r="CB34" s="101">
        <v>0</v>
      </c>
      <c r="CC34" s="102">
        <v>0</v>
      </c>
      <c r="CD34" s="103">
        <v>0</v>
      </c>
      <c r="CE34" s="413">
        <v>0</v>
      </c>
      <c r="CF34" s="102">
        <v>0</v>
      </c>
      <c r="CG34" s="102">
        <v>0</v>
      </c>
      <c r="CH34" s="102">
        <v>0</v>
      </c>
      <c r="CI34" s="102">
        <v>0</v>
      </c>
      <c r="CJ34" s="102">
        <v>0</v>
      </c>
      <c r="CK34" s="103">
        <v>0</v>
      </c>
      <c r="CL34" s="104">
        <v>0</v>
      </c>
      <c r="CM34" s="101">
        <v>4</v>
      </c>
      <c r="CN34" s="102">
        <v>4</v>
      </c>
      <c r="CO34" s="103">
        <v>8</v>
      </c>
      <c r="CP34" s="413">
        <v>0</v>
      </c>
      <c r="CQ34" s="102">
        <v>5</v>
      </c>
      <c r="CR34" s="102">
        <v>5</v>
      </c>
      <c r="CS34" s="102">
        <v>6</v>
      </c>
      <c r="CT34" s="102">
        <v>2</v>
      </c>
      <c r="CU34" s="102">
        <v>1</v>
      </c>
      <c r="CV34" s="103">
        <v>19</v>
      </c>
      <c r="CW34" s="104">
        <v>27</v>
      </c>
      <c r="CX34" s="105">
        <v>1</v>
      </c>
      <c r="CY34" s="97">
        <v>0</v>
      </c>
      <c r="CZ34" s="98">
        <v>1</v>
      </c>
      <c r="DA34" s="413">
        <v>0</v>
      </c>
      <c r="DB34" s="97">
        <v>1</v>
      </c>
      <c r="DC34" s="97">
        <v>1</v>
      </c>
      <c r="DD34" s="97">
        <v>2</v>
      </c>
      <c r="DE34" s="97">
        <v>2</v>
      </c>
      <c r="DF34" s="97">
        <v>1</v>
      </c>
      <c r="DG34" s="99">
        <v>7</v>
      </c>
      <c r="DH34" s="100">
        <v>8</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1</v>
      </c>
      <c r="EA34" s="102">
        <v>0</v>
      </c>
      <c r="EB34" s="102">
        <v>0</v>
      </c>
      <c r="EC34" s="103">
        <v>1</v>
      </c>
      <c r="ED34" s="104">
        <v>1</v>
      </c>
      <c r="EE34" s="101">
        <v>0</v>
      </c>
      <c r="EF34" s="102">
        <v>0</v>
      </c>
      <c r="EG34" s="103">
        <v>0</v>
      </c>
      <c r="EH34" s="413">
        <v>0</v>
      </c>
      <c r="EI34" s="102">
        <v>0</v>
      </c>
      <c r="EJ34" s="102">
        <v>0</v>
      </c>
      <c r="EK34" s="102">
        <v>0</v>
      </c>
      <c r="EL34" s="102">
        <v>1</v>
      </c>
      <c r="EM34" s="102">
        <v>0</v>
      </c>
      <c r="EN34" s="103">
        <v>1</v>
      </c>
      <c r="EO34" s="104">
        <v>1</v>
      </c>
      <c r="EP34" s="101">
        <v>0</v>
      </c>
      <c r="EQ34" s="102">
        <v>0</v>
      </c>
      <c r="ER34" s="103">
        <v>0</v>
      </c>
      <c r="ES34" s="413">
        <v>0</v>
      </c>
      <c r="ET34" s="102">
        <v>1</v>
      </c>
      <c r="EU34" s="102">
        <v>0</v>
      </c>
      <c r="EV34" s="102">
        <v>0</v>
      </c>
      <c r="EW34" s="102">
        <v>1</v>
      </c>
      <c r="EX34" s="102">
        <v>1</v>
      </c>
      <c r="EY34" s="103">
        <v>3</v>
      </c>
      <c r="EZ34" s="104">
        <v>3</v>
      </c>
      <c r="FA34" s="101">
        <v>1</v>
      </c>
      <c r="FB34" s="102">
        <v>0</v>
      </c>
      <c r="FC34" s="103">
        <v>1</v>
      </c>
      <c r="FD34" s="413">
        <v>0</v>
      </c>
      <c r="FE34" s="102">
        <v>0</v>
      </c>
      <c r="FF34" s="102">
        <v>1</v>
      </c>
      <c r="FG34" s="102">
        <v>0</v>
      </c>
      <c r="FH34" s="102">
        <v>0</v>
      </c>
      <c r="FI34" s="102">
        <v>0</v>
      </c>
      <c r="FJ34" s="103">
        <v>1</v>
      </c>
      <c r="FK34" s="104">
        <v>2</v>
      </c>
      <c r="FL34" s="101">
        <v>0</v>
      </c>
      <c r="FM34" s="102">
        <v>0</v>
      </c>
      <c r="FN34" s="103">
        <v>0</v>
      </c>
      <c r="FO34" s="413">
        <v>0</v>
      </c>
      <c r="FP34" s="102">
        <v>0</v>
      </c>
      <c r="FQ34" s="102">
        <v>0</v>
      </c>
      <c r="FR34" s="102">
        <v>1</v>
      </c>
      <c r="FS34" s="102">
        <v>0</v>
      </c>
      <c r="FT34" s="102">
        <v>0</v>
      </c>
      <c r="FU34" s="103">
        <v>1</v>
      </c>
      <c r="FV34" s="104">
        <v>1</v>
      </c>
      <c r="FW34" s="101">
        <v>0</v>
      </c>
      <c r="FX34" s="102">
        <v>0</v>
      </c>
      <c r="FY34" s="103">
        <v>0</v>
      </c>
      <c r="FZ34" s="413">
        <v>0</v>
      </c>
      <c r="GA34" s="102">
        <v>0</v>
      </c>
      <c r="GB34" s="102">
        <v>0</v>
      </c>
      <c r="GC34" s="102">
        <v>0</v>
      </c>
      <c r="GD34" s="102">
        <v>0</v>
      </c>
      <c r="GE34" s="102">
        <v>0</v>
      </c>
      <c r="GF34" s="103">
        <v>0</v>
      </c>
      <c r="GG34" s="104">
        <v>0</v>
      </c>
      <c r="GH34" s="101">
        <v>1</v>
      </c>
      <c r="GI34" s="102">
        <v>0</v>
      </c>
      <c r="GJ34" s="103">
        <v>1</v>
      </c>
      <c r="GK34" s="413">
        <v>0</v>
      </c>
      <c r="GL34" s="102">
        <v>1</v>
      </c>
      <c r="GM34" s="102">
        <v>1</v>
      </c>
      <c r="GN34" s="102">
        <v>2</v>
      </c>
      <c r="GO34" s="102">
        <v>2</v>
      </c>
      <c r="GP34" s="102">
        <v>1</v>
      </c>
      <c r="GQ34" s="103">
        <v>7</v>
      </c>
      <c r="GR34" s="104">
        <v>8</v>
      </c>
      <c r="GS34" s="105">
        <v>5</v>
      </c>
      <c r="GT34" s="97">
        <v>4</v>
      </c>
      <c r="GU34" s="98">
        <v>9</v>
      </c>
      <c r="GV34" s="413">
        <v>0</v>
      </c>
      <c r="GW34" s="97">
        <v>6</v>
      </c>
      <c r="GX34" s="97">
        <v>6</v>
      </c>
      <c r="GY34" s="97">
        <v>8</v>
      </c>
      <c r="GZ34" s="97">
        <v>4</v>
      </c>
      <c r="HA34" s="97">
        <v>2</v>
      </c>
      <c r="HB34" s="99">
        <v>26</v>
      </c>
      <c r="HC34" s="100">
        <v>35</v>
      </c>
      <c r="HD34" s="101">
        <v>0</v>
      </c>
      <c r="HE34" s="102">
        <v>0</v>
      </c>
      <c r="HF34" s="103">
        <v>0</v>
      </c>
      <c r="HG34" s="413">
        <v>0</v>
      </c>
      <c r="HH34" s="102">
        <v>0</v>
      </c>
      <c r="HI34" s="102">
        <v>1</v>
      </c>
      <c r="HJ34" s="102">
        <v>0</v>
      </c>
      <c r="HK34" s="102">
        <v>0</v>
      </c>
      <c r="HL34" s="102">
        <v>0</v>
      </c>
      <c r="HM34" s="103">
        <v>1</v>
      </c>
      <c r="HN34" s="104">
        <v>1</v>
      </c>
      <c r="HO34" s="101">
        <v>2</v>
      </c>
      <c r="HP34" s="102">
        <v>1</v>
      </c>
      <c r="HQ34" s="103">
        <v>3</v>
      </c>
      <c r="HR34" s="413">
        <v>0</v>
      </c>
      <c r="HS34" s="102">
        <v>0</v>
      </c>
      <c r="HT34" s="102">
        <v>1</v>
      </c>
      <c r="HU34" s="102">
        <v>2</v>
      </c>
      <c r="HV34" s="102">
        <v>0</v>
      </c>
      <c r="HW34" s="102">
        <v>1</v>
      </c>
      <c r="HX34" s="103">
        <v>4</v>
      </c>
      <c r="HY34" s="104">
        <v>7</v>
      </c>
      <c r="HZ34" s="101">
        <v>0</v>
      </c>
      <c r="IA34" s="102">
        <v>1</v>
      </c>
      <c r="IB34" s="103">
        <v>1</v>
      </c>
      <c r="IC34" s="413">
        <v>0</v>
      </c>
      <c r="ID34" s="102">
        <v>3</v>
      </c>
      <c r="IE34" s="102">
        <v>0</v>
      </c>
      <c r="IF34" s="102">
        <v>1</v>
      </c>
      <c r="IG34" s="102">
        <v>1</v>
      </c>
      <c r="IH34" s="102">
        <v>0</v>
      </c>
      <c r="II34" s="103">
        <v>5</v>
      </c>
      <c r="IJ34" s="104">
        <v>6</v>
      </c>
      <c r="IK34" s="101">
        <v>1</v>
      </c>
      <c r="IL34" s="102">
        <v>1</v>
      </c>
      <c r="IM34" s="103">
        <v>2</v>
      </c>
      <c r="IN34" s="413">
        <v>0</v>
      </c>
      <c r="IO34" s="102">
        <v>1</v>
      </c>
      <c r="IP34" s="102">
        <v>1</v>
      </c>
      <c r="IQ34" s="102">
        <v>0</v>
      </c>
      <c r="IR34" s="102">
        <v>1</v>
      </c>
      <c r="IS34" s="102">
        <v>1</v>
      </c>
      <c r="IT34" s="103">
        <v>4</v>
      </c>
      <c r="IU34" s="104">
        <v>6</v>
      </c>
      <c r="IV34" s="101">
        <v>1</v>
      </c>
      <c r="IW34" s="102">
        <v>1</v>
      </c>
      <c r="IX34" s="103">
        <v>2</v>
      </c>
      <c r="IY34" s="413">
        <v>0</v>
      </c>
      <c r="IZ34" s="102">
        <v>1</v>
      </c>
      <c r="JA34" s="102">
        <v>2</v>
      </c>
      <c r="JB34" s="102">
        <v>2</v>
      </c>
      <c r="JC34" s="102">
        <v>1</v>
      </c>
      <c r="JD34" s="102">
        <v>0</v>
      </c>
      <c r="JE34" s="103">
        <v>6</v>
      </c>
      <c r="JF34" s="104">
        <v>8</v>
      </c>
      <c r="JG34" s="101">
        <v>1</v>
      </c>
      <c r="JH34" s="102">
        <v>0</v>
      </c>
      <c r="JI34" s="103">
        <v>1</v>
      </c>
      <c r="JJ34" s="413">
        <v>0</v>
      </c>
      <c r="JK34" s="102">
        <v>1</v>
      </c>
      <c r="JL34" s="102">
        <v>1</v>
      </c>
      <c r="JM34" s="102">
        <v>3</v>
      </c>
      <c r="JN34" s="102">
        <v>1</v>
      </c>
      <c r="JO34" s="102">
        <v>0</v>
      </c>
      <c r="JP34" s="103">
        <v>6</v>
      </c>
      <c r="JQ34" s="104">
        <v>7</v>
      </c>
      <c r="JR34" s="101">
        <v>0</v>
      </c>
      <c r="JS34" s="102">
        <v>0</v>
      </c>
      <c r="JT34" s="103">
        <v>0</v>
      </c>
      <c r="JU34" s="413">
        <v>0</v>
      </c>
      <c r="JV34" s="102">
        <v>0</v>
      </c>
      <c r="JW34" s="102">
        <v>0</v>
      </c>
      <c r="JX34" s="102">
        <v>0</v>
      </c>
      <c r="JY34" s="102">
        <v>0</v>
      </c>
      <c r="JZ34" s="102">
        <v>0</v>
      </c>
      <c r="KA34" s="103">
        <v>0</v>
      </c>
      <c r="KB34" s="104">
        <v>0</v>
      </c>
      <c r="KC34" s="101">
        <v>5</v>
      </c>
      <c r="KD34" s="102">
        <v>4</v>
      </c>
      <c r="KE34" s="103">
        <v>9</v>
      </c>
      <c r="KF34" s="413">
        <v>0</v>
      </c>
      <c r="KG34" s="102">
        <v>6</v>
      </c>
      <c r="KH34" s="102">
        <v>6</v>
      </c>
      <c r="KI34" s="102">
        <v>8</v>
      </c>
      <c r="KJ34" s="102">
        <v>4</v>
      </c>
      <c r="KK34" s="102">
        <v>2</v>
      </c>
      <c r="KL34" s="103">
        <v>26</v>
      </c>
      <c r="KM34" s="104">
        <v>35</v>
      </c>
    </row>
    <row r="35" spans="2:299" s="70" customFormat="1" ht="21" customHeight="1" x14ac:dyDescent="0.2">
      <c r="B35" s="106" t="s">
        <v>32</v>
      </c>
      <c r="C35" s="96">
        <v>7</v>
      </c>
      <c r="D35" s="97">
        <v>4</v>
      </c>
      <c r="E35" s="98">
        <v>11</v>
      </c>
      <c r="F35" s="413">
        <v>0</v>
      </c>
      <c r="G35" s="97">
        <v>14</v>
      </c>
      <c r="H35" s="97">
        <v>5</v>
      </c>
      <c r="I35" s="97">
        <v>1</v>
      </c>
      <c r="J35" s="97">
        <v>4</v>
      </c>
      <c r="K35" s="97">
        <v>3</v>
      </c>
      <c r="L35" s="99">
        <v>27</v>
      </c>
      <c r="M35" s="100">
        <v>38</v>
      </c>
      <c r="N35" s="101">
        <v>0</v>
      </c>
      <c r="O35" s="102">
        <v>0</v>
      </c>
      <c r="P35" s="103">
        <v>0</v>
      </c>
      <c r="Q35" s="413">
        <v>0</v>
      </c>
      <c r="R35" s="102">
        <v>0</v>
      </c>
      <c r="S35" s="102">
        <v>0</v>
      </c>
      <c r="T35" s="102">
        <v>0</v>
      </c>
      <c r="U35" s="102">
        <v>0</v>
      </c>
      <c r="V35" s="102">
        <v>0</v>
      </c>
      <c r="W35" s="103">
        <v>0</v>
      </c>
      <c r="X35" s="104">
        <v>0</v>
      </c>
      <c r="Y35" s="101">
        <v>0</v>
      </c>
      <c r="Z35" s="102">
        <v>0</v>
      </c>
      <c r="AA35" s="103">
        <v>0</v>
      </c>
      <c r="AB35" s="413">
        <v>0</v>
      </c>
      <c r="AC35" s="102">
        <v>0</v>
      </c>
      <c r="AD35" s="102">
        <v>0</v>
      </c>
      <c r="AE35" s="102">
        <v>1</v>
      </c>
      <c r="AF35" s="102">
        <v>1</v>
      </c>
      <c r="AG35" s="102">
        <v>0</v>
      </c>
      <c r="AH35" s="103">
        <v>2</v>
      </c>
      <c r="AI35" s="104">
        <v>2</v>
      </c>
      <c r="AJ35" s="101">
        <v>1</v>
      </c>
      <c r="AK35" s="102">
        <v>0</v>
      </c>
      <c r="AL35" s="103">
        <v>1</v>
      </c>
      <c r="AM35" s="413">
        <v>0</v>
      </c>
      <c r="AN35" s="102">
        <v>4</v>
      </c>
      <c r="AO35" s="102">
        <v>0</v>
      </c>
      <c r="AP35" s="102">
        <v>0</v>
      </c>
      <c r="AQ35" s="102">
        <v>1</v>
      </c>
      <c r="AR35" s="102">
        <v>2</v>
      </c>
      <c r="AS35" s="103">
        <v>7</v>
      </c>
      <c r="AT35" s="104">
        <v>8</v>
      </c>
      <c r="AU35" s="101">
        <v>3</v>
      </c>
      <c r="AV35" s="102">
        <v>2</v>
      </c>
      <c r="AW35" s="103">
        <v>5</v>
      </c>
      <c r="AX35" s="413">
        <v>0</v>
      </c>
      <c r="AY35" s="102">
        <v>5</v>
      </c>
      <c r="AZ35" s="102">
        <v>1</v>
      </c>
      <c r="BA35" s="102">
        <v>0</v>
      </c>
      <c r="BB35" s="102">
        <v>1</v>
      </c>
      <c r="BC35" s="102">
        <v>1</v>
      </c>
      <c r="BD35" s="103">
        <v>8</v>
      </c>
      <c r="BE35" s="104">
        <v>13</v>
      </c>
      <c r="BF35" s="101">
        <v>0</v>
      </c>
      <c r="BG35" s="102">
        <v>2</v>
      </c>
      <c r="BH35" s="103">
        <v>2</v>
      </c>
      <c r="BI35" s="413">
        <v>0</v>
      </c>
      <c r="BJ35" s="102">
        <v>1</v>
      </c>
      <c r="BK35" s="102">
        <v>2</v>
      </c>
      <c r="BL35" s="102">
        <v>0</v>
      </c>
      <c r="BM35" s="102">
        <v>0</v>
      </c>
      <c r="BN35" s="102">
        <v>0</v>
      </c>
      <c r="BO35" s="103">
        <v>3</v>
      </c>
      <c r="BP35" s="104">
        <v>5</v>
      </c>
      <c r="BQ35" s="101">
        <v>3</v>
      </c>
      <c r="BR35" s="102">
        <v>0</v>
      </c>
      <c r="BS35" s="103">
        <v>3</v>
      </c>
      <c r="BT35" s="413">
        <v>0</v>
      </c>
      <c r="BU35" s="102">
        <v>4</v>
      </c>
      <c r="BV35" s="102">
        <v>2</v>
      </c>
      <c r="BW35" s="102">
        <v>0</v>
      </c>
      <c r="BX35" s="102">
        <v>1</v>
      </c>
      <c r="BY35" s="102">
        <v>0</v>
      </c>
      <c r="BZ35" s="103">
        <v>7</v>
      </c>
      <c r="CA35" s="104">
        <v>10</v>
      </c>
      <c r="CB35" s="101">
        <v>0</v>
      </c>
      <c r="CC35" s="102">
        <v>0</v>
      </c>
      <c r="CD35" s="103">
        <v>0</v>
      </c>
      <c r="CE35" s="413">
        <v>0</v>
      </c>
      <c r="CF35" s="102">
        <v>0</v>
      </c>
      <c r="CG35" s="102">
        <v>0</v>
      </c>
      <c r="CH35" s="102">
        <v>0</v>
      </c>
      <c r="CI35" s="102">
        <v>0</v>
      </c>
      <c r="CJ35" s="102">
        <v>0</v>
      </c>
      <c r="CK35" s="103">
        <v>0</v>
      </c>
      <c r="CL35" s="104">
        <v>0</v>
      </c>
      <c r="CM35" s="101">
        <v>7</v>
      </c>
      <c r="CN35" s="102">
        <v>4</v>
      </c>
      <c r="CO35" s="103">
        <v>11</v>
      </c>
      <c r="CP35" s="413">
        <v>0</v>
      </c>
      <c r="CQ35" s="102">
        <v>14</v>
      </c>
      <c r="CR35" s="102">
        <v>5</v>
      </c>
      <c r="CS35" s="102">
        <v>1</v>
      </c>
      <c r="CT35" s="102">
        <v>4</v>
      </c>
      <c r="CU35" s="102">
        <v>3</v>
      </c>
      <c r="CV35" s="103">
        <v>27</v>
      </c>
      <c r="CW35" s="104">
        <v>38</v>
      </c>
      <c r="CX35" s="105">
        <v>2</v>
      </c>
      <c r="CY35" s="97">
        <v>1</v>
      </c>
      <c r="CZ35" s="98">
        <v>3</v>
      </c>
      <c r="DA35" s="413">
        <v>0</v>
      </c>
      <c r="DB35" s="97">
        <v>5</v>
      </c>
      <c r="DC35" s="97">
        <v>4</v>
      </c>
      <c r="DD35" s="97">
        <v>1</v>
      </c>
      <c r="DE35" s="97">
        <v>3</v>
      </c>
      <c r="DF35" s="97">
        <v>2</v>
      </c>
      <c r="DG35" s="99">
        <v>15</v>
      </c>
      <c r="DH35" s="100">
        <v>18</v>
      </c>
      <c r="DI35" s="101">
        <v>0</v>
      </c>
      <c r="DJ35" s="102">
        <v>0</v>
      </c>
      <c r="DK35" s="103">
        <v>0</v>
      </c>
      <c r="DL35" s="413">
        <v>0</v>
      </c>
      <c r="DM35" s="102">
        <v>0</v>
      </c>
      <c r="DN35" s="102">
        <v>0</v>
      </c>
      <c r="DO35" s="102">
        <v>0</v>
      </c>
      <c r="DP35" s="102">
        <v>0</v>
      </c>
      <c r="DQ35" s="102">
        <v>0</v>
      </c>
      <c r="DR35" s="103">
        <v>0</v>
      </c>
      <c r="DS35" s="104">
        <v>0</v>
      </c>
      <c r="DT35" s="101">
        <v>1</v>
      </c>
      <c r="DU35" s="102">
        <v>0</v>
      </c>
      <c r="DV35" s="103">
        <v>1</v>
      </c>
      <c r="DW35" s="413">
        <v>0</v>
      </c>
      <c r="DX35" s="102">
        <v>0</v>
      </c>
      <c r="DY35" s="102">
        <v>0</v>
      </c>
      <c r="DZ35" s="102">
        <v>0</v>
      </c>
      <c r="EA35" s="102">
        <v>0</v>
      </c>
      <c r="EB35" s="102">
        <v>0</v>
      </c>
      <c r="EC35" s="103">
        <v>0</v>
      </c>
      <c r="ED35" s="104">
        <v>1</v>
      </c>
      <c r="EE35" s="101">
        <v>0</v>
      </c>
      <c r="EF35" s="102">
        <v>0</v>
      </c>
      <c r="EG35" s="103">
        <v>0</v>
      </c>
      <c r="EH35" s="413">
        <v>0</v>
      </c>
      <c r="EI35" s="102">
        <v>1</v>
      </c>
      <c r="EJ35" s="102">
        <v>1</v>
      </c>
      <c r="EK35" s="102">
        <v>1</v>
      </c>
      <c r="EL35" s="102">
        <v>0</v>
      </c>
      <c r="EM35" s="102">
        <v>0</v>
      </c>
      <c r="EN35" s="103">
        <v>3</v>
      </c>
      <c r="EO35" s="104">
        <v>3</v>
      </c>
      <c r="EP35" s="101">
        <v>1</v>
      </c>
      <c r="EQ35" s="102">
        <v>0</v>
      </c>
      <c r="ER35" s="103">
        <v>1</v>
      </c>
      <c r="ES35" s="413">
        <v>0</v>
      </c>
      <c r="ET35" s="102">
        <v>1</v>
      </c>
      <c r="EU35" s="102">
        <v>0</v>
      </c>
      <c r="EV35" s="102">
        <v>0</v>
      </c>
      <c r="EW35" s="102">
        <v>1</v>
      </c>
      <c r="EX35" s="102">
        <v>0</v>
      </c>
      <c r="EY35" s="103">
        <v>2</v>
      </c>
      <c r="EZ35" s="104">
        <v>3</v>
      </c>
      <c r="FA35" s="101">
        <v>0</v>
      </c>
      <c r="FB35" s="102">
        <v>0</v>
      </c>
      <c r="FC35" s="103">
        <v>0</v>
      </c>
      <c r="FD35" s="413">
        <v>0</v>
      </c>
      <c r="FE35" s="102">
        <v>1</v>
      </c>
      <c r="FF35" s="102">
        <v>1</v>
      </c>
      <c r="FG35" s="102">
        <v>0</v>
      </c>
      <c r="FH35" s="102">
        <v>0</v>
      </c>
      <c r="FI35" s="102">
        <v>1</v>
      </c>
      <c r="FJ35" s="103">
        <v>3</v>
      </c>
      <c r="FK35" s="104">
        <v>3</v>
      </c>
      <c r="FL35" s="101">
        <v>0</v>
      </c>
      <c r="FM35" s="102">
        <v>1</v>
      </c>
      <c r="FN35" s="103">
        <v>1</v>
      </c>
      <c r="FO35" s="413">
        <v>0</v>
      </c>
      <c r="FP35" s="102">
        <v>2</v>
      </c>
      <c r="FQ35" s="102">
        <v>2</v>
      </c>
      <c r="FR35" s="102">
        <v>0</v>
      </c>
      <c r="FS35" s="102">
        <v>2</v>
      </c>
      <c r="FT35" s="102">
        <v>1</v>
      </c>
      <c r="FU35" s="103">
        <v>7</v>
      </c>
      <c r="FV35" s="104">
        <v>8</v>
      </c>
      <c r="FW35" s="101">
        <v>0</v>
      </c>
      <c r="FX35" s="102">
        <v>0</v>
      </c>
      <c r="FY35" s="103">
        <v>0</v>
      </c>
      <c r="FZ35" s="413">
        <v>0</v>
      </c>
      <c r="GA35" s="102">
        <v>0</v>
      </c>
      <c r="GB35" s="102">
        <v>0</v>
      </c>
      <c r="GC35" s="102">
        <v>0</v>
      </c>
      <c r="GD35" s="102">
        <v>0</v>
      </c>
      <c r="GE35" s="102">
        <v>0</v>
      </c>
      <c r="GF35" s="103">
        <v>0</v>
      </c>
      <c r="GG35" s="104">
        <v>0</v>
      </c>
      <c r="GH35" s="101">
        <v>2</v>
      </c>
      <c r="GI35" s="102">
        <v>1</v>
      </c>
      <c r="GJ35" s="103">
        <v>3</v>
      </c>
      <c r="GK35" s="413">
        <v>0</v>
      </c>
      <c r="GL35" s="102">
        <v>5</v>
      </c>
      <c r="GM35" s="102">
        <v>4</v>
      </c>
      <c r="GN35" s="102">
        <v>1</v>
      </c>
      <c r="GO35" s="102">
        <v>3</v>
      </c>
      <c r="GP35" s="102">
        <v>2</v>
      </c>
      <c r="GQ35" s="103">
        <v>15</v>
      </c>
      <c r="GR35" s="104">
        <v>18</v>
      </c>
      <c r="GS35" s="105">
        <v>9</v>
      </c>
      <c r="GT35" s="97">
        <v>5</v>
      </c>
      <c r="GU35" s="98">
        <v>14</v>
      </c>
      <c r="GV35" s="413">
        <v>0</v>
      </c>
      <c r="GW35" s="97">
        <v>19</v>
      </c>
      <c r="GX35" s="97">
        <v>9</v>
      </c>
      <c r="GY35" s="97">
        <v>2</v>
      </c>
      <c r="GZ35" s="97">
        <v>7</v>
      </c>
      <c r="HA35" s="97">
        <v>5</v>
      </c>
      <c r="HB35" s="99">
        <v>42</v>
      </c>
      <c r="HC35" s="100">
        <v>56</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0</v>
      </c>
      <c r="HT35" s="102">
        <v>0</v>
      </c>
      <c r="HU35" s="102">
        <v>1</v>
      </c>
      <c r="HV35" s="102">
        <v>1</v>
      </c>
      <c r="HW35" s="102">
        <v>0</v>
      </c>
      <c r="HX35" s="103">
        <v>2</v>
      </c>
      <c r="HY35" s="104">
        <v>3</v>
      </c>
      <c r="HZ35" s="101">
        <v>1</v>
      </c>
      <c r="IA35" s="102">
        <v>0</v>
      </c>
      <c r="IB35" s="103">
        <v>1</v>
      </c>
      <c r="IC35" s="413">
        <v>0</v>
      </c>
      <c r="ID35" s="102">
        <v>5</v>
      </c>
      <c r="IE35" s="102">
        <v>1</v>
      </c>
      <c r="IF35" s="102">
        <v>1</v>
      </c>
      <c r="IG35" s="102">
        <v>1</v>
      </c>
      <c r="IH35" s="102">
        <v>2</v>
      </c>
      <c r="II35" s="103">
        <v>10</v>
      </c>
      <c r="IJ35" s="104">
        <v>11</v>
      </c>
      <c r="IK35" s="101">
        <v>4</v>
      </c>
      <c r="IL35" s="102">
        <v>2</v>
      </c>
      <c r="IM35" s="103">
        <v>6</v>
      </c>
      <c r="IN35" s="413">
        <v>0</v>
      </c>
      <c r="IO35" s="102">
        <v>6</v>
      </c>
      <c r="IP35" s="102">
        <v>1</v>
      </c>
      <c r="IQ35" s="102">
        <v>0</v>
      </c>
      <c r="IR35" s="102">
        <v>2</v>
      </c>
      <c r="IS35" s="102">
        <v>1</v>
      </c>
      <c r="IT35" s="103">
        <v>10</v>
      </c>
      <c r="IU35" s="104">
        <v>16</v>
      </c>
      <c r="IV35" s="101">
        <v>0</v>
      </c>
      <c r="IW35" s="102">
        <v>2</v>
      </c>
      <c r="IX35" s="103">
        <v>2</v>
      </c>
      <c r="IY35" s="413">
        <v>0</v>
      </c>
      <c r="IZ35" s="102">
        <v>2</v>
      </c>
      <c r="JA35" s="102">
        <v>3</v>
      </c>
      <c r="JB35" s="102">
        <v>0</v>
      </c>
      <c r="JC35" s="102">
        <v>0</v>
      </c>
      <c r="JD35" s="102">
        <v>1</v>
      </c>
      <c r="JE35" s="103">
        <v>6</v>
      </c>
      <c r="JF35" s="104">
        <v>8</v>
      </c>
      <c r="JG35" s="101">
        <v>3</v>
      </c>
      <c r="JH35" s="102">
        <v>1</v>
      </c>
      <c r="JI35" s="103">
        <v>4</v>
      </c>
      <c r="JJ35" s="413">
        <v>0</v>
      </c>
      <c r="JK35" s="102">
        <v>6</v>
      </c>
      <c r="JL35" s="102">
        <v>4</v>
      </c>
      <c r="JM35" s="102">
        <v>0</v>
      </c>
      <c r="JN35" s="102">
        <v>3</v>
      </c>
      <c r="JO35" s="102">
        <v>1</v>
      </c>
      <c r="JP35" s="103">
        <v>14</v>
      </c>
      <c r="JQ35" s="104">
        <v>18</v>
      </c>
      <c r="JR35" s="101">
        <v>0</v>
      </c>
      <c r="JS35" s="102">
        <v>0</v>
      </c>
      <c r="JT35" s="103">
        <v>0</v>
      </c>
      <c r="JU35" s="413">
        <v>0</v>
      </c>
      <c r="JV35" s="102">
        <v>0</v>
      </c>
      <c r="JW35" s="102">
        <v>0</v>
      </c>
      <c r="JX35" s="102">
        <v>0</v>
      </c>
      <c r="JY35" s="102">
        <v>0</v>
      </c>
      <c r="JZ35" s="102">
        <v>0</v>
      </c>
      <c r="KA35" s="103">
        <v>0</v>
      </c>
      <c r="KB35" s="104">
        <v>0</v>
      </c>
      <c r="KC35" s="101">
        <v>9</v>
      </c>
      <c r="KD35" s="102">
        <v>5</v>
      </c>
      <c r="KE35" s="103">
        <v>14</v>
      </c>
      <c r="KF35" s="413">
        <v>0</v>
      </c>
      <c r="KG35" s="102">
        <v>19</v>
      </c>
      <c r="KH35" s="102">
        <v>9</v>
      </c>
      <c r="KI35" s="102">
        <v>2</v>
      </c>
      <c r="KJ35" s="102">
        <v>7</v>
      </c>
      <c r="KK35" s="102">
        <v>5</v>
      </c>
      <c r="KL35" s="103">
        <v>42</v>
      </c>
      <c r="KM35" s="104">
        <v>56</v>
      </c>
    </row>
    <row r="36" spans="2:299" s="70" customFormat="1" ht="21" customHeight="1" x14ac:dyDescent="0.2">
      <c r="B36" s="106" t="s">
        <v>33</v>
      </c>
      <c r="C36" s="96">
        <v>2</v>
      </c>
      <c r="D36" s="97">
        <v>2</v>
      </c>
      <c r="E36" s="98">
        <v>4</v>
      </c>
      <c r="F36" s="413">
        <v>0</v>
      </c>
      <c r="G36" s="97">
        <v>12</v>
      </c>
      <c r="H36" s="97">
        <v>2</v>
      </c>
      <c r="I36" s="97">
        <v>5</v>
      </c>
      <c r="J36" s="97">
        <v>2</v>
      </c>
      <c r="K36" s="97">
        <v>3</v>
      </c>
      <c r="L36" s="99">
        <v>24</v>
      </c>
      <c r="M36" s="100">
        <v>28</v>
      </c>
      <c r="N36" s="101">
        <v>0</v>
      </c>
      <c r="O36" s="102">
        <v>0</v>
      </c>
      <c r="P36" s="103">
        <v>0</v>
      </c>
      <c r="Q36" s="413">
        <v>0</v>
      </c>
      <c r="R36" s="102">
        <v>3</v>
      </c>
      <c r="S36" s="102">
        <v>0</v>
      </c>
      <c r="T36" s="102">
        <v>0</v>
      </c>
      <c r="U36" s="102">
        <v>1</v>
      </c>
      <c r="V36" s="102">
        <v>0</v>
      </c>
      <c r="W36" s="103">
        <v>4</v>
      </c>
      <c r="X36" s="104">
        <v>4</v>
      </c>
      <c r="Y36" s="101">
        <v>0</v>
      </c>
      <c r="Z36" s="102">
        <v>0</v>
      </c>
      <c r="AA36" s="103">
        <v>0</v>
      </c>
      <c r="AB36" s="413">
        <v>0</v>
      </c>
      <c r="AC36" s="102">
        <v>0</v>
      </c>
      <c r="AD36" s="102">
        <v>0</v>
      </c>
      <c r="AE36" s="102">
        <v>0</v>
      </c>
      <c r="AF36" s="102">
        <v>0</v>
      </c>
      <c r="AG36" s="102">
        <v>1</v>
      </c>
      <c r="AH36" s="103">
        <v>1</v>
      </c>
      <c r="AI36" s="104">
        <v>1</v>
      </c>
      <c r="AJ36" s="101">
        <v>0</v>
      </c>
      <c r="AK36" s="102">
        <v>1</v>
      </c>
      <c r="AL36" s="103">
        <v>1</v>
      </c>
      <c r="AM36" s="413">
        <v>0</v>
      </c>
      <c r="AN36" s="102">
        <v>2</v>
      </c>
      <c r="AO36" s="102">
        <v>0</v>
      </c>
      <c r="AP36" s="102">
        <v>2</v>
      </c>
      <c r="AQ36" s="102">
        <v>0</v>
      </c>
      <c r="AR36" s="102">
        <v>2</v>
      </c>
      <c r="AS36" s="103">
        <v>6</v>
      </c>
      <c r="AT36" s="104">
        <v>7</v>
      </c>
      <c r="AU36" s="101">
        <v>2</v>
      </c>
      <c r="AV36" s="102">
        <v>1</v>
      </c>
      <c r="AW36" s="103">
        <v>3</v>
      </c>
      <c r="AX36" s="413">
        <v>0</v>
      </c>
      <c r="AY36" s="102">
        <v>0</v>
      </c>
      <c r="AZ36" s="102">
        <v>1</v>
      </c>
      <c r="BA36" s="102">
        <v>2</v>
      </c>
      <c r="BB36" s="102">
        <v>0</v>
      </c>
      <c r="BC36" s="102">
        <v>0</v>
      </c>
      <c r="BD36" s="103">
        <v>3</v>
      </c>
      <c r="BE36" s="104">
        <v>6</v>
      </c>
      <c r="BF36" s="101">
        <v>0</v>
      </c>
      <c r="BG36" s="102">
        <v>0</v>
      </c>
      <c r="BH36" s="103">
        <v>0</v>
      </c>
      <c r="BI36" s="413">
        <v>0</v>
      </c>
      <c r="BJ36" s="102">
        <v>2</v>
      </c>
      <c r="BK36" s="102">
        <v>1</v>
      </c>
      <c r="BL36" s="102">
        <v>0</v>
      </c>
      <c r="BM36" s="102">
        <v>0</v>
      </c>
      <c r="BN36" s="102">
        <v>0</v>
      </c>
      <c r="BO36" s="103">
        <v>3</v>
      </c>
      <c r="BP36" s="104">
        <v>3</v>
      </c>
      <c r="BQ36" s="101">
        <v>0</v>
      </c>
      <c r="BR36" s="102">
        <v>0</v>
      </c>
      <c r="BS36" s="103">
        <v>0</v>
      </c>
      <c r="BT36" s="413">
        <v>0</v>
      </c>
      <c r="BU36" s="102">
        <v>5</v>
      </c>
      <c r="BV36" s="102">
        <v>0</v>
      </c>
      <c r="BW36" s="102">
        <v>1</v>
      </c>
      <c r="BX36" s="102">
        <v>1</v>
      </c>
      <c r="BY36" s="102">
        <v>0</v>
      </c>
      <c r="BZ36" s="103">
        <v>7</v>
      </c>
      <c r="CA36" s="104">
        <v>7</v>
      </c>
      <c r="CB36" s="101">
        <v>0</v>
      </c>
      <c r="CC36" s="102">
        <v>0</v>
      </c>
      <c r="CD36" s="103">
        <v>0</v>
      </c>
      <c r="CE36" s="413">
        <v>0</v>
      </c>
      <c r="CF36" s="102">
        <v>0</v>
      </c>
      <c r="CG36" s="102">
        <v>0</v>
      </c>
      <c r="CH36" s="102">
        <v>0</v>
      </c>
      <c r="CI36" s="102">
        <v>0</v>
      </c>
      <c r="CJ36" s="102">
        <v>0</v>
      </c>
      <c r="CK36" s="103">
        <v>0</v>
      </c>
      <c r="CL36" s="104">
        <v>0</v>
      </c>
      <c r="CM36" s="101">
        <v>2</v>
      </c>
      <c r="CN36" s="102">
        <v>2</v>
      </c>
      <c r="CO36" s="103">
        <v>4</v>
      </c>
      <c r="CP36" s="413">
        <v>0</v>
      </c>
      <c r="CQ36" s="102">
        <v>12</v>
      </c>
      <c r="CR36" s="102">
        <v>2</v>
      </c>
      <c r="CS36" s="102">
        <v>5</v>
      </c>
      <c r="CT36" s="102">
        <v>2</v>
      </c>
      <c r="CU36" s="102">
        <v>3</v>
      </c>
      <c r="CV36" s="103">
        <v>24</v>
      </c>
      <c r="CW36" s="104">
        <v>28</v>
      </c>
      <c r="CX36" s="105">
        <v>0</v>
      </c>
      <c r="CY36" s="97">
        <v>3</v>
      </c>
      <c r="CZ36" s="98">
        <v>3</v>
      </c>
      <c r="DA36" s="413">
        <v>0</v>
      </c>
      <c r="DB36" s="97">
        <v>4</v>
      </c>
      <c r="DC36" s="97">
        <v>3</v>
      </c>
      <c r="DD36" s="97">
        <v>2</v>
      </c>
      <c r="DE36" s="97">
        <v>2</v>
      </c>
      <c r="DF36" s="97">
        <v>2</v>
      </c>
      <c r="DG36" s="99">
        <v>13</v>
      </c>
      <c r="DH36" s="100">
        <v>16</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1</v>
      </c>
      <c r="ER36" s="103">
        <v>1</v>
      </c>
      <c r="ES36" s="413">
        <v>0</v>
      </c>
      <c r="ET36" s="102">
        <v>0</v>
      </c>
      <c r="EU36" s="102">
        <v>0</v>
      </c>
      <c r="EV36" s="102">
        <v>0</v>
      </c>
      <c r="EW36" s="102">
        <v>0</v>
      </c>
      <c r="EX36" s="102">
        <v>1</v>
      </c>
      <c r="EY36" s="103">
        <v>1</v>
      </c>
      <c r="EZ36" s="104">
        <v>2</v>
      </c>
      <c r="FA36" s="101">
        <v>0</v>
      </c>
      <c r="FB36" s="102">
        <v>2</v>
      </c>
      <c r="FC36" s="103">
        <v>2</v>
      </c>
      <c r="FD36" s="413">
        <v>0</v>
      </c>
      <c r="FE36" s="102">
        <v>1</v>
      </c>
      <c r="FF36" s="102">
        <v>0</v>
      </c>
      <c r="FG36" s="102">
        <v>0</v>
      </c>
      <c r="FH36" s="102">
        <v>1</v>
      </c>
      <c r="FI36" s="102">
        <v>0</v>
      </c>
      <c r="FJ36" s="103">
        <v>2</v>
      </c>
      <c r="FK36" s="104">
        <v>4</v>
      </c>
      <c r="FL36" s="101">
        <v>0</v>
      </c>
      <c r="FM36" s="102">
        <v>0</v>
      </c>
      <c r="FN36" s="103">
        <v>0</v>
      </c>
      <c r="FO36" s="413">
        <v>0</v>
      </c>
      <c r="FP36" s="102">
        <v>3</v>
      </c>
      <c r="FQ36" s="102">
        <v>3</v>
      </c>
      <c r="FR36" s="102">
        <v>2</v>
      </c>
      <c r="FS36" s="102">
        <v>1</v>
      </c>
      <c r="FT36" s="102">
        <v>1</v>
      </c>
      <c r="FU36" s="103">
        <v>10</v>
      </c>
      <c r="FV36" s="104">
        <v>10</v>
      </c>
      <c r="FW36" s="101">
        <v>0</v>
      </c>
      <c r="FX36" s="102">
        <v>0</v>
      </c>
      <c r="FY36" s="103">
        <v>0</v>
      </c>
      <c r="FZ36" s="413">
        <v>0</v>
      </c>
      <c r="GA36" s="102">
        <v>0</v>
      </c>
      <c r="GB36" s="102">
        <v>0</v>
      </c>
      <c r="GC36" s="102">
        <v>0</v>
      </c>
      <c r="GD36" s="102">
        <v>0</v>
      </c>
      <c r="GE36" s="102">
        <v>0</v>
      </c>
      <c r="GF36" s="103">
        <v>0</v>
      </c>
      <c r="GG36" s="104">
        <v>0</v>
      </c>
      <c r="GH36" s="101">
        <v>0</v>
      </c>
      <c r="GI36" s="102">
        <v>3</v>
      </c>
      <c r="GJ36" s="103">
        <v>3</v>
      </c>
      <c r="GK36" s="413">
        <v>0</v>
      </c>
      <c r="GL36" s="102">
        <v>4</v>
      </c>
      <c r="GM36" s="102">
        <v>3</v>
      </c>
      <c r="GN36" s="102">
        <v>2</v>
      </c>
      <c r="GO36" s="102">
        <v>2</v>
      </c>
      <c r="GP36" s="102">
        <v>2</v>
      </c>
      <c r="GQ36" s="103">
        <v>13</v>
      </c>
      <c r="GR36" s="104">
        <v>16</v>
      </c>
      <c r="GS36" s="105">
        <v>2</v>
      </c>
      <c r="GT36" s="97">
        <v>5</v>
      </c>
      <c r="GU36" s="98">
        <v>7</v>
      </c>
      <c r="GV36" s="413">
        <v>0</v>
      </c>
      <c r="GW36" s="97">
        <v>16</v>
      </c>
      <c r="GX36" s="97">
        <v>5</v>
      </c>
      <c r="GY36" s="97">
        <v>7</v>
      </c>
      <c r="GZ36" s="97">
        <v>4</v>
      </c>
      <c r="HA36" s="97">
        <v>5</v>
      </c>
      <c r="HB36" s="99">
        <v>37</v>
      </c>
      <c r="HC36" s="100">
        <v>44</v>
      </c>
      <c r="HD36" s="101">
        <v>0</v>
      </c>
      <c r="HE36" s="102">
        <v>0</v>
      </c>
      <c r="HF36" s="103">
        <v>0</v>
      </c>
      <c r="HG36" s="413">
        <v>0</v>
      </c>
      <c r="HH36" s="102">
        <v>3</v>
      </c>
      <c r="HI36" s="102">
        <v>0</v>
      </c>
      <c r="HJ36" s="102">
        <v>0</v>
      </c>
      <c r="HK36" s="102">
        <v>1</v>
      </c>
      <c r="HL36" s="102">
        <v>0</v>
      </c>
      <c r="HM36" s="103">
        <v>4</v>
      </c>
      <c r="HN36" s="104">
        <v>4</v>
      </c>
      <c r="HO36" s="101">
        <v>0</v>
      </c>
      <c r="HP36" s="102">
        <v>0</v>
      </c>
      <c r="HQ36" s="103">
        <v>0</v>
      </c>
      <c r="HR36" s="413">
        <v>0</v>
      </c>
      <c r="HS36" s="102">
        <v>0</v>
      </c>
      <c r="HT36" s="102">
        <v>0</v>
      </c>
      <c r="HU36" s="102">
        <v>0</v>
      </c>
      <c r="HV36" s="102">
        <v>0</v>
      </c>
      <c r="HW36" s="102">
        <v>1</v>
      </c>
      <c r="HX36" s="103">
        <v>1</v>
      </c>
      <c r="HY36" s="104">
        <v>1</v>
      </c>
      <c r="HZ36" s="101">
        <v>0</v>
      </c>
      <c r="IA36" s="102">
        <v>1</v>
      </c>
      <c r="IB36" s="103">
        <v>1</v>
      </c>
      <c r="IC36" s="413">
        <v>0</v>
      </c>
      <c r="ID36" s="102">
        <v>2</v>
      </c>
      <c r="IE36" s="102">
        <v>0</v>
      </c>
      <c r="IF36" s="102">
        <v>2</v>
      </c>
      <c r="IG36" s="102">
        <v>0</v>
      </c>
      <c r="IH36" s="102">
        <v>2</v>
      </c>
      <c r="II36" s="103">
        <v>6</v>
      </c>
      <c r="IJ36" s="104">
        <v>7</v>
      </c>
      <c r="IK36" s="101">
        <v>2</v>
      </c>
      <c r="IL36" s="102">
        <v>2</v>
      </c>
      <c r="IM36" s="103">
        <v>4</v>
      </c>
      <c r="IN36" s="413">
        <v>0</v>
      </c>
      <c r="IO36" s="102">
        <v>0</v>
      </c>
      <c r="IP36" s="102">
        <v>1</v>
      </c>
      <c r="IQ36" s="102">
        <v>2</v>
      </c>
      <c r="IR36" s="102">
        <v>0</v>
      </c>
      <c r="IS36" s="102">
        <v>1</v>
      </c>
      <c r="IT36" s="103">
        <v>4</v>
      </c>
      <c r="IU36" s="104">
        <v>8</v>
      </c>
      <c r="IV36" s="101">
        <v>0</v>
      </c>
      <c r="IW36" s="102">
        <v>2</v>
      </c>
      <c r="IX36" s="103">
        <v>2</v>
      </c>
      <c r="IY36" s="413">
        <v>0</v>
      </c>
      <c r="IZ36" s="102">
        <v>3</v>
      </c>
      <c r="JA36" s="102">
        <v>1</v>
      </c>
      <c r="JB36" s="102">
        <v>0</v>
      </c>
      <c r="JC36" s="102">
        <v>1</v>
      </c>
      <c r="JD36" s="102">
        <v>0</v>
      </c>
      <c r="JE36" s="103">
        <v>5</v>
      </c>
      <c r="JF36" s="104">
        <v>7</v>
      </c>
      <c r="JG36" s="101">
        <v>0</v>
      </c>
      <c r="JH36" s="102">
        <v>0</v>
      </c>
      <c r="JI36" s="103">
        <v>0</v>
      </c>
      <c r="JJ36" s="413">
        <v>0</v>
      </c>
      <c r="JK36" s="102">
        <v>8</v>
      </c>
      <c r="JL36" s="102">
        <v>3</v>
      </c>
      <c r="JM36" s="102">
        <v>3</v>
      </c>
      <c r="JN36" s="102">
        <v>2</v>
      </c>
      <c r="JO36" s="102">
        <v>1</v>
      </c>
      <c r="JP36" s="103">
        <v>17</v>
      </c>
      <c r="JQ36" s="104">
        <v>17</v>
      </c>
      <c r="JR36" s="101">
        <v>0</v>
      </c>
      <c r="JS36" s="102">
        <v>0</v>
      </c>
      <c r="JT36" s="103">
        <v>0</v>
      </c>
      <c r="JU36" s="413">
        <v>0</v>
      </c>
      <c r="JV36" s="102">
        <v>0</v>
      </c>
      <c r="JW36" s="102">
        <v>0</v>
      </c>
      <c r="JX36" s="102">
        <v>0</v>
      </c>
      <c r="JY36" s="102">
        <v>0</v>
      </c>
      <c r="JZ36" s="102">
        <v>0</v>
      </c>
      <c r="KA36" s="103">
        <v>0</v>
      </c>
      <c r="KB36" s="104">
        <v>0</v>
      </c>
      <c r="KC36" s="101">
        <v>2</v>
      </c>
      <c r="KD36" s="102">
        <v>5</v>
      </c>
      <c r="KE36" s="103">
        <v>7</v>
      </c>
      <c r="KF36" s="413">
        <v>0</v>
      </c>
      <c r="KG36" s="102">
        <v>16</v>
      </c>
      <c r="KH36" s="102">
        <v>5</v>
      </c>
      <c r="KI36" s="102">
        <v>7</v>
      </c>
      <c r="KJ36" s="102">
        <v>4</v>
      </c>
      <c r="KK36" s="102">
        <v>5</v>
      </c>
      <c r="KL36" s="103">
        <v>37</v>
      </c>
      <c r="KM36" s="104">
        <v>44</v>
      </c>
    </row>
    <row r="37" spans="2:299" s="70" customFormat="1" ht="21" customHeight="1" x14ac:dyDescent="0.2">
      <c r="B37" s="106" t="s">
        <v>34</v>
      </c>
      <c r="C37" s="96">
        <v>3</v>
      </c>
      <c r="D37" s="97">
        <v>1</v>
      </c>
      <c r="E37" s="98">
        <v>4</v>
      </c>
      <c r="F37" s="413">
        <v>0</v>
      </c>
      <c r="G37" s="97">
        <v>3</v>
      </c>
      <c r="H37" s="97">
        <v>3</v>
      </c>
      <c r="I37" s="97">
        <v>1</v>
      </c>
      <c r="J37" s="97">
        <v>2</v>
      </c>
      <c r="K37" s="97">
        <v>0</v>
      </c>
      <c r="L37" s="99">
        <v>9</v>
      </c>
      <c r="M37" s="100">
        <v>13</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0</v>
      </c>
      <c r="AD37" s="102">
        <v>1</v>
      </c>
      <c r="AE37" s="102">
        <v>0</v>
      </c>
      <c r="AF37" s="102">
        <v>0</v>
      </c>
      <c r="AG37" s="102">
        <v>0</v>
      </c>
      <c r="AH37" s="103">
        <v>1</v>
      </c>
      <c r="AI37" s="104">
        <v>1</v>
      </c>
      <c r="AJ37" s="101">
        <v>1</v>
      </c>
      <c r="AK37" s="102">
        <v>1</v>
      </c>
      <c r="AL37" s="103">
        <v>2</v>
      </c>
      <c r="AM37" s="413">
        <v>0</v>
      </c>
      <c r="AN37" s="102">
        <v>0</v>
      </c>
      <c r="AO37" s="102">
        <v>1</v>
      </c>
      <c r="AP37" s="102">
        <v>0</v>
      </c>
      <c r="AQ37" s="102">
        <v>0</v>
      </c>
      <c r="AR37" s="102">
        <v>0</v>
      </c>
      <c r="AS37" s="103">
        <v>1</v>
      </c>
      <c r="AT37" s="104">
        <v>3</v>
      </c>
      <c r="AU37" s="101">
        <v>1</v>
      </c>
      <c r="AV37" s="102">
        <v>0</v>
      </c>
      <c r="AW37" s="103">
        <v>1</v>
      </c>
      <c r="AX37" s="413">
        <v>0</v>
      </c>
      <c r="AY37" s="102">
        <v>1</v>
      </c>
      <c r="AZ37" s="102">
        <v>1</v>
      </c>
      <c r="BA37" s="102">
        <v>0</v>
      </c>
      <c r="BB37" s="102">
        <v>1</v>
      </c>
      <c r="BC37" s="102">
        <v>0</v>
      </c>
      <c r="BD37" s="103">
        <v>3</v>
      </c>
      <c r="BE37" s="104">
        <v>4</v>
      </c>
      <c r="BF37" s="101">
        <v>0</v>
      </c>
      <c r="BG37" s="102">
        <v>0</v>
      </c>
      <c r="BH37" s="103">
        <v>0</v>
      </c>
      <c r="BI37" s="413">
        <v>0</v>
      </c>
      <c r="BJ37" s="102">
        <v>1</v>
      </c>
      <c r="BK37" s="102">
        <v>0</v>
      </c>
      <c r="BL37" s="102">
        <v>0</v>
      </c>
      <c r="BM37" s="102">
        <v>0</v>
      </c>
      <c r="BN37" s="102">
        <v>0</v>
      </c>
      <c r="BO37" s="103">
        <v>1</v>
      </c>
      <c r="BP37" s="104">
        <v>1</v>
      </c>
      <c r="BQ37" s="101">
        <v>1</v>
      </c>
      <c r="BR37" s="102">
        <v>0</v>
      </c>
      <c r="BS37" s="103">
        <v>1</v>
      </c>
      <c r="BT37" s="413">
        <v>0</v>
      </c>
      <c r="BU37" s="102">
        <v>1</v>
      </c>
      <c r="BV37" s="102">
        <v>0</v>
      </c>
      <c r="BW37" s="102">
        <v>1</v>
      </c>
      <c r="BX37" s="102">
        <v>1</v>
      </c>
      <c r="BY37" s="102">
        <v>0</v>
      </c>
      <c r="BZ37" s="103">
        <v>3</v>
      </c>
      <c r="CA37" s="104">
        <v>4</v>
      </c>
      <c r="CB37" s="101">
        <v>0</v>
      </c>
      <c r="CC37" s="102">
        <v>0</v>
      </c>
      <c r="CD37" s="103">
        <v>0</v>
      </c>
      <c r="CE37" s="413">
        <v>0</v>
      </c>
      <c r="CF37" s="102">
        <v>0</v>
      </c>
      <c r="CG37" s="102">
        <v>0</v>
      </c>
      <c r="CH37" s="102">
        <v>0</v>
      </c>
      <c r="CI37" s="102">
        <v>0</v>
      </c>
      <c r="CJ37" s="102">
        <v>0</v>
      </c>
      <c r="CK37" s="103">
        <v>0</v>
      </c>
      <c r="CL37" s="104">
        <v>0</v>
      </c>
      <c r="CM37" s="101">
        <v>3</v>
      </c>
      <c r="CN37" s="102">
        <v>1</v>
      </c>
      <c r="CO37" s="103">
        <v>4</v>
      </c>
      <c r="CP37" s="413">
        <v>0</v>
      </c>
      <c r="CQ37" s="102">
        <v>3</v>
      </c>
      <c r="CR37" s="102">
        <v>3</v>
      </c>
      <c r="CS37" s="102">
        <v>1</v>
      </c>
      <c r="CT37" s="102">
        <v>2</v>
      </c>
      <c r="CU37" s="102">
        <v>0</v>
      </c>
      <c r="CV37" s="103">
        <v>9</v>
      </c>
      <c r="CW37" s="104">
        <v>13</v>
      </c>
      <c r="CX37" s="105">
        <v>2</v>
      </c>
      <c r="CY37" s="97">
        <v>1</v>
      </c>
      <c r="CZ37" s="98">
        <v>3</v>
      </c>
      <c r="DA37" s="413">
        <v>0</v>
      </c>
      <c r="DB37" s="97">
        <v>1</v>
      </c>
      <c r="DC37" s="97">
        <v>2</v>
      </c>
      <c r="DD37" s="97">
        <v>1</v>
      </c>
      <c r="DE37" s="97">
        <v>1</v>
      </c>
      <c r="DF37" s="97">
        <v>1</v>
      </c>
      <c r="DG37" s="99">
        <v>6</v>
      </c>
      <c r="DH37" s="100">
        <v>9</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0</v>
      </c>
      <c r="EF37" s="102">
        <v>0</v>
      </c>
      <c r="EG37" s="103">
        <v>0</v>
      </c>
      <c r="EH37" s="413">
        <v>0</v>
      </c>
      <c r="EI37" s="102">
        <v>0</v>
      </c>
      <c r="EJ37" s="102">
        <v>0</v>
      </c>
      <c r="EK37" s="102">
        <v>1</v>
      </c>
      <c r="EL37" s="102">
        <v>0</v>
      </c>
      <c r="EM37" s="102">
        <v>0</v>
      </c>
      <c r="EN37" s="103">
        <v>1</v>
      </c>
      <c r="EO37" s="104">
        <v>1</v>
      </c>
      <c r="EP37" s="101">
        <v>0</v>
      </c>
      <c r="EQ37" s="102">
        <v>1</v>
      </c>
      <c r="ER37" s="103">
        <v>1</v>
      </c>
      <c r="ES37" s="413">
        <v>0</v>
      </c>
      <c r="ET37" s="102">
        <v>0</v>
      </c>
      <c r="EU37" s="102">
        <v>0</v>
      </c>
      <c r="EV37" s="102">
        <v>0</v>
      </c>
      <c r="EW37" s="102">
        <v>0</v>
      </c>
      <c r="EX37" s="102">
        <v>1</v>
      </c>
      <c r="EY37" s="103">
        <v>1</v>
      </c>
      <c r="EZ37" s="104">
        <v>2</v>
      </c>
      <c r="FA37" s="101">
        <v>2</v>
      </c>
      <c r="FB37" s="102">
        <v>0</v>
      </c>
      <c r="FC37" s="103">
        <v>2</v>
      </c>
      <c r="FD37" s="413">
        <v>0</v>
      </c>
      <c r="FE37" s="102">
        <v>0</v>
      </c>
      <c r="FF37" s="102">
        <v>0</v>
      </c>
      <c r="FG37" s="102">
        <v>0</v>
      </c>
      <c r="FH37" s="102">
        <v>1</v>
      </c>
      <c r="FI37" s="102">
        <v>0</v>
      </c>
      <c r="FJ37" s="103">
        <v>1</v>
      </c>
      <c r="FK37" s="104">
        <v>3</v>
      </c>
      <c r="FL37" s="101">
        <v>0</v>
      </c>
      <c r="FM37" s="102">
        <v>0</v>
      </c>
      <c r="FN37" s="103">
        <v>0</v>
      </c>
      <c r="FO37" s="413">
        <v>0</v>
      </c>
      <c r="FP37" s="102">
        <v>1</v>
      </c>
      <c r="FQ37" s="102">
        <v>2</v>
      </c>
      <c r="FR37" s="102">
        <v>0</v>
      </c>
      <c r="FS37" s="102">
        <v>0</v>
      </c>
      <c r="FT37" s="102">
        <v>0</v>
      </c>
      <c r="FU37" s="103">
        <v>3</v>
      </c>
      <c r="FV37" s="104">
        <v>3</v>
      </c>
      <c r="FW37" s="101">
        <v>0</v>
      </c>
      <c r="FX37" s="102">
        <v>0</v>
      </c>
      <c r="FY37" s="103">
        <v>0</v>
      </c>
      <c r="FZ37" s="413">
        <v>0</v>
      </c>
      <c r="GA37" s="102">
        <v>0</v>
      </c>
      <c r="GB37" s="102">
        <v>0</v>
      </c>
      <c r="GC37" s="102">
        <v>0</v>
      </c>
      <c r="GD37" s="102">
        <v>0</v>
      </c>
      <c r="GE37" s="102">
        <v>0</v>
      </c>
      <c r="GF37" s="103">
        <v>0</v>
      </c>
      <c r="GG37" s="104">
        <v>0</v>
      </c>
      <c r="GH37" s="101">
        <v>2</v>
      </c>
      <c r="GI37" s="102">
        <v>1</v>
      </c>
      <c r="GJ37" s="103">
        <v>3</v>
      </c>
      <c r="GK37" s="413">
        <v>0</v>
      </c>
      <c r="GL37" s="102">
        <v>1</v>
      </c>
      <c r="GM37" s="102">
        <v>2</v>
      </c>
      <c r="GN37" s="102">
        <v>1</v>
      </c>
      <c r="GO37" s="102">
        <v>1</v>
      </c>
      <c r="GP37" s="102">
        <v>1</v>
      </c>
      <c r="GQ37" s="103">
        <v>6</v>
      </c>
      <c r="GR37" s="104">
        <v>9</v>
      </c>
      <c r="GS37" s="105">
        <v>5</v>
      </c>
      <c r="GT37" s="97">
        <v>2</v>
      </c>
      <c r="GU37" s="98">
        <v>7</v>
      </c>
      <c r="GV37" s="413">
        <v>0</v>
      </c>
      <c r="GW37" s="97">
        <v>4</v>
      </c>
      <c r="GX37" s="97">
        <v>5</v>
      </c>
      <c r="GY37" s="97">
        <v>2</v>
      </c>
      <c r="GZ37" s="97">
        <v>3</v>
      </c>
      <c r="HA37" s="97">
        <v>1</v>
      </c>
      <c r="HB37" s="99">
        <v>15</v>
      </c>
      <c r="HC37" s="100">
        <v>22</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0</v>
      </c>
      <c r="HT37" s="102">
        <v>1</v>
      </c>
      <c r="HU37" s="102">
        <v>0</v>
      </c>
      <c r="HV37" s="102">
        <v>0</v>
      </c>
      <c r="HW37" s="102">
        <v>0</v>
      </c>
      <c r="HX37" s="103">
        <v>1</v>
      </c>
      <c r="HY37" s="104">
        <v>1</v>
      </c>
      <c r="HZ37" s="101">
        <v>1</v>
      </c>
      <c r="IA37" s="102">
        <v>1</v>
      </c>
      <c r="IB37" s="103">
        <v>2</v>
      </c>
      <c r="IC37" s="413">
        <v>0</v>
      </c>
      <c r="ID37" s="102">
        <v>0</v>
      </c>
      <c r="IE37" s="102">
        <v>1</v>
      </c>
      <c r="IF37" s="102">
        <v>1</v>
      </c>
      <c r="IG37" s="102">
        <v>0</v>
      </c>
      <c r="IH37" s="102">
        <v>0</v>
      </c>
      <c r="II37" s="103">
        <v>2</v>
      </c>
      <c r="IJ37" s="104">
        <v>4</v>
      </c>
      <c r="IK37" s="101">
        <v>1</v>
      </c>
      <c r="IL37" s="102">
        <v>1</v>
      </c>
      <c r="IM37" s="103">
        <v>2</v>
      </c>
      <c r="IN37" s="413">
        <v>0</v>
      </c>
      <c r="IO37" s="102">
        <v>1</v>
      </c>
      <c r="IP37" s="102">
        <v>1</v>
      </c>
      <c r="IQ37" s="102">
        <v>0</v>
      </c>
      <c r="IR37" s="102">
        <v>1</v>
      </c>
      <c r="IS37" s="102">
        <v>1</v>
      </c>
      <c r="IT37" s="103">
        <v>4</v>
      </c>
      <c r="IU37" s="104">
        <v>6</v>
      </c>
      <c r="IV37" s="101">
        <v>2</v>
      </c>
      <c r="IW37" s="102">
        <v>0</v>
      </c>
      <c r="IX37" s="103">
        <v>2</v>
      </c>
      <c r="IY37" s="413">
        <v>0</v>
      </c>
      <c r="IZ37" s="102">
        <v>1</v>
      </c>
      <c r="JA37" s="102">
        <v>0</v>
      </c>
      <c r="JB37" s="102">
        <v>0</v>
      </c>
      <c r="JC37" s="102">
        <v>1</v>
      </c>
      <c r="JD37" s="102">
        <v>0</v>
      </c>
      <c r="JE37" s="103">
        <v>2</v>
      </c>
      <c r="JF37" s="104">
        <v>4</v>
      </c>
      <c r="JG37" s="101">
        <v>1</v>
      </c>
      <c r="JH37" s="102">
        <v>0</v>
      </c>
      <c r="JI37" s="103">
        <v>1</v>
      </c>
      <c r="JJ37" s="413">
        <v>0</v>
      </c>
      <c r="JK37" s="102">
        <v>2</v>
      </c>
      <c r="JL37" s="102">
        <v>2</v>
      </c>
      <c r="JM37" s="102">
        <v>1</v>
      </c>
      <c r="JN37" s="102">
        <v>1</v>
      </c>
      <c r="JO37" s="102">
        <v>0</v>
      </c>
      <c r="JP37" s="103">
        <v>6</v>
      </c>
      <c r="JQ37" s="104">
        <v>7</v>
      </c>
      <c r="JR37" s="101">
        <v>0</v>
      </c>
      <c r="JS37" s="102">
        <v>0</v>
      </c>
      <c r="JT37" s="103">
        <v>0</v>
      </c>
      <c r="JU37" s="413">
        <v>0</v>
      </c>
      <c r="JV37" s="102">
        <v>0</v>
      </c>
      <c r="JW37" s="102">
        <v>0</v>
      </c>
      <c r="JX37" s="102">
        <v>0</v>
      </c>
      <c r="JY37" s="102">
        <v>0</v>
      </c>
      <c r="JZ37" s="102">
        <v>0</v>
      </c>
      <c r="KA37" s="103">
        <v>0</v>
      </c>
      <c r="KB37" s="104">
        <v>0</v>
      </c>
      <c r="KC37" s="101">
        <v>5</v>
      </c>
      <c r="KD37" s="102">
        <v>2</v>
      </c>
      <c r="KE37" s="103">
        <v>7</v>
      </c>
      <c r="KF37" s="413">
        <v>0</v>
      </c>
      <c r="KG37" s="102">
        <v>4</v>
      </c>
      <c r="KH37" s="102">
        <v>5</v>
      </c>
      <c r="KI37" s="102">
        <v>2</v>
      </c>
      <c r="KJ37" s="102">
        <v>3</v>
      </c>
      <c r="KK37" s="102">
        <v>1</v>
      </c>
      <c r="KL37" s="103">
        <v>15</v>
      </c>
      <c r="KM37" s="104">
        <v>22</v>
      </c>
    </row>
    <row r="38" spans="2:299" s="70" customFormat="1" ht="21" customHeight="1" x14ac:dyDescent="0.2">
      <c r="B38" s="106" t="s">
        <v>35</v>
      </c>
      <c r="C38" s="96">
        <v>8</v>
      </c>
      <c r="D38" s="97">
        <v>12</v>
      </c>
      <c r="E38" s="98">
        <v>20</v>
      </c>
      <c r="F38" s="413">
        <v>0</v>
      </c>
      <c r="G38" s="97">
        <v>14</v>
      </c>
      <c r="H38" s="97">
        <v>11</v>
      </c>
      <c r="I38" s="97">
        <v>5</v>
      </c>
      <c r="J38" s="97">
        <v>1</v>
      </c>
      <c r="K38" s="97">
        <v>1</v>
      </c>
      <c r="L38" s="99">
        <v>32</v>
      </c>
      <c r="M38" s="100">
        <v>52</v>
      </c>
      <c r="N38" s="101">
        <v>0</v>
      </c>
      <c r="O38" s="102">
        <v>1</v>
      </c>
      <c r="P38" s="103">
        <v>1</v>
      </c>
      <c r="Q38" s="413">
        <v>0</v>
      </c>
      <c r="R38" s="102">
        <v>0</v>
      </c>
      <c r="S38" s="102">
        <v>0</v>
      </c>
      <c r="T38" s="102">
        <v>0</v>
      </c>
      <c r="U38" s="102">
        <v>0</v>
      </c>
      <c r="V38" s="102">
        <v>0</v>
      </c>
      <c r="W38" s="103">
        <v>0</v>
      </c>
      <c r="X38" s="104">
        <v>1</v>
      </c>
      <c r="Y38" s="101">
        <v>0</v>
      </c>
      <c r="Z38" s="102">
        <v>0</v>
      </c>
      <c r="AA38" s="103">
        <v>0</v>
      </c>
      <c r="AB38" s="413">
        <v>0</v>
      </c>
      <c r="AC38" s="102">
        <v>0</v>
      </c>
      <c r="AD38" s="102">
        <v>0</v>
      </c>
      <c r="AE38" s="102">
        <v>1</v>
      </c>
      <c r="AF38" s="102">
        <v>0</v>
      </c>
      <c r="AG38" s="102">
        <v>0</v>
      </c>
      <c r="AH38" s="103">
        <v>1</v>
      </c>
      <c r="AI38" s="104">
        <v>1</v>
      </c>
      <c r="AJ38" s="101">
        <v>1</v>
      </c>
      <c r="AK38" s="102">
        <v>2</v>
      </c>
      <c r="AL38" s="103">
        <v>3</v>
      </c>
      <c r="AM38" s="413">
        <v>0</v>
      </c>
      <c r="AN38" s="102">
        <v>4</v>
      </c>
      <c r="AO38" s="102">
        <v>0</v>
      </c>
      <c r="AP38" s="102">
        <v>3</v>
      </c>
      <c r="AQ38" s="102">
        <v>0</v>
      </c>
      <c r="AR38" s="102">
        <v>0</v>
      </c>
      <c r="AS38" s="103">
        <v>7</v>
      </c>
      <c r="AT38" s="104">
        <v>10</v>
      </c>
      <c r="AU38" s="101">
        <v>3</v>
      </c>
      <c r="AV38" s="102">
        <v>3</v>
      </c>
      <c r="AW38" s="103">
        <v>6</v>
      </c>
      <c r="AX38" s="413">
        <v>0</v>
      </c>
      <c r="AY38" s="102">
        <v>3</v>
      </c>
      <c r="AZ38" s="102">
        <v>5</v>
      </c>
      <c r="BA38" s="102">
        <v>0</v>
      </c>
      <c r="BB38" s="102">
        <v>0</v>
      </c>
      <c r="BC38" s="102">
        <v>0</v>
      </c>
      <c r="BD38" s="103">
        <v>8</v>
      </c>
      <c r="BE38" s="104">
        <v>14</v>
      </c>
      <c r="BF38" s="101">
        <v>3</v>
      </c>
      <c r="BG38" s="102">
        <v>3</v>
      </c>
      <c r="BH38" s="103">
        <v>6</v>
      </c>
      <c r="BI38" s="413">
        <v>0</v>
      </c>
      <c r="BJ38" s="102">
        <v>5</v>
      </c>
      <c r="BK38" s="102">
        <v>3</v>
      </c>
      <c r="BL38" s="102">
        <v>1</v>
      </c>
      <c r="BM38" s="102">
        <v>0</v>
      </c>
      <c r="BN38" s="102">
        <v>1</v>
      </c>
      <c r="BO38" s="103">
        <v>10</v>
      </c>
      <c r="BP38" s="104">
        <v>16</v>
      </c>
      <c r="BQ38" s="101">
        <v>1</v>
      </c>
      <c r="BR38" s="102">
        <v>3</v>
      </c>
      <c r="BS38" s="103">
        <v>4</v>
      </c>
      <c r="BT38" s="413">
        <v>0</v>
      </c>
      <c r="BU38" s="102">
        <v>2</v>
      </c>
      <c r="BV38" s="102">
        <v>3</v>
      </c>
      <c r="BW38" s="102">
        <v>0</v>
      </c>
      <c r="BX38" s="102">
        <v>1</v>
      </c>
      <c r="BY38" s="102">
        <v>0</v>
      </c>
      <c r="BZ38" s="103">
        <v>6</v>
      </c>
      <c r="CA38" s="104">
        <v>10</v>
      </c>
      <c r="CB38" s="101">
        <v>0</v>
      </c>
      <c r="CC38" s="102">
        <v>0</v>
      </c>
      <c r="CD38" s="103">
        <v>0</v>
      </c>
      <c r="CE38" s="413">
        <v>0</v>
      </c>
      <c r="CF38" s="102">
        <v>0</v>
      </c>
      <c r="CG38" s="102">
        <v>0</v>
      </c>
      <c r="CH38" s="102">
        <v>0</v>
      </c>
      <c r="CI38" s="102">
        <v>0</v>
      </c>
      <c r="CJ38" s="102">
        <v>0</v>
      </c>
      <c r="CK38" s="103">
        <v>0</v>
      </c>
      <c r="CL38" s="104">
        <v>0</v>
      </c>
      <c r="CM38" s="101">
        <v>8</v>
      </c>
      <c r="CN38" s="102">
        <v>12</v>
      </c>
      <c r="CO38" s="103">
        <v>20</v>
      </c>
      <c r="CP38" s="413">
        <v>0</v>
      </c>
      <c r="CQ38" s="102">
        <v>14</v>
      </c>
      <c r="CR38" s="102">
        <v>11</v>
      </c>
      <c r="CS38" s="102">
        <v>5</v>
      </c>
      <c r="CT38" s="102">
        <v>1</v>
      </c>
      <c r="CU38" s="102">
        <v>1</v>
      </c>
      <c r="CV38" s="103">
        <v>32</v>
      </c>
      <c r="CW38" s="104">
        <v>52</v>
      </c>
      <c r="CX38" s="105">
        <v>4</v>
      </c>
      <c r="CY38" s="97">
        <v>4</v>
      </c>
      <c r="CZ38" s="98">
        <v>8</v>
      </c>
      <c r="DA38" s="413">
        <v>0</v>
      </c>
      <c r="DB38" s="97">
        <v>8</v>
      </c>
      <c r="DC38" s="97">
        <v>6</v>
      </c>
      <c r="DD38" s="97">
        <v>2</v>
      </c>
      <c r="DE38" s="97">
        <v>3</v>
      </c>
      <c r="DF38" s="97">
        <v>4</v>
      </c>
      <c r="DG38" s="99">
        <v>23</v>
      </c>
      <c r="DH38" s="100">
        <v>31</v>
      </c>
      <c r="DI38" s="101">
        <v>0</v>
      </c>
      <c r="DJ38" s="102">
        <v>0</v>
      </c>
      <c r="DK38" s="103">
        <v>0</v>
      </c>
      <c r="DL38" s="413">
        <v>0</v>
      </c>
      <c r="DM38" s="102">
        <v>0</v>
      </c>
      <c r="DN38" s="102">
        <v>1</v>
      </c>
      <c r="DO38" s="102">
        <v>0</v>
      </c>
      <c r="DP38" s="102">
        <v>0</v>
      </c>
      <c r="DQ38" s="102">
        <v>0</v>
      </c>
      <c r="DR38" s="103">
        <v>1</v>
      </c>
      <c r="DS38" s="104">
        <v>1</v>
      </c>
      <c r="DT38" s="101">
        <v>1</v>
      </c>
      <c r="DU38" s="102">
        <v>1</v>
      </c>
      <c r="DV38" s="103">
        <v>2</v>
      </c>
      <c r="DW38" s="413">
        <v>0</v>
      </c>
      <c r="DX38" s="102">
        <v>0</v>
      </c>
      <c r="DY38" s="102">
        <v>1</v>
      </c>
      <c r="DZ38" s="102">
        <v>0</v>
      </c>
      <c r="EA38" s="102">
        <v>0</v>
      </c>
      <c r="EB38" s="102">
        <v>0</v>
      </c>
      <c r="EC38" s="103">
        <v>1</v>
      </c>
      <c r="ED38" s="104">
        <v>3</v>
      </c>
      <c r="EE38" s="101">
        <v>1</v>
      </c>
      <c r="EF38" s="102">
        <v>0</v>
      </c>
      <c r="EG38" s="103">
        <v>1</v>
      </c>
      <c r="EH38" s="413">
        <v>0</v>
      </c>
      <c r="EI38" s="102">
        <v>0</v>
      </c>
      <c r="EJ38" s="102">
        <v>1</v>
      </c>
      <c r="EK38" s="102">
        <v>0</v>
      </c>
      <c r="EL38" s="102">
        <v>1</v>
      </c>
      <c r="EM38" s="102">
        <v>1</v>
      </c>
      <c r="EN38" s="103">
        <v>3</v>
      </c>
      <c r="EO38" s="104">
        <v>4</v>
      </c>
      <c r="EP38" s="101">
        <v>1</v>
      </c>
      <c r="EQ38" s="102">
        <v>1</v>
      </c>
      <c r="ER38" s="103">
        <v>2</v>
      </c>
      <c r="ES38" s="413">
        <v>0</v>
      </c>
      <c r="ET38" s="102">
        <v>1</v>
      </c>
      <c r="EU38" s="102">
        <v>0</v>
      </c>
      <c r="EV38" s="102">
        <v>0</v>
      </c>
      <c r="EW38" s="102">
        <v>1</v>
      </c>
      <c r="EX38" s="102">
        <v>0</v>
      </c>
      <c r="EY38" s="103">
        <v>2</v>
      </c>
      <c r="EZ38" s="104">
        <v>4</v>
      </c>
      <c r="FA38" s="101">
        <v>0</v>
      </c>
      <c r="FB38" s="102">
        <v>2</v>
      </c>
      <c r="FC38" s="103">
        <v>2</v>
      </c>
      <c r="FD38" s="413">
        <v>0</v>
      </c>
      <c r="FE38" s="102">
        <v>3</v>
      </c>
      <c r="FF38" s="102">
        <v>1</v>
      </c>
      <c r="FG38" s="102">
        <v>0</v>
      </c>
      <c r="FH38" s="102">
        <v>0</v>
      </c>
      <c r="FI38" s="102">
        <v>0</v>
      </c>
      <c r="FJ38" s="103">
        <v>4</v>
      </c>
      <c r="FK38" s="104">
        <v>6</v>
      </c>
      <c r="FL38" s="101">
        <v>1</v>
      </c>
      <c r="FM38" s="102">
        <v>0</v>
      </c>
      <c r="FN38" s="103">
        <v>1</v>
      </c>
      <c r="FO38" s="413">
        <v>0</v>
      </c>
      <c r="FP38" s="102">
        <v>4</v>
      </c>
      <c r="FQ38" s="102">
        <v>2</v>
      </c>
      <c r="FR38" s="102">
        <v>2</v>
      </c>
      <c r="FS38" s="102">
        <v>1</v>
      </c>
      <c r="FT38" s="102">
        <v>3</v>
      </c>
      <c r="FU38" s="103">
        <v>12</v>
      </c>
      <c r="FV38" s="104">
        <v>13</v>
      </c>
      <c r="FW38" s="101">
        <v>0</v>
      </c>
      <c r="FX38" s="102">
        <v>0</v>
      </c>
      <c r="FY38" s="103">
        <v>0</v>
      </c>
      <c r="FZ38" s="413">
        <v>0</v>
      </c>
      <c r="GA38" s="102">
        <v>0</v>
      </c>
      <c r="GB38" s="102">
        <v>0</v>
      </c>
      <c r="GC38" s="102">
        <v>0</v>
      </c>
      <c r="GD38" s="102">
        <v>0</v>
      </c>
      <c r="GE38" s="102">
        <v>0</v>
      </c>
      <c r="GF38" s="103">
        <v>0</v>
      </c>
      <c r="GG38" s="104">
        <v>0</v>
      </c>
      <c r="GH38" s="101">
        <v>4</v>
      </c>
      <c r="GI38" s="102">
        <v>4</v>
      </c>
      <c r="GJ38" s="103">
        <v>8</v>
      </c>
      <c r="GK38" s="413">
        <v>0</v>
      </c>
      <c r="GL38" s="102">
        <v>8</v>
      </c>
      <c r="GM38" s="102">
        <v>6</v>
      </c>
      <c r="GN38" s="102">
        <v>2</v>
      </c>
      <c r="GO38" s="102">
        <v>3</v>
      </c>
      <c r="GP38" s="102">
        <v>4</v>
      </c>
      <c r="GQ38" s="103">
        <v>23</v>
      </c>
      <c r="GR38" s="104">
        <v>31</v>
      </c>
      <c r="GS38" s="105">
        <v>12</v>
      </c>
      <c r="GT38" s="97">
        <v>16</v>
      </c>
      <c r="GU38" s="98">
        <v>28</v>
      </c>
      <c r="GV38" s="413">
        <v>0</v>
      </c>
      <c r="GW38" s="97">
        <v>22</v>
      </c>
      <c r="GX38" s="97">
        <v>17</v>
      </c>
      <c r="GY38" s="97">
        <v>7</v>
      </c>
      <c r="GZ38" s="97">
        <v>4</v>
      </c>
      <c r="HA38" s="97">
        <v>5</v>
      </c>
      <c r="HB38" s="99">
        <v>55</v>
      </c>
      <c r="HC38" s="100">
        <v>83</v>
      </c>
      <c r="HD38" s="101">
        <v>0</v>
      </c>
      <c r="HE38" s="102">
        <v>1</v>
      </c>
      <c r="HF38" s="103">
        <v>1</v>
      </c>
      <c r="HG38" s="413">
        <v>0</v>
      </c>
      <c r="HH38" s="102">
        <v>0</v>
      </c>
      <c r="HI38" s="102">
        <v>1</v>
      </c>
      <c r="HJ38" s="102">
        <v>0</v>
      </c>
      <c r="HK38" s="102">
        <v>0</v>
      </c>
      <c r="HL38" s="102">
        <v>0</v>
      </c>
      <c r="HM38" s="103">
        <v>1</v>
      </c>
      <c r="HN38" s="104">
        <v>2</v>
      </c>
      <c r="HO38" s="101">
        <v>1</v>
      </c>
      <c r="HP38" s="102">
        <v>1</v>
      </c>
      <c r="HQ38" s="103">
        <v>2</v>
      </c>
      <c r="HR38" s="413">
        <v>0</v>
      </c>
      <c r="HS38" s="102">
        <v>0</v>
      </c>
      <c r="HT38" s="102">
        <v>1</v>
      </c>
      <c r="HU38" s="102">
        <v>1</v>
      </c>
      <c r="HV38" s="102">
        <v>0</v>
      </c>
      <c r="HW38" s="102">
        <v>0</v>
      </c>
      <c r="HX38" s="103">
        <v>2</v>
      </c>
      <c r="HY38" s="104">
        <v>4</v>
      </c>
      <c r="HZ38" s="101">
        <v>2</v>
      </c>
      <c r="IA38" s="102">
        <v>2</v>
      </c>
      <c r="IB38" s="103">
        <v>4</v>
      </c>
      <c r="IC38" s="413">
        <v>0</v>
      </c>
      <c r="ID38" s="102">
        <v>4</v>
      </c>
      <c r="IE38" s="102">
        <v>1</v>
      </c>
      <c r="IF38" s="102">
        <v>3</v>
      </c>
      <c r="IG38" s="102">
        <v>1</v>
      </c>
      <c r="IH38" s="102">
        <v>1</v>
      </c>
      <c r="II38" s="103">
        <v>10</v>
      </c>
      <c r="IJ38" s="104">
        <v>14</v>
      </c>
      <c r="IK38" s="101">
        <v>4</v>
      </c>
      <c r="IL38" s="102">
        <v>4</v>
      </c>
      <c r="IM38" s="103">
        <v>8</v>
      </c>
      <c r="IN38" s="413">
        <v>0</v>
      </c>
      <c r="IO38" s="102">
        <v>4</v>
      </c>
      <c r="IP38" s="102">
        <v>5</v>
      </c>
      <c r="IQ38" s="102">
        <v>0</v>
      </c>
      <c r="IR38" s="102">
        <v>1</v>
      </c>
      <c r="IS38" s="102">
        <v>0</v>
      </c>
      <c r="IT38" s="103">
        <v>10</v>
      </c>
      <c r="IU38" s="104">
        <v>18</v>
      </c>
      <c r="IV38" s="101">
        <v>3</v>
      </c>
      <c r="IW38" s="102">
        <v>5</v>
      </c>
      <c r="IX38" s="103">
        <v>8</v>
      </c>
      <c r="IY38" s="413">
        <v>0</v>
      </c>
      <c r="IZ38" s="102">
        <v>8</v>
      </c>
      <c r="JA38" s="102">
        <v>4</v>
      </c>
      <c r="JB38" s="102">
        <v>1</v>
      </c>
      <c r="JC38" s="102">
        <v>0</v>
      </c>
      <c r="JD38" s="102">
        <v>1</v>
      </c>
      <c r="JE38" s="103">
        <v>14</v>
      </c>
      <c r="JF38" s="104">
        <v>22</v>
      </c>
      <c r="JG38" s="101">
        <v>2</v>
      </c>
      <c r="JH38" s="102">
        <v>3</v>
      </c>
      <c r="JI38" s="103">
        <v>5</v>
      </c>
      <c r="JJ38" s="413">
        <v>0</v>
      </c>
      <c r="JK38" s="102">
        <v>6</v>
      </c>
      <c r="JL38" s="102">
        <v>5</v>
      </c>
      <c r="JM38" s="102">
        <v>2</v>
      </c>
      <c r="JN38" s="102">
        <v>2</v>
      </c>
      <c r="JO38" s="102">
        <v>3</v>
      </c>
      <c r="JP38" s="103">
        <v>18</v>
      </c>
      <c r="JQ38" s="104">
        <v>23</v>
      </c>
      <c r="JR38" s="101">
        <v>0</v>
      </c>
      <c r="JS38" s="102">
        <v>0</v>
      </c>
      <c r="JT38" s="103">
        <v>0</v>
      </c>
      <c r="JU38" s="413">
        <v>0</v>
      </c>
      <c r="JV38" s="102">
        <v>0</v>
      </c>
      <c r="JW38" s="102">
        <v>0</v>
      </c>
      <c r="JX38" s="102">
        <v>0</v>
      </c>
      <c r="JY38" s="102">
        <v>0</v>
      </c>
      <c r="JZ38" s="102">
        <v>0</v>
      </c>
      <c r="KA38" s="103">
        <v>0</v>
      </c>
      <c r="KB38" s="104">
        <v>0</v>
      </c>
      <c r="KC38" s="101">
        <v>12</v>
      </c>
      <c r="KD38" s="102">
        <v>16</v>
      </c>
      <c r="KE38" s="103">
        <v>28</v>
      </c>
      <c r="KF38" s="413">
        <v>0</v>
      </c>
      <c r="KG38" s="102">
        <v>22</v>
      </c>
      <c r="KH38" s="102">
        <v>17</v>
      </c>
      <c r="KI38" s="102">
        <v>7</v>
      </c>
      <c r="KJ38" s="102">
        <v>4</v>
      </c>
      <c r="KK38" s="102">
        <v>5</v>
      </c>
      <c r="KL38" s="103">
        <v>55</v>
      </c>
      <c r="KM38" s="104">
        <v>83</v>
      </c>
    </row>
    <row r="39" spans="2:299" s="70" customFormat="1" ht="21" customHeight="1" x14ac:dyDescent="0.2">
      <c r="B39" s="106" t="s">
        <v>36</v>
      </c>
      <c r="C39" s="96">
        <v>4</v>
      </c>
      <c r="D39" s="97">
        <v>8</v>
      </c>
      <c r="E39" s="98">
        <v>12</v>
      </c>
      <c r="F39" s="413">
        <v>0</v>
      </c>
      <c r="G39" s="97">
        <v>14</v>
      </c>
      <c r="H39" s="97">
        <v>9</v>
      </c>
      <c r="I39" s="97">
        <v>5</v>
      </c>
      <c r="J39" s="97">
        <v>4</v>
      </c>
      <c r="K39" s="97">
        <v>0</v>
      </c>
      <c r="L39" s="99">
        <v>32</v>
      </c>
      <c r="M39" s="100">
        <v>44</v>
      </c>
      <c r="N39" s="101">
        <v>0</v>
      </c>
      <c r="O39" s="102">
        <v>1</v>
      </c>
      <c r="P39" s="103">
        <v>1</v>
      </c>
      <c r="Q39" s="413">
        <v>0</v>
      </c>
      <c r="R39" s="102">
        <v>0</v>
      </c>
      <c r="S39" s="102">
        <v>0</v>
      </c>
      <c r="T39" s="102">
        <v>2</v>
      </c>
      <c r="U39" s="102">
        <v>0</v>
      </c>
      <c r="V39" s="102">
        <v>0</v>
      </c>
      <c r="W39" s="103">
        <v>2</v>
      </c>
      <c r="X39" s="104">
        <v>3</v>
      </c>
      <c r="Y39" s="101">
        <v>1</v>
      </c>
      <c r="Z39" s="102">
        <v>0</v>
      </c>
      <c r="AA39" s="103">
        <v>1</v>
      </c>
      <c r="AB39" s="413">
        <v>0</v>
      </c>
      <c r="AC39" s="102">
        <v>2</v>
      </c>
      <c r="AD39" s="102">
        <v>2</v>
      </c>
      <c r="AE39" s="102">
        <v>0</v>
      </c>
      <c r="AF39" s="102">
        <v>1</v>
      </c>
      <c r="AG39" s="102">
        <v>0</v>
      </c>
      <c r="AH39" s="103">
        <v>5</v>
      </c>
      <c r="AI39" s="104">
        <v>6</v>
      </c>
      <c r="AJ39" s="101">
        <v>0</v>
      </c>
      <c r="AK39" s="102">
        <v>1</v>
      </c>
      <c r="AL39" s="103">
        <v>1</v>
      </c>
      <c r="AM39" s="413">
        <v>0</v>
      </c>
      <c r="AN39" s="102">
        <v>2</v>
      </c>
      <c r="AO39" s="102">
        <v>2</v>
      </c>
      <c r="AP39" s="102">
        <v>0</v>
      </c>
      <c r="AQ39" s="102">
        <v>0</v>
      </c>
      <c r="AR39" s="102">
        <v>0</v>
      </c>
      <c r="AS39" s="103">
        <v>4</v>
      </c>
      <c r="AT39" s="104">
        <v>5</v>
      </c>
      <c r="AU39" s="101">
        <v>1</v>
      </c>
      <c r="AV39" s="102">
        <v>2</v>
      </c>
      <c r="AW39" s="103">
        <v>3</v>
      </c>
      <c r="AX39" s="413">
        <v>0</v>
      </c>
      <c r="AY39" s="102">
        <v>4</v>
      </c>
      <c r="AZ39" s="102">
        <v>1</v>
      </c>
      <c r="BA39" s="102">
        <v>0</v>
      </c>
      <c r="BB39" s="102">
        <v>1</v>
      </c>
      <c r="BC39" s="102">
        <v>0</v>
      </c>
      <c r="BD39" s="103">
        <v>6</v>
      </c>
      <c r="BE39" s="104">
        <v>9</v>
      </c>
      <c r="BF39" s="101">
        <v>2</v>
      </c>
      <c r="BG39" s="102">
        <v>2</v>
      </c>
      <c r="BH39" s="103">
        <v>4</v>
      </c>
      <c r="BI39" s="413">
        <v>0</v>
      </c>
      <c r="BJ39" s="102">
        <v>3</v>
      </c>
      <c r="BK39" s="102">
        <v>2</v>
      </c>
      <c r="BL39" s="102">
        <v>1</v>
      </c>
      <c r="BM39" s="102">
        <v>0</v>
      </c>
      <c r="BN39" s="102">
        <v>0</v>
      </c>
      <c r="BO39" s="103">
        <v>6</v>
      </c>
      <c r="BP39" s="104">
        <v>10</v>
      </c>
      <c r="BQ39" s="101">
        <v>0</v>
      </c>
      <c r="BR39" s="102">
        <v>2</v>
      </c>
      <c r="BS39" s="103">
        <v>2</v>
      </c>
      <c r="BT39" s="413">
        <v>0</v>
      </c>
      <c r="BU39" s="102">
        <v>3</v>
      </c>
      <c r="BV39" s="102">
        <v>2</v>
      </c>
      <c r="BW39" s="102">
        <v>2</v>
      </c>
      <c r="BX39" s="102">
        <v>2</v>
      </c>
      <c r="BY39" s="102">
        <v>0</v>
      </c>
      <c r="BZ39" s="103">
        <v>9</v>
      </c>
      <c r="CA39" s="104">
        <v>11</v>
      </c>
      <c r="CB39" s="101">
        <v>0</v>
      </c>
      <c r="CC39" s="102">
        <v>0</v>
      </c>
      <c r="CD39" s="103">
        <v>0</v>
      </c>
      <c r="CE39" s="413">
        <v>0</v>
      </c>
      <c r="CF39" s="102">
        <v>0</v>
      </c>
      <c r="CG39" s="102">
        <v>0</v>
      </c>
      <c r="CH39" s="102">
        <v>0</v>
      </c>
      <c r="CI39" s="102">
        <v>0</v>
      </c>
      <c r="CJ39" s="102">
        <v>0</v>
      </c>
      <c r="CK39" s="103">
        <v>0</v>
      </c>
      <c r="CL39" s="104">
        <v>0</v>
      </c>
      <c r="CM39" s="101">
        <v>4</v>
      </c>
      <c r="CN39" s="102">
        <v>8</v>
      </c>
      <c r="CO39" s="103">
        <v>12</v>
      </c>
      <c r="CP39" s="413">
        <v>0</v>
      </c>
      <c r="CQ39" s="102">
        <v>14</v>
      </c>
      <c r="CR39" s="102">
        <v>9</v>
      </c>
      <c r="CS39" s="102">
        <v>5</v>
      </c>
      <c r="CT39" s="102">
        <v>4</v>
      </c>
      <c r="CU39" s="102">
        <v>0</v>
      </c>
      <c r="CV39" s="103">
        <v>32</v>
      </c>
      <c r="CW39" s="104">
        <v>44</v>
      </c>
      <c r="CX39" s="105">
        <v>2</v>
      </c>
      <c r="CY39" s="97">
        <v>3</v>
      </c>
      <c r="CZ39" s="98">
        <v>5</v>
      </c>
      <c r="DA39" s="413">
        <v>0</v>
      </c>
      <c r="DB39" s="97">
        <v>7</v>
      </c>
      <c r="DC39" s="97">
        <v>6</v>
      </c>
      <c r="DD39" s="97">
        <v>2</v>
      </c>
      <c r="DE39" s="97">
        <v>3</v>
      </c>
      <c r="DF39" s="97">
        <v>2</v>
      </c>
      <c r="DG39" s="99">
        <v>20</v>
      </c>
      <c r="DH39" s="100">
        <v>25</v>
      </c>
      <c r="DI39" s="101">
        <v>0</v>
      </c>
      <c r="DJ39" s="102">
        <v>0</v>
      </c>
      <c r="DK39" s="103">
        <v>0</v>
      </c>
      <c r="DL39" s="413">
        <v>0</v>
      </c>
      <c r="DM39" s="102">
        <v>0</v>
      </c>
      <c r="DN39" s="102">
        <v>0</v>
      </c>
      <c r="DO39" s="102">
        <v>0</v>
      </c>
      <c r="DP39" s="102">
        <v>0</v>
      </c>
      <c r="DQ39" s="102">
        <v>0</v>
      </c>
      <c r="DR39" s="103">
        <v>0</v>
      </c>
      <c r="DS39" s="104">
        <v>0</v>
      </c>
      <c r="DT39" s="101">
        <v>0</v>
      </c>
      <c r="DU39" s="102">
        <v>0</v>
      </c>
      <c r="DV39" s="103">
        <v>0</v>
      </c>
      <c r="DW39" s="413">
        <v>0</v>
      </c>
      <c r="DX39" s="102">
        <v>1</v>
      </c>
      <c r="DY39" s="102">
        <v>0</v>
      </c>
      <c r="DZ39" s="102">
        <v>0</v>
      </c>
      <c r="EA39" s="102">
        <v>0</v>
      </c>
      <c r="EB39" s="102">
        <v>0</v>
      </c>
      <c r="EC39" s="103">
        <v>1</v>
      </c>
      <c r="ED39" s="104">
        <v>1</v>
      </c>
      <c r="EE39" s="101">
        <v>0</v>
      </c>
      <c r="EF39" s="102">
        <v>1</v>
      </c>
      <c r="EG39" s="103">
        <v>1</v>
      </c>
      <c r="EH39" s="413">
        <v>0</v>
      </c>
      <c r="EI39" s="102">
        <v>0</v>
      </c>
      <c r="EJ39" s="102">
        <v>0</v>
      </c>
      <c r="EK39" s="102">
        <v>0</v>
      </c>
      <c r="EL39" s="102">
        <v>0</v>
      </c>
      <c r="EM39" s="102">
        <v>0</v>
      </c>
      <c r="EN39" s="103">
        <v>0</v>
      </c>
      <c r="EO39" s="104">
        <v>1</v>
      </c>
      <c r="EP39" s="101">
        <v>0</v>
      </c>
      <c r="EQ39" s="102">
        <v>0</v>
      </c>
      <c r="ER39" s="103">
        <v>0</v>
      </c>
      <c r="ES39" s="413">
        <v>0</v>
      </c>
      <c r="ET39" s="102">
        <v>1</v>
      </c>
      <c r="EU39" s="102">
        <v>0</v>
      </c>
      <c r="EV39" s="102">
        <v>0</v>
      </c>
      <c r="EW39" s="102">
        <v>0</v>
      </c>
      <c r="EX39" s="102">
        <v>0</v>
      </c>
      <c r="EY39" s="103">
        <v>1</v>
      </c>
      <c r="EZ39" s="104">
        <v>1</v>
      </c>
      <c r="FA39" s="101">
        <v>1</v>
      </c>
      <c r="FB39" s="102">
        <v>2</v>
      </c>
      <c r="FC39" s="103">
        <v>3</v>
      </c>
      <c r="FD39" s="413">
        <v>0</v>
      </c>
      <c r="FE39" s="102">
        <v>2</v>
      </c>
      <c r="FF39" s="102">
        <v>3</v>
      </c>
      <c r="FG39" s="102">
        <v>1</v>
      </c>
      <c r="FH39" s="102">
        <v>1</v>
      </c>
      <c r="FI39" s="102">
        <v>0</v>
      </c>
      <c r="FJ39" s="103">
        <v>7</v>
      </c>
      <c r="FK39" s="104">
        <v>10</v>
      </c>
      <c r="FL39" s="101">
        <v>1</v>
      </c>
      <c r="FM39" s="102">
        <v>0</v>
      </c>
      <c r="FN39" s="103">
        <v>1</v>
      </c>
      <c r="FO39" s="413">
        <v>0</v>
      </c>
      <c r="FP39" s="102">
        <v>3</v>
      </c>
      <c r="FQ39" s="102">
        <v>3</v>
      </c>
      <c r="FR39" s="102">
        <v>1</v>
      </c>
      <c r="FS39" s="102">
        <v>2</v>
      </c>
      <c r="FT39" s="102">
        <v>2</v>
      </c>
      <c r="FU39" s="103">
        <v>11</v>
      </c>
      <c r="FV39" s="104">
        <v>12</v>
      </c>
      <c r="FW39" s="101">
        <v>0</v>
      </c>
      <c r="FX39" s="102">
        <v>0</v>
      </c>
      <c r="FY39" s="103">
        <v>0</v>
      </c>
      <c r="FZ39" s="413">
        <v>0</v>
      </c>
      <c r="GA39" s="102">
        <v>0</v>
      </c>
      <c r="GB39" s="102">
        <v>0</v>
      </c>
      <c r="GC39" s="102">
        <v>0</v>
      </c>
      <c r="GD39" s="102">
        <v>0</v>
      </c>
      <c r="GE39" s="102">
        <v>0</v>
      </c>
      <c r="GF39" s="103">
        <v>0</v>
      </c>
      <c r="GG39" s="104">
        <v>0</v>
      </c>
      <c r="GH39" s="101">
        <v>2</v>
      </c>
      <c r="GI39" s="102">
        <v>3</v>
      </c>
      <c r="GJ39" s="103">
        <v>5</v>
      </c>
      <c r="GK39" s="413">
        <v>0</v>
      </c>
      <c r="GL39" s="102">
        <v>7</v>
      </c>
      <c r="GM39" s="102">
        <v>6</v>
      </c>
      <c r="GN39" s="102">
        <v>2</v>
      </c>
      <c r="GO39" s="102">
        <v>3</v>
      </c>
      <c r="GP39" s="102">
        <v>2</v>
      </c>
      <c r="GQ39" s="103">
        <v>20</v>
      </c>
      <c r="GR39" s="104">
        <v>25</v>
      </c>
      <c r="GS39" s="105">
        <v>6</v>
      </c>
      <c r="GT39" s="97">
        <v>11</v>
      </c>
      <c r="GU39" s="98">
        <v>17</v>
      </c>
      <c r="GV39" s="413">
        <v>0</v>
      </c>
      <c r="GW39" s="97">
        <v>21</v>
      </c>
      <c r="GX39" s="97">
        <v>15</v>
      </c>
      <c r="GY39" s="97">
        <v>7</v>
      </c>
      <c r="GZ39" s="97">
        <v>7</v>
      </c>
      <c r="HA39" s="97">
        <v>2</v>
      </c>
      <c r="HB39" s="99">
        <v>52</v>
      </c>
      <c r="HC39" s="100">
        <v>69</v>
      </c>
      <c r="HD39" s="101">
        <v>0</v>
      </c>
      <c r="HE39" s="102">
        <v>1</v>
      </c>
      <c r="HF39" s="103">
        <v>1</v>
      </c>
      <c r="HG39" s="413">
        <v>0</v>
      </c>
      <c r="HH39" s="102">
        <v>0</v>
      </c>
      <c r="HI39" s="102">
        <v>0</v>
      </c>
      <c r="HJ39" s="102">
        <v>2</v>
      </c>
      <c r="HK39" s="102">
        <v>0</v>
      </c>
      <c r="HL39" s="102">
        <v>0</v>
      </c>
      <c r="HM39" s="103">
        <v>2</v>
      </c>
      <c r="HN39" s="104">
        <v>3</v>
      </c>
      <c r="HO39" s="101">
        <v>1</v>
      </c>
      <c r="HP39" s="102">
        <v>0</v>
      </c>
      <c r="HQ39" s="103">
        <v>1</v>
      </c>
      <c r="HR39" s="413">
        <v>0</v>
      </c>
      <c r="HS39" s="102">
        <v>3</v>
      </c>
      <c r="HT39" s="102">
        <v>2</v>
      </c>
      <c r="HU39" s="102">
        <v>0</v>
      </c>
      <c r="HV39" s="102">
        <v>1</v>
      </c>
      <c r="HW39" s="102">
        <v>0</v>
      </c>
      <c r="HX39" s="103">
        <v>6</v>
      </c>
      <c r="HY39" s="104">
        <v>7</v>
      </c>
      <c r="HZ39" s="101">
        <v>0</v>
      </c>
      <c r="IA39" s="102">
        <v>2</v>
      </c>
      <c r="IB39" s="103">
        <v>2</v>
      </c>
      <c r="IC39" s="413">
        <v>0</v>
      </c>
      <c r="ID39" s="102">
        <v>2</v>
      </c>
      <c r="IE39" s="102">
        <v>2</v>
      </c>
      <c r="IF39" s="102">
        <v>0</v>
      </c>
      <c r="IG39" s="102">
        <v>0</v>
      </c>
      <c r="IH39" s="102">
        <v>0</v>
      </c>
      <c r="II39" s="103">
        <v>4</v>
      </c>
      <c r="IJ39" s="104">
        <v>6</v>
      </c>
      <c r="IK39" s="101">
        <v>1</v>
      </c>
      <c r="IL39" s="102">
        <v>2</v>
      </c>
      <c r="IM39" s="103">
        <v>3</v>
      </c>
      <c r="IN39" s="413">
        <v>0</v>
      </c>
      <c r="IO39" s="102">
        <v>5</v>
      </c>
      <c r="IP39" s="102">
        <v>1</v>
      </c>
      <c r="IQ39" s="102">
        <v>0</v>
      </c>
      <c r="IR39" s="102">
        <v>1</v>
      </c>
      <c r="IS39" s="102">
        <v>0</v>
      </c>
      <c r="IT39" s="103">
        <v>7</v>
      </c>
      <c r="IU39" s="104">
        <v>10</v>
      </c>
      <c r="IV39" s="101">
        <v>3</v>
      </c>
      <c r="IW39" s="102">
        <v>4</v>
      </c>
      <c r="IX39" s="103">
        <v>7</v>
      </c>
      <c r="IY39" s="413">
        <v>0</v>
      </c>
      <c r="IZ39" s="102">
        <v>5</v>
      </c>
      <c r="JA39" s="102">
        <v>5</v>
      </c>
      <c r="JB39" s="102">
        <v>2</v>
      </c>
      <c r="JC39" s="102">
        <v>1</v>
      </c>
      <c r="JD39" s="102">
        <v>0</v>
      </c>
      <c r="JE39" s="103">
        <v>13</v>
      </c>
      <c r="JF39" s="104">
        <v>20</v>
      </c>
      <c r="JG39" s="101">
        <v>1</v>
      </c>
      <c r="JH39" s="102">
        <v>2</v>
      </c>
      <c r="JI39" s="103">
        <v>3</v>
      </c>
      <c r="JJ39" s="413">
        <v>0</v>
      </c>
      <c r="JK39" s="102">
        <v>6</v>
      </c>
      <c r="JL39" s="102">
        <v>5</v>
      </c>
      <c r="JM39" s="102">
        <v>3</v>
      </c>
      <c r="JN39" s="102">
        <v>4</v>
      </c>
      <c r="JO39" s="102">
        <v>2</v>
      </c>
      <c r="JP39" s="103">
        <v>20</v>
      </c>
      <c r="JQ39" s="104">
        <v>23</v>
      </c>
      <c r="JR39" s="101">
        <v>0</v>
      </c>
      <c r="JS39" s="102">
        <v>0</v>
      </c>
      <c r="JT39" s="103">
        <v>0</v>
      </c>
      <c r="JU39" s="413">
        <v>0</v>
      </c>
      <c r="JV39" s="102">
        <v>0</v>
      </c>
      <c r="JW39" s="102">
        <v>0</v>
      </c>
      <c r="JX39" s="102">
        <v>0</v>
      </c>
      <c r="JY39" s="102">
        <v>0</v>
      </c>
      <c r="JZ39" s="102">
        <v>0</v>
      </c>
      <c r="KA39" s="103">
        <v>0</v>
      </c>
      <c r="KB39" s="104">
        <v>0</v>
      </c>
      <c r="KC39" s="101">
        <v>6</v>
      </c>
      <c r="KD39" s="102">
        <v>11</v>
      </c>
      <c r="KE39" s="103">
        <v>17</v>
      </c>
      <c r="KF39" s="413">
        <v>0</v>
      </c>
      <c r="KG39" s="102">
        <v>21</v>
      </c>
      <c r="KH39" s="102">
        <v>15</v>
      </c>
      <c r="KI39" s="102">
        <v>7</v>
      </c>
      <c r="KJ39" s="102">
        <v>7</v>
      </c>
      <c r="KK39" s="102">
        <v>2</v>
      </c>
      <c r="KL39" s="103">
        <v>52</v>
      </c>
      <c r="KM39" s="104">
        <v>69</v>
      </c>
    </row>
    <row r="40" spans="2:299" s="70" customFormat="1" ht="21" customHeight="1" thickBot="1" x14ac:dyDescent="0.25">
      <c r="B40" s="108" t="s">
        <v>37</v>
      </c>
      <c r="C40" s="109">
        <v>0</v>
      </c>
      <c r="D40" s="110">
        <v>0</v>
      </c>
      <c r="E40" s="111">
        <v>0</v>
      </c>
      <c r="F40" s="414">
        <v>0</v>
      </c>
      <c r="G40" s="110">
        <v>0</v>
      </c>
      <c r="H40" s="110">
        <v>2</v>
      </c>
      <c r="I40" s="110">
        <v>0</v>
      </c>
      <c r="J40" s="110">
        <v>0</v>
      </c>
      <c r="K40" s="110">
        <v>0</v>
      </c>
      <c r="L40" s="112">
        <v>2</v>
      </c>
      <c r="M40" s="113">
        <v>2</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0</v>
      </c>
      <c r="AF40" s="115">
        <v>0</v>
      </c>
      <c r="AG40" s="115">
        <v>0</v>
      </c>
      <c r="AH40" s="116">
        <v>0</v>
      </c>
      <c r="AI40" s="117">
        <v>0</v>
      </c>
      <c r="AJ40" s="114">
        <v>0</v>
      </c>
      <c r="AK40" s="115">
        <v>0</v>
      </c>
      <c r="AL40" s="116">
        <v>0</v>
      </c>
      <c r="AM40" s="414">
        <v>0</v>
      </c>
      <c r="AN40" s="115">
        <v>0</v>
      </c>
      <c r="AO40" s="115">
        <v>1</v>
      </c>
      <c r="AP40" s="115">
        <v>0</v>
      </c>
      <c r="AQ40" s="115">
        <v>0</v>
      </c>
      <c r="AR40" s="115">
        <v>0</v>
      </c>
      <c r="AS40" s="116">
        <v>1</v>
      </c>
      <c r="AT40" s="117">
        <v>1</v>
      </c>
      <c r="AU40" s="114">
        <v>0</v>
      </c>
      <c r="AV40" s="115">
        <v>0</v>
      </c>
      <c r="AW40" s="116">
        <v>0</v>
      </c>
      <c r="AX40" s="414">
        <v>0</v>
      </c>
      <c r="AY40" s="115">
        <v>0</v>
      </c>
      <c r="AZ40" s="115">
        <v>0</v>
      </c>
      <c r="BA40" s="115">
        <v>0</v>
      </c>
      <c r="BB40" s="115">
        <v>0</v>
      </c>
      <c r="BC40" s="115">
        <v>0</v>
      </c>
      <c r="BD40" s="116">
        <v>0</v>
      </c>
      <c r="BE40" s="117">
        <v>0</v>
      </c>
      <c r="BF40" s="114">
        <v>0</v>
      </c>
      <c r="BG40" s="115">
        <v>0</v>
      </c>
      <c r="BH40" s="116">
        <v>0</v>
      </c>
      <c r="BI40" s="414">
        <v>0</v>
      </c>
      <c r="BJ40" s="115">
        <v>0</v>
      </c>
      <c r="BK40" s="115">
        <v>1</v>
      </c>
      <c r="BL40" s="115">
        <v>0</v>
      </c>
      <c r="BM40" s="115">
        <v>0</v>
      </c>
      <c r="BN40" s="115">
        <v>0</v>
      </c>
      <c r="BO40" s="116">
        <v>1</v>
      </c>
      <c r="BP40" s="117">
        <v>1</v>
      </c>
      <c r="BQ40" s="114">
        <v>0</v>
      </c>
      <c r="BR40" s="115">
        <v>0</v>
      </c>
      <c r="BS40" s="116">
        <v>0</v>
      </c>
      <c r="BT40" s="414">
        <v>0</v>
      </c>
      <c r="BU40" s="115">
        <v>0</v>
      </c>
      <c r="BV40" s="115">
        <v>0</v>
      </c>
      <c r="BW40" s="115">
        <v>0</v>
      </c>
      <c r="BX40" s="115">
        <v>0</v>
      </c>
      <c r="BY40" s="115">
        <v>0</v>
      </c>
      <c r="BZ40" s="116">
        <v>0</v>
      </c>
      <c r="CA40" s="117">
        <v>0</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0</v>
      </c>
      <c r="CR40" s="115">
        <v>2</v>
      </c>
      <c r="CS40" s="115">
        <v>0</v>
      </c>
      <c r="CT40" s="115">
        <v>0</v>
      </c>
      <c r="CU40" s="115">
        <v>0</v>
      </c>
      <c r="CV40" s="116">
        <v>2</v>
      </c>
      <c r="CW40" s="117">
        <v>2</v>
      </c>
      <c r="CX40" s="118">
        <v>0</v>
      </c>
      <c r="CY40" s="110">
        <v>0</v>
      </c>
      <c r="CZ40" s="111">
        <v>0</v>
      </c>
      <c r="DA40" s="414">
        <v>0</v>
      </c>
      <c r="DB40" s="110">
        <v>0</v>
      </c>
      <c r="DC40" s="110">
        <v>0</v>
      </c>
      <c r="DD40" s="110">
        <v>0</v>
      </c>
      <c r="DE40" s="110">
        <v>0</v>
      </c>
      <c r="DF40" s="110">
        <v>0</v>
      </c>
      <c r="DG40" s="112">
        <v>0</v>
      </c>
      <c r="DH40" s="113">
        <v>0</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0</v>
      </c>
      <c r="EB40" s="115">
        <v>0</v>
      </c>
      <c r="EC40" s="116">
        <v>0</v>
      </c>
      <c r="ED40" s="117">
        <v>0</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0</v>
      </c>
      <c r="FU40" s="116">
        <v>0</v>
      </c>
      <c r="FV40" s="117">
        <v>0</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0</v>
      </c>
      <c r="GP40" s="115">
        <v>0</v>
      </c>
      <c r="GQ40" s="116">
        <v>0</v>
      </c>
      <c r="GR40" s="117">
        <v>0</v>
      </c>
      <c r="GS40" s="118">
        <v>0</v>
      </c>
      <c r="GT40" s="110">
        <v>0</v>
      </c>
      <c r="GU40" s="111">
        <v>0</v>
      </c>
      <c r="GV40" s="414">
        <v>0</v>
      </c>
      <c r="GW40" s="110">
        <v>0</v>
      </c>
      <c r="GX40" s="110">
        <v>2</v>
      </c>
      <c r="GY40" s="110">
        <v>0</v>
      </c>
      <c r="GZ40" s="110">
        <v>0</v>
      </c>
      <c r="HA40" s="110">
        <v>0</v>
      </c>
      <c r="HB40" s="112">
        <v>2</v>
      </c>
      <c r="HC40" s="113">
        <v>2</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0</v>
      </c>
      <c r="HU40" s="115">
        <v>0</v>
      </c>
      <c r="HV40" s="115">
        <v>0</v>
      </c>
      <c r="HW40" s="115">
        <v>0</v>
      </c>
      <c r="HX40" s="116">
        <v>0</v>
      </c>
      <c r="HY40" s="117">
        <v>0</v>
      </c>
      <c r="HZ40" s="114">
        <v>0</v>
      </c>
      <c r="IA40" s="115">
        <v>0</v>
      </c>
      <c r="IB40" s="116">
        <v>0</v>
      </c>
      <c r="IC40" s="414">
        <v>0</v>
      </c>
      <c r="ID40" s="115">
        <v>0</v>
      </c>
      <c r="IE40" s="115">
        <v>1</v>
      </c>
      <c r="IF40" s="115">
        <v>0</v>
      </c>
      <c r="IG40" s="115">
        <v>0</v>
      </c>
      <c r="IH40" s="115">
        <v>0</v>
      </c>
      <c r="II40" s="116">
        <v>1</v>
      </c>
      <c r="IJ40" s="117">
        <v>1</v>
      </c>
      <c r="IK40" s="114">
        <v>0</v>
      </c>
      <c r="IL40" s="115">
        <v>0</v>
      </c>
      <c r="IM40" s="116">
        <v>0</v>
      </c>
      <c r="IN40" s="414">
        <v>0</v>
      </c>
      <c r="IO40" s="115">
        <v>0</v>
      </c>
      <c r="IP40" s="115">
        <v>0</v>
      </c>
      <c r="IQ40" s="115">
        <v>0</v>
      </c>
      <c r="IR40" s="115">
        <v>0</v>
      </c>
      <c r="IS40" s="115">
        <v>0</v>
      </c>
      <c r="IT40" s="116">
        <v>0</v>
      </c>
      <c r="IU40" s="117">
        <v>0</v>
      </c>
      <c r="IV40" s="114">
        <v>0</v>
      </c>
      <c r="IW40" s="115">
        <v>0</v>
      </c>
      <c r="IX40" s="116">
        <v>0</v>
      </c>
      <c r="IY40" s="414">
        <v>0</v>
      </c>
      <c r="IZ40" s="115">
        <v>0</v>
      </c>
      <c r="JA40" s="115">
        <v>1</v>
      </c>
      <c r="JB40" s="115">
        <v>0</v>
      </c>
      <c r="JC40" s="115">
        <v>0</v>
      </c>
      <c r="JD40" s="115">
        <v>0</v>
      </c>
      <c r="JE40" s="116">
        <v>1</v>
      </c>
      <c r="JF40" s="117">
        <v>1</v>
      </c>
      <c r="JG40" s="114">
        <v>0</v>
      </c>
      <c r="JH40" s="115">
        <v>0</v>
      </c>
      <c r="JI40" s="116">
        <v>0</v>
      </c>
      <c r="JJ40" s="414">
        <v>0</v>
      </c>
      <c r="JK40" s="115">
        <v>0</v>
      </c>
      <c r="JL40" s="115">
        <v>0</v>
      </c>
      <c r="JM40" s="115">
        <v>0</v>
      </c>
      <c r="JN40" s="115">
        <v>0</v>
      </c>
      <c r="JO40" s="115">
        <v>0</v>
      </c>
      <c r="JP40" s="116">
        <v>0</v>
      </c>
      <c r="JQ40" s="117">
        <v>0</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0</v>
      </c>
      <c r="KH40" s="115">
        <v>2</v>
      </c>
      <c r="KI40" s="115">
        <v>0</v>
      </c>
      <c r="KJ40" s="115">
        <v>0</v>
      </c>
      <c r="KK40" s="115">
        <v>0</v>
      </c>
      <c r="KL40" s="116">
        <v>2</v>
      </c>
      <c r="KM40" s="117">
        <v>2</v>
      </c>
    </row>
    <row r="41" spans="2:299" ht="32.25" customHeight="1" x14ac:dyDescent="0.2">
      <c r="C41" s="70" t="s">
        <v>124</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3" customWidth="1"/>
    <col min="2" max="2" width="9.77734375" style="13" customWidth="1"/>
    <col min="3" max="6" width="7.77734375" style="11" customWidth="1"/>
    <col min="7" max="7" width="8.109375" style="11" customWidth="1"/>
    <col min="8" max="8" width="7.44140625" style="11" customWidth="1"/>
    <col min="9" max="9" width="9.109375" style="11" customWidth="1"/>
    <col min="10" max="10" width="7.77734375" style="11" customWidth="1"/>
    <col min="11" max="11" width="8.6640625" style="11" customWidth="1"/>
    <col min="12" max="12" width="9.33203125" style="11" customWidth="1"/>
    <col min="13" max="13" width="8.33203125" style="11" customWidth="1"/>
    <col min="14" max="26" width="7.77734375" style="11" customWidth="1"/>
    <col min="27" max="33" width="7.77734375" style="13" customWidth="1"/>
    <col min="34" max="34" width="9" style="13"/>
    <col min="35" max="35" width="8.6640625" style="13" customWidth="1"/>
    <col min="36" max="16384" width="9" style="13"/>
  </cols>
  <sheetData>
    <row r="1" spans="2:35" ht="24" customHeight="1" x14ac:dyDescent="0.2">
      <c r="B1" s="10" t="s">
        <v>131</v>
      </c>
      <c r="F1" s="12"/>
      <c r="G1" s="440">
        <f>第１表!F2</f>
        <v>6</v>
      </c>
      <c r="H1" s="440"/>
      <c r="I1" s="18">
        <f>第１表!G2</f>
        <v>12</v>
      </c>
      <c r="J1" s="445">
        <f>IF(I1&lt;3,I1+12-2,I1-2)</f>
        <v>10</v>
      </c>
      <c r="K1" s="445"/>
    </row>
    <row r="2" spans="2:35" ht="24" customHeight="1" thickBot="1" x14ac:dyDescent="0.25">
      <c r="B2" s="71"/>
      <c r="J2" s="14"/>
      <c r="K2" s="14"/>
      <c r="L2" s="14"/>
      <c r="M2" s="14"/>
      <c r="N2" s="14"/>
      <c r="O2" s="14"/>
      <c r="P2" s="15"/>
      <c r="Q2" s="15"/>
      <c r="R2" s="15"/>
    </row>
    <row r="3" spans="2:35" s="71" customFormat="1" ht="21" customHeight="1" thickBot="1" x14ac:dyDescent="0.25">
      <c r="B3" s="119"/>
      <c r="C3" s="442" t="s">
        <v>53</v>
      </c>
      <c r="D3" s="443"/>
      <c r="E3" s="443"/>
      <c r="F3" s="443"/>
      <c r="G3" s="443"/>
      <c r="H3" s="443"/>
      <c r="I3" s="443"/>
      <c r="J3" s="443"/>
      <c r="K3" s="443"/>
      <c r="L3" s="443"/>
      <c r="M3" s="444"/>
      <c r="N3" s="442" t="s">
        <v>54</v>
      </c>
      <c r="O3" s="443"/>
      <c r="P3" s="443"/>
      <c r="Q3" s="443"/>
      <c r="R3" s="443"/>
      <c r="S3" s="443"/>
      <c r="T3" s="443"/>
      <c r="U3" s="443"/>
      <c r="V3" s="443"/>
      <c r="W3" s="443"/>
      <c r="X3" s="444"/>
      <c r="Y3" s="442" t="s">
        <v>55</v>
      </c>
      <c r="Z3" s="443"/>
      <c r="AA3" s="443"/>
      <c r="AB3" s="443"/>
      <c r="AC3" s="443"/>
      <c r="AD3" s="443"/>
      <c r="AE3" s="443"/>
      <c r="AF3" s="443"/>
      <c r="AG3" s="443"/>
      <c r="AH3" s="443"/>
      <c r="AI3" s="444"/>
    </row>
    <row r="4" spans="2:35" s="71" customFormat="1"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124">
        <v>18215</v>
      </c>
      <c r="D5" s="125">
        <v>32683</v>
      </c>
      <c r="E5" s="126">
        <v>50898</v>
      </c>
      <c r="F5" s="127">
        <v>0</v>
      </c>
      <c r="G5" s="125">
        <v>63013</v>
      </c>
      <c r="H5" s="125">
        <v>65310</v>
      </c>
      <c r="I5" s="125">
        <v>36797</v>
      </c>
      <c r="J5" s="125">
        <v>28098</v>
      </c>
      <c r="K5" s="125">
        <v>16838</v>
      </c>
      <c r="L5" s="126">
        <v>210056</v>
      </c>
      <c r="M5" s="128">
        <v>260954</v>
      </c>
      <c r="N5" s="129">
        <v>331</v>
      </c>
      <c r="O5" s="125">
        <v>929</v>
      </c>
      <c r="P5" s="126">
        <v>1260</v>
      </c>
      <c r="Q5" s="127">
        <v>0</v>
      </c>
      <c r="R5" s="125">
        <v>1097</v>
      </c>
      <c r="S5" s="125">
        <v>2025</v>
      </c>
      <c r="T5" s="125">
        <v>1072</v>
      </c>
      <c r="U5" s="125">
        <v>835</v>
      </c>
      <c r="V5" s="125">
        <v>817</v>
      </c>
      <c r="W5" s="126">
        <v>5846</v>
      </c>
      <c r="X5" s="128">
        <v>7106</v>
      </c>
      <c r="Y5" s="124">
        <v>18546</v>
      </c>
      <c r="Z5" s="125">
        <v>33612</v>
      </c>
      <c r="AA5" s="126">
        <v>52158</v>
      </c>
      <c r="AB5" s="127">
        <v>0</v>
      </c>
      <c r="AC5" s="125">
        <v>64110</v>
      </c>
      <c r="AD5" s="125">
        <v>67335</v>
      </c>
      <c r="AE5" s="125">
        <v>37869</v>
      </c>
      <c r="AF5" s="125">
        <v>28933</v>
      </c>
      <c r="AG5" s="125">
        <v>17655</v>
      </c>
      <c r="AH5" s="126">
        <v>215902</v>
      </c>
      <c r="AI5" s="128">
        <v>268060</v>
      </c>
    </row>
    <row r="6" spans="2:35" ht="21" customHeight="1" x14ac:dyDescent="0.2">
      <c r="B6" s="95" t="s">
        <v>5</v>
      </c>
      <c r="C6" s="130">
        <v>6517</v>
      </c>
      <c r="D6" s="131">
        <v>14640</v>
      </c>
      <c r="E6" s="132">
        <v>21157</v>
      </c>
      <c r="F6" s="133">
        <v>0</v>
      </c>
      <c r="G6" s="131">
        <v>16668</v>
      </c>
      <c r="H6" s="131">
        <v>24575</v>
      </c>
      <c r="I6" s="131">
        <v>12155</v>
      </c>
      <c r="J6" s="131">
        <v>9502</v>
      </c>
      <c r="K6" s="131">
        <v>5553</v>
      </c>
      <c r="L6" s="132">
        <v>68453</v>
      </c>
      <c r="M6" s="134">
        <v>89610</v>
      </c>
      <c r="N6" s="135">
        <v>122</v>
      </c>
      <c r="O6" s="131">
        <v>404</v>
      </c>
      <c r="P6" s="132">
        <v>526</v>
      </c>
      <c r="Q6" s="133">
        <v>0</v>
      </c>
      <c r="R6" s="131">
        <v>252</v>
      </c>
      <c r="S6" s="131">
        <v>852</v>
      </c>
      <c r="T6" s="131">
        <v>386</v>
      </c>
      <c r="U6" s="131">
        <v>303</v>
      </c>
      <c r="V6" s="131">
        <v>319</v>
      </c>
      <c r="W6" s="132">
        <v>2112</v>
      </c>
      <c r="X6" s="134">
        <v>2638</v>
      </c>
      <c r="Y6" s="130">
        <v>6639</v>
      </c>
      <c r="Z6" s="131">
        <v>15044</v>
      </c>
      <c r="AA6" s="132">
        <v>21683</v>
      </c>
      <c r="AB6" s="133">
        <v>0</v>
      </c>
      <c r="AC6" s="131">
        <v>16920</v>
      </c>
      <c r="AD6" s="131">
        <v>25427</v>
      </c>
      <c r="AE6" s="131">
        <v>12541</v>
      </c>
      <c r="AF6" s="131">
        <v>9805</v>
      </c>
      <c r="AG6" s="131">
        <v>5872</v>
      </c>
      <c r="AH6" s="132">
        <v>70565</v>
      </c>
      <c r="AI6" s="134">
        <v>92248</v>
      </c>
    </row>
    <row r="7" spans="2:35" ht="21" customHeight="1" x14ac:dyDescent="0.2">
      <c r="B7" s="106" t="s">
        <v>6</v>
      </c>
      <c r="C7" s="130">
        <v>2546</v>
      </c>
      <c r="D7" s="131">
        <v>3812</v>
      </c>
      <c r="E7" s="132">
        <v>6358</v>
      </c>
      <c r="F7" s="133">
        <v>0</v>
      </c>
      <c r="G7" s="131">
        <v>11250</v>
      </c>
      <c r="H7" s="131">
        <v>9775</v>
      </c>
      <c r="I7" s="131">
        <v>5684</v>
      </c>
      <c r="J7" s="131">
        <v>4439</v>
      </c>
      <c r="K7" s="131">
        <v>2858</v>
      </c>
      <c r="L7" s="132">
        <v>34006</v>
      </c>
      <c r="M7" s="134">
        <v>40364</v>
      </c>
      <c r="N7" s="135">
        <v>66</v>
      </c>
      <c r="O7" s="131">
        <v>115</v>
      </c>
      <c r="P7" s="132">
        <v>181</v>
      </c>
      <c r="Q7" s="133">
        <v>0</v>
      </c>
      <c r="R7" s="131">
        <v>225</v>
      </c>
      <c r="S7" s="131">
        <v>283</v>
      </c>
      <c r="T7" s="131">
        <v>155</v>
      </c>
      <c r="U7" s="131">
        <v>135</v>
      </c>
      <c r="V7" s="131">
        <v>140</v>
      </c>
      <c r="W7" s="132">
        <v>938</v>
      </c>
      <c r="X7" s="134">
        <v>1119</v>
      </c>
      <c r="Y7" s="130">
        <v>2612</v>
      </c>
      <c r="Z7" s="131">
        <v>3927</v>
      </c>
      <c r="AA7" s="132">
        <v>6539</v>
      </c>
      <c r="AB7" s="133">
        <v>0</v>
      </c>
      <c r="AC7" s="131">
        <v>11475</v>
      </c>
      <c r="AD7" s="131">
        <v>10058</v>
      </c>
      <c r="AE7" s="131">
        <v>5839</v>
      </c>
      <c r="AF7" s="131">
        <v>4574</v>
      </c>
      <c r="AG7" s="131">
        <v>2998</v>
      </c>
      <c r="AH7" s="132">
        <v>34944</v>
      </c>
      <c r="AI7" s="134">
        <v>41483</v>
      </c>
    </row>
    <row r="8" spans="2:35" ht="21" customHeight="1" x14ac:dyDescent="0.2">
      <c r="B8" s="106" t="s">
        <v>14</v>
      </c>
      <c r="C8" s="130">
        <v>1287</v>
      </c>
      <c r="D8" s="131">
        <v>2918</v>
      </c>
      <c r="E8" s="132">
        <v>4205</v>
      </c>
      <c r="F8" s="133">
        <v>0</v>
      </c>
      <c r="G8" s="131">
        <v>4861</v>
      </c>
      <c r="H8" s="131">
        <v>6062</v>
      </c>
      <c r="I8" s="131">
        <v>3788</v>
      </c>
      <c r="J8" s="131">
        <v>2492</v>
      </c>
      <c r="K8" s="131">
        <v>1421</v>
      </c>
      <c r="L8" s="132">
        <v>18624</v>
      </c>
      <c r="M8" s="134">
        <v>22829</v>
      </c>
      <c r="N8" s="135">
        <v>17</v>
      </c>
      <c r="O8" s="131">
        <v>104</v>
      </c>
      <c r="P8" s="132">
        <v>121</v>
      </c>
      <c r="Q8" s="133">
        <v>0</v>
      </c>
      <c r="R8" s="131">
        <v>78</v>
      </c>
      <c r="S8" s="131">
        <v>188</v>
      </c>
      <c r="T8" s="131">
        <v>99</v>
      </c>
      <c r="U8" s="131">
        <v>78</v>
      </c>
      <c r="V8" s="131">
        <v>73</v>
      </c>
      <c r="W8" s="132">
        <v>516</v>
      </c>
      <c r="X8" s="134">
        <v>637</v>
      </c>
      <c r="Y8" s="130">
        <v>1304</v>
      </c>
      <c r="Z8" s="131">
        <v>3022</v>
      </c>
      <c r="AA8" s="132">
        <v>4326</v>
      </c>
      <c r="AB8" s="133">
        <v>0</v>
      </c>
      <c r="AC8" s="131">
        <v>4939</v>
      </c>
      <c r="AD8" s="131">
        <v>6250</v>
      </c>
      <c r="AE8" s="131">
        <v>3887</v>
      </c>
      <c r="AF8" s="131">
        <v>2570</v>
      </c>
      <c r="AG8" s="131">
        <v>1494</v>
      </c>
      <c r="AH8" s="132">
        <v>19140</v>
      </c>
      <c r="AI8" s="134">
        <v>23466</v>
      </c>
    </row>
    <row r="9" spans="2:35" ht="21" customHeight="1" x14ac:dyDescent="0.2">
      <c r="B9" s="106" t="s">
        <v>7</v>
      </c>
      <c r="C9" s="130">
        <v>694</v>
      </c>
      <c r="D9" s="131">
        <v>1004</v>
      </c>
      <c r="E9" s="132">
        <v>1698</v>
      </c>
      <c r="F9" s="133">
        <v>0</v>
      </c>
      <c r="G9" s="131">
        <v>5261</v>
      </c>
      <c r="H9" s="131">
        <v>3465</v>
      </c>
      <c r="I9" s="131">
        <v>1901</v>
      </c>
      <c r="J9" s="131">
        <v>1560</v>
      </c>
      <c r="K9" s="131">
        <v>915</v>
      </c>
      <c r="L9" s="132">
        <v>13102</v>
      </c>
      <c r="M9" s="134">
        <v>14800</v>
      </c>
      <c r="N9" s="135">
        <v>5</v>
      </c>
      <c r="O9" s="131">
        <v>23</v>
      </c>
      <c r="P9" s="132">
        <v>28</v>
      </c>
      <c r="Q9" s="133">
        <v>0</v>
      </c>
      <c r="R9" s="131">
        <v>101</v>
      </c>
      <c r="S9" s="131">
        <v>85</v>
      </c>
      <c r="T9" s="131">
        <v>50</v>
      </c>
      <c r="U9" s="131">
        <v>32</v>
      </c>
      <c r="V9" s="131">
        <v>25</v>
      </c>
      <c r="W9" s="132">
        <v>293</v>
      </c>
      <c r="X9" s="134">
        <v>321</v>
      </c>
      <c r="Y9" s="130">
        <v>699</v>
      </c>
      <c r="Z9" s="131">
        <v>1027</v>
      </c>
      <c r="AA9" s="132">
        <v>1726</v>
      </c>
      <c r="AB9" s="133">
        <v>0</v>
      </c>
      <c r="AC9" s="131">
        <v>5362</v>
      </c>
      <c r="AD9" s="131">
        <v>3550</v>
      </c>
      <c r="AE9" s="131">
        <v>1951</v>
      </c>
      <c r="AF9" s="131">
        <v>1592</v>
      </c>
      <c r="AG9" s="131">
        <v>940</v>
      </c>
      <c r="AH9" s="132">
        <v>13395</v>
      </c>
      <c r="AI9" s="134">
        <v>15121</v>
      </c>
    </row>
    <row r="10" spans="2:35" ht="21" customHeight="1" x14ac:dyDescent="0.2">
      <c r="B10" s="106" t="s">
        <v>8</v>
      </c>
      <c r="C10" s="130">
        <v>693</v>
      </c>
      <c r="D10" s="131">
        <v>722</v>
      </c>
      <c r="E10" s="132">
        <v>1415</v>
      </c>
      <c r="F10" s="133">
        <v>0</v>
      </c>
      <c r="G10" s="131">
        <v>2223</v>
      </c>
      <c r="H10" s="131">
        <v>2201</v>
      </c>
      <c r="I10" s="131">
        <v>1297</v>
      </c>
      <c r="J10" s="131">
        <v>923</v>
      </c>
      <c r="K10" s="131">
        <v>602</v>
      </c>
      <c r="L10" s="132">
        <v>7246</v>
      </c>
      <c r="M10" s="134">
        <v>8661</v>
      </c>
      <c r="N10" s="135">
        <v>9</v>
      </c>
      <c r="O10" s="131">
        <v>25</v>
      </c>
      <c r="P10" s="132">
        <v>34</v>
      </c>
      <c r="Q10" s="133">
        <v>0</v>
      </c>
      <c r="R10" s="131">
        <v>43</v>
      </c>
      <c r="S10" s="131">
        <v>73</v>
      </c>
      <c r="T10" s="131">
        <v>33</v>
      </c>
      <c r="U10" s="131">
        <v>26</v>
      </c>
      <c r="V10" s="131">
        <v>17</v>
      </c>
      <c r="W10" s="132">
        <v>192</v>
      </c>
      <c r="X10" s="134">
        <v>226</v>
      </c>
      <c r="Y10" s="130">
        <v>702</v>
      </c>
      <c r="Z10" s="131">
        <v>747</v>
      </c>
      <c r="AA10" s="132">
        <v>1449</v>
      </c>
      <c r="AB10" s="133">
        <v>0</v>
      </c>
      <c r="AC10" s="131">
        <v>2266</v>
      </c>
      <c r="AD10" s="131">
        <v>2274</v>
      </c>
      <c r="AE10" s="131">
        <v>1330</v>
      </c>
      <c r="AF10" s="131">
        <v>949</v>
      </c>
      <c r="AG10" s="131">
        <v>619</v>
      </c>
      <c r="AH10" s="132">
        <v>7438</v>
      </c>
      <c r="AI10" s="134">
        <v>8887</v>
      </c>
    </row>
    <row r="11" spans="2:35" ht="21" customHeight="1" x14ac:dyDescent="0.2">
      <c r="B11" s="106" t="s">
        <v>9</v>
      </c>
      <c r="C11" s="130">
        <v>556</v>
      </c>
      <c r="D11" s="131">
        <v>622</v>
      </c>
      <c r="E11" s="132">
        <v>1178</v>
      </c>
      <c r="F11" s="133">
        <v>0</v>
      </c>
      <c r="G11" s="131">
        <v>2023</v>
      </c>
      <c r="H11" s="131">
        <v>1535</v>
      </c>
      <c r="I11" s="131">
        <v>1087</v>
      </c>
      <c r="J11" s="131">
        <v>885</v>
      </c>
      <c r="K11" s="131">
        <v>560</v>
      </c>
      <c r="L11" s="132">
        <v>6090</v>
      </c>
      <c r="M11" s="134">
        <v>7268</v>
      </c>
      <c r="N11" s="135">
        <v>4</v>
      </c>
      <c r="O11" s="131">
        <v>9</v>
      </c>
      <c r="P11" s="132">
        <v>13</v>
      </c>
      <c r="Q11" s="133">
        <v>0</v>
      </c>
      <c r="R11" s="131">
        <v>35</v>
      </c>
      <c r="S11" s="131">
        <v>40</v>
      </c>
      <c r="T11" s="131">
        <v>19</v>
      </c>
      <c r="U11" s="131">
        <v>14</v>
      </c>
      <c r="V11" s="131">
        <v>17</v>
      </c>
      <c r="W11" s="132">
        <v>125</v>
      </c>
      <c r="X11" s="134">
        <v>138</v>
      </c>
      <c r="Y11" s="130">
        <v>560</v>
      </c>
      <c r="Z11" s="131">
        <v>631</v>
      </c>
      <c r="AA11" s="132">
        <v>1191</v>
      </c>
      <c r="AB11" s="133">
        <v>0</v>
      </c>
      <c r="AC11" s="131">
        <v>2058</v>
      </c>
      <c r="AD11" s="131">
        <v>1575</v>
      </c>
      <c r="AE11" s="131">
        <v>1106</v>
      </c>
      <c r="AF11" s="131">
        <v>899</v>
      </c>
      <c r="AG11" s="131">
        <v>577</v>
      </c>
      <c r="AH11" s="132">
        <v>6215</v>
      </c>
      <c r="AI11" s="134">
        <v>7406</v>
      </c>
    </row>
    <row r="12" spans="2:35" ht="21" customHeight="1" x14ac:dyDescent="0.2">
      <c r="B12" s="106" t="s">
        <v>10</v>
      </c>
      <c r="C12" s="130">
        <v>1381</v>
      </c>
      <c r="D12" s="131">
        <v>1663</v>
      </c>
      <c r="E12" s="132">
        <v>3044</v>
      </c>
      <c r="F12" s="133">
        <v>0</v>
      </c>
      <c r="G12" s="131">
        <v>4309</v>
      </c>
      <c r="H12" s="131">
        <v>2476</v>
      </c>
      <c r="I12" s="131">
        <v>1613</v>
      </c>
      <c r="J12" s="131">
        <v>1364</v>
      </c>
      <c r="K12" s="131">
        <v>901</v>
      </c>
      <c r="L12" s="132">
        <v>10663</v>
      </c>
      <c r="M12" s="134">
        <v>13707</v>
      </c>
      <c r="N12" s="135">
        <v>27</v>
      </c>
      <c r="O12" s="131">
        <v>38</v>
      </c>
      <c r="P12" s="132">
        <v>65</v>
      </c>
      <c r="Q12" s="133">
        <v>0</v>
      </c>
      <c r="R12" s="131">
        <v>93</v>
      </c>
      <c r="S12" s="131">
        <v>92</v>
      </c>
      <c r="T12" s="131">
        <v>59</v>
      </c>
      <c r="U12" s="131">
        <v>45</v>
      </c>
      <c r="V12" s="131">
        <v>40</v>
      </c>
      <c r="W12" s="132">
        <v>329</v>
      </c>
      <c r="X12" s="134">
        <v>394</v>
      </c>
      <c r="Y12" s="130">
        <v>1408</v>
      </c>
      <c r="Z12" s="131">
        <v>1701</v>
      </c>
      <c r="AA12" s="132">
        <v>3109</v>
      </c>
      <c r="AB12" s="133">
        <v>0</v>
      </c>
      <c r="AC12" s="131">
        <v>4402</v>
      </c>
      <c r="AD12" s="131">
        <v>2568</v>
      </c>
      <c r="AE12" s="131">
        <v>1672</v>
      </c>
      <c r="AF12" s="131">
        <v>1409</v>
      </c>
      <c r="AG12" s="131">
        <v>941</v>
      </c>
      <c r="AH12" s="132">
        <v>10992</v>
      </c>
      <c r="AI12" s="134">
        <v>14101</v>
      </c>
    </row>
    <row r="13" spans="2:35" ht="21" customHeight="1" x14ac:dyDescent="0.2">
      <c r="B13" s="106" t="s">
        <v>11</v>
      </c>
      <c r="C13" s="130">
        <v>565</v>
      </c>
      <c r="D13" s="131">
        <v>658</v>
      </c>
      <c r="E13" s="132">
        <v>1223</v>
      </c>
      <c r="F13" s="133">
        <v>0</v>
      </c>
      <c r="G13" s="131">
        <v>2057</v>
      </c>
      <c r="H13" s="131">
        <v>1406</v>
      </c>
      <c r="I13" s="131">
        <v>976</v>
      </c>
      <c r="J13" s="131">
        <v>781</v>
      </c>
      <c r="K13" s="131">
        <v>421</v>
      </c>
      <c r="L13" s="132">
        <v>5641</v>
      </c>
      <c r="M13" s="134">
        <v>6864</v>
      </c>
      <c r="N13" s="135">
        <v>8</v>
      </c>
      <c r="O13" s="131">
        <v>17</v>
      </c>
      <c r="P13" s="132">
        <v>25</v>
      </c>
      <c r="Q13" s="133">
        <v>0</v>
      </c>
      <c r="R13" s="131">
        <v>39</v>
      </c>
      <c r="S13" s="131">
        <v>30</v>
      </c>
      <c r="T13" s="131">
        <v>30</v>
      </c>
      <c r="U13" s="131">
        <v>23</v>
      </c>
      <c r="V13" s="131">
        <v>20</v>
      </c>
      <c r="W13" s="132">
        <v>142</v>
      </c>
      <c r="X13" s="134">
        <v>167</v>
      </c>
      <c r="Y13" s="130">
        <v>573</v>
      </c>
      <c r="Z13" s="131">
        <v>675</v>
      </c>
      <c r="AA13" s="132">
        <v>1248</v>
      </c>
      <c r="AB13" s="133">
        <v>0</v>
      </c>
      <c r="AC13" s="131">
        <v>2096</v>
      </c>
      <c r="AD13" s="131">
        <v>1436</v>
      </c>
      <c r="AE13" s="131">
        <v>1006</v>
      </c>
      <c r="AF13" s="131">
        <v>804</v>
      </c>
      <c r="AG13" s="131">
        <v>441</v>
      </c>
      <c r="AH13" s="132">
        <v>5783</v>
      </c>
      <c r="AI13" s="134">
        <v>7031</v>
      </c>
    </row>
    <row r="14" spans="2:35" ht="21" customHeight="1" x14ac:dyDescent="0.2">
      <c r="B14" s="106" t="s">
        <v>12</v>
      </c>
      <c r="C14" s="130">
        <v>759</v>
      </c>
      <c r="D14" s="131">
        <v>1222</v>
      </c>
      <c r="E14" s="132">
        <v>1981</v>
      </c>
      <c r="F14" s="133">
        <v>0</v>
      </c>
      <c r="G14" s="131">
        <v>1799</v>
      </c>
      <c r="H14" s="131">
        <v>1610</v>
      </c>
      <c r="I14" s="131">
        <v>1013</v>
      </c>
      <c r="J14" s="131">
        <v>874</v>
      </c>
      <c r="K14" s="131">
        <v>478</v>
      </c>
      <c r="L14" s="132">
        <v>5774</v>
      </c>
      <c r="M14" s="134">
        <v>7755</v>
      </c>
      <c r="N14" s="135">
        <v>13</v>
      </c>
      <c r="O14" s="131">
        <v>36</v>
      </c>
      <c r="P14" s="132">
        <v>49</v>
      </c>
      <c r="Q14" s="133">
        <v>0</v>
      </c>
      <c r="R14" s="131">
        <v>20</v>
      </c>
      <c r="S14" s="131">
        <v>40</v>
      </c>
      <c r="T14" s="131">
        <v>29</v>
      </c>
      <c r="U14" s="131">
        <v>21</v>
      </c>
      <c r="V14" s="131">
        <v>22</v>
      </c>
      <c r="W14" s="132">
        <v>132</v>
      </c>
      <c r="X14" s="134">
        <v>181</v>
      </c>
      <c r="Y14" s="130">
        <v>772</v>
      </c>
      <c r="Z14" s="131">
        <v>1258</v>
      </c>
      <c r="AA14" s="132">
        <v>2030</v>
      </c>
      <c r="AB14" s="133">
        <v>0</v>
      </c>
      <c r="AC14" s="131">
        <v>1819</v>
      </c>
      <c r="AD14" s="131">
        <v>1650</v>
      </c>
      <c r="AE14" s="131">
        <v>1042</v>
      </c>
      <c r="AF14" s="131">
        <v>895</v>
      </c>
      <c r="AG14" s="131">
        <v>500</v>
      </c>
      <c r="AH14" s="132">
        <v>5906</v>
      </c>
      <c r="AI14" s="134">
        <v>7936</v>
      </c>
    </row>
    <row r="15" spans="2:35" ht="21" customHeight="1" x14ac:dyDescent="0.2">
      <c r="B15" s="106" t="s">
        <v>13</v>
      </c>
      <c r="C15" s="130">
        <v>123</v>
      </c>
      <c r="D15" s="131">
        <v>210</v>
      </c>
      <c r="E15" s="132">
        <v>333</v>
      </c>
      <c r="F15" s="133">
        <v>0</v>
      </c>
      <c r="G15" s="131">
        <v>697</v>
      </c>
      <c r="H15" s="131">
        <v>706</v>
      </c>
      <c r="I15" s="131">
        <v>373</v>
      </c>
      <c r="J15" s="131">
        <v>315</v>
      </c>
      <c r="K15" s="131">
        <v>232</v>
      </c>
      <c r="L15" s="132">
        <v>2323</v>
      </c>
      <c r="M15" s="134">
        <v>2656</v>
      </c>
      <c r="N15" s="135">
        <v>0</v>
      </c>
      <c r="O15" s="131">
        <v>1</v>
      </c>
      <c r="P15" s="132">
        <v>1</v>
      </c>
      <c r="Q15" s="133">
        <v>0</v>
      </c>
      <c r="R15" s="131">
        <v>12</v>
      </c>
      <c r="S15" s="131">
        <v>16</v>
      </c>
      <c r="T15" s="131">
        <v>10</v>
      </c>
      <c r="U15" s="131">
        <v>1</v>
      </c>
      <c r="V15" s="131">
        <v>9</v>
      </c>
      <c r="W15" s="132">
        <v>48</v>
      </c>
      <c r="X15" s="134">
        <v>49</v>
      </c>
      <c r="Y15" s="130">
        <v>123</v>
      </c>
      <c r="Z15" s="131">
        <v>211</v>
      </c>
      <c r="AA15" s="132">
        <v>334</v>
      </c>
      <c r="AB15" s="133">
        <v>0</v>
      </c>
      <c r="AC15" s="131">
        <v>709</v>
      </c>
      <c r="AD15" s="131">
        <v>722</v>
      </c>
      <c r="AE15" s="131">
        <v>383</v>
      </c>
      <c r="AF15" s="131">
        <v>316</v>
      </c>
      <c r="AG15" s="131">
        <v>241</v>
      </c>
      <c r="AH15" s="132">
        <v>2371</v>
      </c>
      <c r="AI15" s="134">
        <v>2705</v>
      </c>
    </row>
    <row r="16" spans="2:35" ht="21" customHeight="1" x14ac:dyDescent="0.2">
      <c r="B16" s="106" t="s">
        <v>15</v>
      </c>
      <c r="C16" s="130">
        <v>97</v>
      </c>
      <c r="D16" s="131">
        <v>208</v>
      </c>
      <c r="E16" s="132">
        <v>305</v>
      </c>
      <c r="F16" s="133">
        <v>0</v>
      </c>
      <c r="G16" s="131">
        <v>558</v>
      </c>
      <c r="H16" s="131">
        <v>546</v>
      </c>
      <c r="I16" s="131">
        <v>279</v>
      </c>
      <c r="J16" s="131">
        <v>234</v>
      </c>
      <c r="K16" s="131">
        <v>124</v>
      </c>
      <c r="L16" s="132">
        <v>1741</v>
      </c>
      <c r="M16" s="134">
        <v>2046</v>
      </c>
      <c r="N16" s="135">
        <v>0</v>
      </c>
      <c r="O16" s="131">
        <v>5</v>
      </c>
      <c r="P16" s="132">
        <v>5</v>
      </c>
      <c r="Q16" s="133">
        <v>0</v>
      </c>
      <c r="R16" s="131">
        <v>8</v>
      </c>
      <c r="S16" s="131">
        <v>11</v>
      </c>
      <c r="T16" s="131">
        <v>9</v>
      </c>
      <c r="U16" s="131">
        <v>7</v>
      </c>
      <c r="V16" s="131">
        <v>8</v>
      </c>
      <c r="W16" s="132">
        <v>43</v>
      </c>
      <c r="X16" s="134">
        <v>48</v>
      </c>
      <c r="Y16" s="130">
        <v>97</v>
      </c>
      <c r="Z16" s="131">
        <v>213</v>
      </c>
      <c r="AA16" s="132">
        <v>310</v>
      </c>
      <c r="AB16" s="133">
        <v>0</v>
      </c>
      <c r="AC16" s="131">
        <v>566</v>
      </c>
      <c r="AD16" s="131">
        <v>557</v>
      </c>
      <c r="AE16" s="131">
        <v>288</v>
      </c>
      <c r="AF16" s="131">
        <v>241</v>
      </c>
      <c r="AG16" s="131">
        <v>132</v>
      </c>
      <c r="AH16" s="132">
        <v>1784</v>
      </c>
      <c r="AI16" s="134">
        <v>2094</v>
      </c>
    </row>
    <row r="17" spans="2:35" ht="21" customHeight="1" x14ac:dyDescent="0.2">
      <c r="B17" s="106" t="s">
        <v>16</v>
      </c>
      <c r="C17" s="130">
        <v>271</v>
      </c>
      <c r="D17" s="131">
        <v>522</v>
      </c>
      <c r="E17" s="132">
        <v>793</v>
      </c>
      <c r="F17" s="133">
        <v>0</v>
      </c>
      <c r="G17" s="131">
        <v>1009</v>
      </c>
      <c r="H17" s="131">
        <v>1320</v>
      </c>
      <c r="I17" s="131">
        <v>695</v>
      </c>
      <c r="J17" s="131">
        <v>565</v>
      </c>
      <c r="K17" s="131">
        <v>308</v>
      </c>
      <c r="L17" s="132">
        <v>3897</v>
      </c>
      <c r="M17" s="134">
        <v>4690</v>
      </c>
      <c r="N17" s="135">
        <v>3</v>
      </c>
      <c r="O17" s="131">
        <v>20</v>
      </c>
      <c r="P17" s="132">
        <v>23</v>
      </c>
      <c r="Q17" s="133">
        <v>0</v>
      </c>
      <c r="R17" s="131">
        <v>13</v>
      </c>
      <c r="S17" s="131">
        <v>34</v>
      </c>
      <c r="T17" s="131">
        <v>25</v>
      </c>
      <c r="U17" s="131">
        <v>18</v>
      </c>
      <c r="V17" s="131">
        <v>15</v>
      </c>
      <c r="W17" s="132">
        <v>105</v>
      </c>
      <c r="X17" s="134">
        <v>128</v>
      </c>
      <c r="Y17" s="130">
        <v>274</v>
      </c>
      <c r="Z17" s="131">
        <v>542</v>
      </c>
      <c r="AA17" s="132">
        <v>816</v>
      </c>
      <c r="AB17" s="133">
        <v>0</v>
      </c>
      <c r="AC17" s="131">
        <v>1022</v>
      </c>
      <c r="AD17" s="131">
        <v>1354</v>
      </c>
      <c r="AE17" s="131">
        <v>720</v>
      </c>
      <c r="AF17" s="131">
        <v>583</v>
      </c>
      <c r="AG17" s="131">
        <v>323</v>
      </c>
      <c r="AH17" s="132">
        <v>4002</v>
      </c>
      <c r="AI17" s="134">
        <v>4818</v>
      </c>
    </row>
    <row r="18" spans="2:35" ht="21" customHeight="1" x14ac:dyDescent="0.2">
      <c r="B18" s="106" t="s">
        <v>17</v>
      </c>
      <c r="C18" s="130">
        <v>348</v>
      </c>
      <c r="D18" s="131">
        <v>692</v>
      </c>
      <c r="E18" s="132">
        <v>1040</v>
      </c>
      <c r="F18" s="133">
        <v>0</v>
      </c>
      <c r="G18" s="131">
        <v>1108</v>
      </c>
      <c r="H18" s="131">
        <v>1863</v>
      </c>
      <c r="I18" s="131">
        <v>1093</v>
      </c>
      <c r="J18" s="131">
        <v>800</v>
      </c>
      <c r="K18" s="131">
        <v>411</v>
      </c>
      <c r="L18" s="132">
        <v>5275</v>
      </c>
      <c r="M18" s="134">
        <v>6315</v>
      </c>
      <c r="N18" s="135">
        <v>4</v>
      </c>
      <c r="O18" s="131">
        <v>22</v>
      </c>
      <c r="P18" s="132">
        <v>26</v>
      </c>
      <c r="Q18" s="133">
        <v>0</v>
      </c>
      <c r="R18" s="131">
        <v>26</v>
      </c>
      <c r="S18" s="131">
        <v>59</v>
      </c>
      <c r="T18" s="131">
        <v>43</v>
      </c>
      <c r="U18" s="131">
        <v>22</v>
      </c>
      <c r="V18" s="131">
        <v>24</v>
      </c>
      <c r="W18" s="132">
        <v>174</v>
      </c>
      <c r="X18" s="134">
        <v>200</v>
      </c>
      <c r="Y18" s="130">
        <v>352</v>
      </c>
      <c r="Z18" s="131">
        <v>714</v>
      </c>
      <c r="AA18" s="132">
        <v>1066</v>
      </c>
      <c r="AB18" s="133">
        <v>0</v>
      </c>
      <c r="AC18" s="131">
        <v>1134</v>
      </c>
      <c r="AD18" s="131">
        <v>1922</v>
      </c>
      <c r="AE18" s="131">
        <v>1136</v>
      </c>
      <c r="AF18" s="131">
        <v>822</v>
      </c>
      <c r="AG18" s="131">
        <v>435</v>
      </c>
      <c r="AH18" s="132">
        <v>5449</v>
      </c>
      <c r="AI18" s="134">
        <v>6515</v>
      </c>
    </row>
    <row r="19" spans="2:35" ht="21" customHeight="1" x14ac:dyDescent="0.2">
      <c r="B19" s="106" t="s">
        <v>18</v>
      </c>
      <c r="C19" s="130">
        <v>379</v>
      </c>
      <c r="D19" s="131">
        <v>754</v>
      </c>
      <c r="E19" s="132">
        <v>1133</v>
      </c>
      <c r="F19" s="133">
        <v>0</v>
      </c>
      <c r="G19" s="131">
        <v>1931</v>
      </c>
      <c r="H19" s="131">
        <v>1791</v>
      </c>
      <c r="I19" s="131">
        <v>1159</v>
      </c>
      <c r="J19" s="131">
        <v>807</v>
      </c>
      <c r="K19" s="131">
        <v>491</v>
      </c>
      <c r="L19" s="132">
        <v>6179</v>
      </c>
      <c r="M19" s="134">
        <v>7312</v>
      </c>
      <c r="N19" s="135">
        <v>16</v>
      </c>
      <c r="O19" s="131">
        <v>21</v>
      </c>
      <c r="P19" s="132">
        <v>37</v>
      </c>
      <c r="Q19" s="133">
        <v>0</v>
      </c>
      <c r="R19" s="131">
        <v>47</v>
      </c>
      <c r="S19" s="131">
        <v>57</v>
      </c>
      <c r="T19" s="131">
        <v>30</v>
      </c>
      <c r="U19" s="131">
        <v>30</v>
      </c>
      <c r="V19" s="131">
        <v>25</v>
      </c>
      <c r="W19" s="132">
        <v>189</v>
      </c>
      <c r="X19" s="134">
        <v>226</v>
      </c>
      <c r="Y19" s="130">
        <v>395</v>
      </c>
      <c r="Z19" s="131">
        <v>775</v>
      </c>
      <c r="AA19" s="132">
        <v>1170</v>
      </c>
      <c r="AB19" s="133">
        <v>0</v>
      </c>
      <c r="AC19" s="131">
        <v>1978</v>
      </c>
      <c r="AD19" s="131">
        <v>1848</v>
      </c>
      <c r="AE19" s="131">
        <v>1189</v>
      </c>
      <c r="AF19" s="131">
        <v>837</v>
      </c>
      <c r="AG19" s="131">
        <v>516</v>
      </c>
      <c r="AH19" s="132">
        <v>6368</v>
      </c>
      <c r="AI19" s="134">
        <v>7538</v>
      </c>
    </row>
    <row r="20" spans="2:35" ht="21" customHeight="1" x14ac:dyDescent="0.2">
      <c r="B20" s="106" t="s">
        <v>19</v>
      </c>
      <c r="C20" s="130">
        <v>264</v>
      </c>
      <c r="D20" s="131">
        <v>351</v>
      </c>
      <c r="E20" s="132">
        <v>615</v>
      </c>
      <c r="F20" s="133">
        <v>0</v>
      </c>
      <c r="G20" s="131">
        <v>920</v>
      </c>
      <c r="H20" s="131">
        <v>698</v>
      </c>
      <c r="I20" s="131">
        <v>451</v>
      </c>
      <c r="J20" s="131">
        <v>269</v>
      </c>
      <c r="K20" s="131">
        <v>192</v>
      </c>
      <c r="L20" s="132">
        <v>2530</v>
      </c>
      <c r="M20" s="134">
        <v>3145</v>
      </c>
      <c r="N20" s="135">
        <v>8</v>
      </c>
      <c r="O20" s="131">
        <v>13</v>
      </c>
      <c r="P20" s="132">
        <v>21</v>
      </c>
      <c r="Q20" s="133">
        <v>0</v>
      </c>
      <c r="R20" s="131">
        <v>16</v>
      </c>
      <c r="S20" s="131">
        <v>17</v>
      </c>
      <c r="T20" s="131">
        <v>12</v>
      </c>
      <c r="U20" s="131">
        <v>11</v>
      </c>
      <c r="V20" s="131">
        <v>4</v>
      </c>
      <c r="W20" s="132">
        <v>60</v>
      </c>
      <c r="X20" s="134">
        <v>81</v>
      </c>
      <c r="Y20" s="130">
        <v>272</v>
      </c>
      <c r="Z20" s="131">
        <v>364</v>
      </c>
      <c r="AA20" s="132">
        <v>636</v>
      </c>
      <c r="AB20" s="133">
        <v>0</v>
      </c>
      <c r="AC20" s="131">
        <v>936</v>
      </c>
      <c r="AD20" s="131">
        <v>715</v>
      </c>
      <c r="AE20" s="131">
        <v>463</v>
      </c>
      <c r="AF20" s="131">
        <v>280</v>
      </c>
      <c r="AG20" s="131">
        <v>196</v>
      </c>
      <c r="AH20" s="132">
        <v>2590</v>
      </c>
      <c r="AI20" s="134">
        <v>3226</v>
      </c>
    </row>
    <row r="21" spans="2:35" ht="21" customHeight="1" x14ac:dyDescent="0.2">
      <c r="B21" s="106" t="s">
        <v>20</v>
      </c>
      <c r="C21" s="130">
        <v>262</v>
      </c>
      <c r="D21" s="131">
        <v>436</v>
      </c>
      <c r="E21" s="132">
        <v>698</v>
      </c>
      <c r="F21" s="133">
        <v>0</v>
      </c>
      <c r="G21" s="131">
        <v>1283</v>
      </c>
      <c r="H21" s="131">
        <v>822</v>
      </c>
      <c r="I21" s="131">
        <v>561</v>
      </c>
      <c r="J21" s="131">
        <v>367</v>
      </c>
      <c r="K21" s="131">
        <v>207</v>
      </c>
      <c r="L21" s="132">
        <v>3240</v>
      </c>
      <c r="M21" s="134">
        <v>3938</v>
      </c>
      <c r="N21" s="135">
        <v>5</v>
      </c>
      <c r="O21" s="131">
        <v>17</v>
      </c>
      <c r="P21" s="132">
        <v>22</v>
      </c>
      <c r="Q21" s="133">
        <v>0</v>
      </c>
      <c r="R21" s="131">
        <v>29</v>
      </c>
      <c r="S21" s="131">
        <v>18</v>
      </c>
      <c r="T21" s="131">
        <v>16</v>
      </c>
      <c r="U21" s="131">
        <v>17</v>
      </c>
      <c r="V21" s="131">
        <v>7</v>
      </c>
      <c r="W21" s="132">
        <v>87</v>
      </c>
      <c r="X21" s="134">
        <v>109</v>
      </c>
      <c r="Y21" s="130">
        <v>267</v>
      </c>
      <c r="Z21" s="131">
        <v>453</v>
      </c>
      <c r="AA21" s="132">
        <v>720</v>
      </c>
      <c r="AB21" s="133">
        <v>0</v>
      </c>
      <c r="AC21" s="131">
        <v>1312</v>
      </c>
      <c r="AD21" s="131">
        <v>840</v>
      </c>
      <c r="AE21" s="131">
        <v>577</v>
      </c>
      <c r="AF21" s="131">
        <v>384</v>
      </c>
      <c r="AG21" s="131">
        <v>214</v>
      </c>
      <c r="AH21" s="132">
        <v>3327</v>
      </c>
      <c r="AI21" s="134">
        <v>4047</v>
      </c>
    </row>
    <row r="22" spans="2:35" ht="21" customHeight="1" x14ac:dyDescent="0.2">
      <c r="B22" s="106" t="s">
        <v>21</v>
      </c>
      <c r="C22" s="130">
        <v>355</v>
      </c>
      <c r="D22" s="131">
        <v>463</v>
      </c>
      <c r="E22" s="132">
        <v>818</v>
      </c>
      <c r="F22" s="133">
        <v>0</v>
      </c>
      <c r="G22" s="131">
        <v>1161</v>
      </c>
      <c r="H22" s="131">
        <v>1141</v>
      </c>
      <c r="I22" s="131">
        <v>688</v>
      </c>
      <c r="J22" s="131">
        <v>427</v>
      </c>
      <c r="K22" s="131">
        <v>282</v>
      </c>
      <c r="L22" s="132">
        <v>3699</v>
      </c>
      <c r="M22" s="134">
        <v>4517</v>
      </c>
      <c r="N22" s="135">
        <v>6</v>
      </c>
      <c r="O22" s="131">
        <v>18</v>
      </c>
      <c r="P22" s="132">
        <v>24</v>
      </c>
      <c r="Q22" s="133">
        <v>0</v>
      </c>
      <c r="R22" s="131">
        <v>4</v>
      </c>
      <c r="S22" s="131">
        <v>41</v>
      </c>
      <c r="T22" s="131">
        <v>27</v>
      </c>
      <c r="U22" s="131">
        <v>15</v>
      </c>
      <c r="V22" s="131">
        <v>16</v>
      </c>
      <c r="W22" s="132">
        <v>103</v>
      </c>
      <c r="X22" s="134">
        <v>127</v>
      </c>
      <c r="Y22" s="130">
        <v>361</v>
      </c>
      <c r="Z22" s="131">
        <v>481</v>
      </c>
      <c r="AA22" s="132">
        <v>842</v>
      </c>
      <c r="AB22" s="133">
        <v>0</v>
      </c>
      <c r="AC22" s="131">
        <v>1165</v>
      </c>
      <c r="AD22" s="131">
        <v>1182</v>
      </c>
      <c r="AE22" s="131">
        <v>715</v>
      </c>
      <c r="AF22" s="131">
        <v>442</v>
      </c>
      <c r="AG22" s="131">
        <v>298</v>
      </c>
      <c r="AH22" s="132">
        <v>3802</v>
      </c>
      <c r="AI22" s="134">
        <v>4644</v>
      </c>
    </row>
    <row r="23" spans="2:35" ht="21" customHeight="1" x14ac:dyDescent="0.2">
      <c r="B23" s="106" t="s">
        <v>22</v>
      </c>
      <c r="C23" s="130">
        <v>73</v>
      </c>
      <c r="D23" s="131">
        <v>184</v>
      </c>
      <c r="E23" s="132">
        <v>257</v>
      </c>
      <c r="F23" s="133">
        <v>0</v>
      </c>
      <c r="G23" s="131">
        <v>415</v>
      </c>
      <c r="H23" s="131">
        <v>394</v>
      </c>
      <c r="I23" s="131">
        <v>228</v>
      </c>
      <c r="J23" s="131">
        <v>166</v>
      </c>
      <c r="K23" s="131">
        <v>84</v>
      </c>
      <c r="L23" s="132">
        <v>1287</v>
      </c>
      <c r="M23" s="134">
        <v>1544</v>
      </c>
      <c r="N23" s="135">
        <v>2</v>
      </c>
      <c r="O23" s="131">
        <v>6</v>
      </c>
      <c r="P23" s="132">
        <v>8</v>
      </c>
      <c r="Q23" s="133">
        <v>0</v>
      </c>
      <c r="R23" s="131">
        <v>6</v>
      </c>
      <c r="S23" s="131">
        <v>10</v>
      </c>
      <c r="T23" s="131">
        <v>3</v>
      </c>
      <c r="U23" s="131">
        <v>1</v>
      </c>
      <c r="V23" s="131">
        <v>4</v>
      </c>
      <c r="W23" s="132">
        <v>24</v>
      </c>
      <c r="X23" s="134">
        <v>32</v>
      </c>
      <c r="Y23" s="130">
        <v>75</v>
      </c>
      <c r="Z23" s="131">
        <v>190</v>
      </c>
      <c r="AA23" s="132">
        <v>265</v>
      </c>
      <c r="AB23" s="133">
        <v>0</v>
      </c>
      <c r="AC23" s="131">
        <v>421</v>
      </c>
      <c r="AD23" s="131">
        <v>404</v>
      </c>
      <c r="AE23" s="131">
        <v>231</v>
      </c>
      <c r="AF23" s="131">
        <v>167</v>
      </c>
      <c r="AG23" s="131">
        <v>88</v>
      </c>
      <c r="AH23" s="132">
        <v>1311</v>
      </c>
      <c r="AI23" s="134">
        <v>1576</v>
      </c>
    </row>
    <row r="24" spans="2:35" ht="21" customHeight="1" x14ac:dyDescent="0.2">
      <c r="B24" s="106" t="s">
        <v>23</v>
      </c>
      <c r="C24" s="130">
        <v>167</v>
      </c>
      <c r="D24" s="131">
        <v>318</v>
      </c>
      <c r="E24" s="132">
        <v>485</v>
      </c>
      <c r="F24" s="133">
        <v>0</v>
      </c>
      <c r="G24" s="131">
        <v>625</v>
      </c>
      <c r="H24" s="131">
        <v>612</v>
      </c>
      <c r="I24" s="131">
        <v>348</v>
      </c>
      <c r="J24" s="131">
        <v>287</v>
      </c>
      <c r="K24" s="131">
        <v>157</v>
      </c>
      <c r="L24" s="132">
        <v>2029</v>
      </c>
      <c r="M24" s="134">
        <v>2514</v>
      </c>
      <c r="N24" s="135">
        <v>7</v>
      </c>
      <c r="O24" s="131">
        <v>11</v>
      </c>
      <c r="P24" s="132">
        <v>18</v>
      </c>
      <c r="Q24" s="133">
        <v>0</v>
      </c>
      <c r="R24" s="131">
        <v>9</v>
      </c>
      <c r="S24" s="131">
        <v>24</v>
      </c>
      <c r="T24" s="131">
        <v>7</v>
      </c>
      <c r="U24" s="131">
        <v>8</v>
      </c>
      <c r="V24" s="131">
        <v>3</v>
      </c>
      <c r="W24" s="132">
        <v>51</v>
      </c>
      <c r="X24" s="134">
        <v>69</v>
      </c>
      <c r="Y24" s="130">
        <v>174</v>
      </c>
      <c r="Z24" s="131">
        <v>329</v>
      </c>
      <c r="AA24" s="132">
        <v>503</v>
      </c>
      <c r="AB24" s="133">
        <v>0</v>
      </c>
      <c r="AC24" s="131">
        <v>634</v>
      </c>
      <c r="AD24" s="131">
        <v>636</v>
      </c>
      <c r="AE24" s="131">
        <v>355</v>
      </c>
      <c r="AF24" s="131">
        <v>295</v>
      </c>
      <c r="AG24" s="131">
        <v>160</v>
      </c>
      <c r="AH24" s="132">
        <v>2080</v>
      </c>
      <c r="AI24" s="134">
        <v>2583</v>
      </c>
    </row>
    <row r="25" spans="2:35" ht="21" customHeight="1" x14ac:dyDescent="0.2">
      <c r="B25" s="106" t="s">
        <v>24</v>
      </c>
      <c r="C25" s="130">
        <v>118</v>
      </c>
      <c r="D25" s="131">
        <v>135</v>
      </c>
      <c r="E25" s="132">
        <v>253</v>
      </c>
      <c r="F25" s="133">
        <v>0</v>
      </c>
      <c r="G25" s="131">
        <v>344</v>
      </c>
      <c r="H25" s="131">
        <v>253</v>
      </c>
      <c r="I25" s="131">
        <v>176</v>
      </c>
      <c r="J25" s="131">
        <v>135</v>
      </c>
      <c r="K25" s="131">
        <v>90</v>
      </c>
      <c r="L25" s="132">
        <v>998</v>
      </c>
      <c r="M25" s="134">
        <v>1251</v>
      </c>
      <c r="N25" s="135">
        <v>1</v>
      </c>
      <c r="O25" s="131">
        <v>1</v>
      </c>
      <c r="P25" s="132">
        <v>2</v>
      </c>
      <c r="Q25" s="133">
        <v>0</v>
      </c>
      <c r="R25" s="131">
        <v>4</v>
      </c>
      <c r="S25" s="131">
        <v>7</v>
      </c>
      <c r="T25" s="131">
        <v>3</v>
      </c>
      <c r="U25" s="131">
        <v>4</v>
      </c>
      <c r="V25" s="131">
        <v>4</v>
      </c>
      <c r="W25" s="132">
        <v>22</v>
      </c>
      <c r="X25" s="134">
        <v>24</v>
      </c>
      <c r="Y25" s="130">
        <v>119</v>
      </c>
      <c r="Z25" s="131">
        <v>136</v>
      </c>
      <c r="AA25" s="132">
        <v>255</v>
      </c>
      <c r="AB25" s="133">
        <v>0</v>
      </c>
      <c r="AC25" s="131">
        <v>348</v>
      </c>
      <c r="AD25" s="131">
        <v>260</v>
      </c>
      <c r="AE25" s="131">
        <v>179</v>
      </c>
      <c r="AF25" s="131">
        <v>139</v>
      </c>
      <c r="AG25" s="131">
        <v>94</v>
      </c>
      <c r="AH25" s="132">
        <v>1020</v>
      </c>
      <c r="AI25" s="134">
        <v>1275</v>
      </c>
    </row>
    <row r="26" spans="2:35" ht="21" customHeight="1" x14ac:dyDescent="0.2">
      <c r="B26" s="106" t="s">
        <v>25</v>
      </c>
      <c r="C26" s="130">
        <v>117</v>
      </c>
      <c r="D26" s="131">
        <v>204</v>
      </c>
      <c r="E26" s="132">
        <v>321</v>
      </c>
      <c r="F26" s="133">
        <v>0</v>
      </c>
      <c r="G26" s="131">
        <v>404</v>
      </c>
      <c r="H26" s="131">
        <v>337</v>
      </c>
      <c r="I26" s="131">
        <v>174</v>
      </c>
      <c r="J26" s="131">
        <v>140</v>
      </c>
      <c r="K26" s="131">
        <v>74</v>
      </c>
      <c r="L26" s="132">
        <v>1129</v>
      </c>
      <c r="M26" s="134">
        <v>1450</v>
      </c>
      <c r="N26" s="135">
        <v>0</v>
      </c>
      <c r="O26" s="131">
        <v>5</v>
      </c>
      <c r="P26" s="132">
        <v>5</v>
      </c>
      <c r="Q26" s="133">
        <v>0</v>
      </c>
      <c r="R26" s="131">
        <v>3</v>
      </c>
      <c r="S26" s="131">
        <v>12</v>
      </c>
      <c r="T26" s="131">
        <v>2</v>
      </c>
      <c r="U26" s="131">
        <v>4</v>
      </c>
      <c r="V26" s="131">
        <v>3</v>
      </c>
      <c r="W26" s="132">
        <v>24</v>
      </c>
      <c r="X26" s="134">
        <v>29</v>
      </c>
      <c r="Y26" s="130">
        <v>117</v>
      </c>
      <c r="Z26" s="131">
        <v>209</v>
      </c>
      <c r="AA26" s="132">
        <v>326</v>
      </c>
      <c r="AB26" s="133">
        <v>0</v>
      </c>
      <c r="AC26" s="131">
        <v>407</v>
      </c>
      <c r="AD26" s="131">
        <v>349</v>
      </c>
      <c r="AE26" s="131">
        <v>176</v>
      </c>
      <c r="AF26" s="131">
        <v>144</v>
      </c>
      <c r="AG26" s="131">
        <v>77</v>
      </c>
      <c r="AH26" s="132">
        <v>1153</v>
      </c>
      <c r="AI26" s="134">
        <v>1479</v>
      </c>
    </row>
    <row r="27" spans="2:35" ht="21" customHeight="1" x14ac:dyDescent="0.2">
      <c r="B27" s="106" t="s">
        <v>26</v>
      </c>
      <c r="C27" s="130">
        <v>98</v>
      </c>
      <c r="D27" s="131">
        <v>136</v>
      </c>
      <c r="E27" s="132">
        <v>234</v>
      </c>
      <c r="F27" s="133">
        <v>0</v>
      </c>
      <c r="G27" s="131">
        <v>300</v>
      </c>
      <c r="H27" s="131">
        <v>336</v>
      </c>
      <c r="I27" s="131">
        <v>190</v>
      </c>
      <c r="J27" s="131">
        <v>118</v>
      </c>
      <c r="K27" s="131">
        <v>95</v>
      </c>
      <c r="L27" s="132">
        <v>1039</v>
      </c>
      <c r="M27" s="134">
        <v>1273</v>
      </c>
      <c r="N27" s="135">
        <v>1</v>
      </c>
      <c r="O27" s="131">
        <v>0</v>
      </c>
      <c r="P27" s="132">
        <v>1</v>
      </c>
      <c r="Q27" s="133">
        <v>0</v>
      </c>
      <c r="R27" s="131">
        <v>6</v>
      </c>
      <c r="S27" s="131">
        <v>5</v>
      </c>
      <c r="T27" s="131">
        <v>5</v>
      </c>
      <c r="U27" s="131">
        <v>1</v>
      </c>
      <c r="V27" s="131">
        <v>3</v>
      </c>
      <c r="W27" s="132">
        <v>20</v>
      </c>
      <c r="X27" s="134">
        <v>21</v>
      </c>
      <c r="Y27" s="130">
        <v>99</v>
      </c>
      <c r="Z27" s="131">
        <v>136</v>
      </c>
      <c r="AA27" s="132">
        <v>235</v>
      </c>
      <c r="AB27" s="133">
        <v>0</v>
      </c>
      <c r="AC27" s="131">
        <v>306</v>
      </c>
      <c r="AD27" s="131">
        <v>341</v>
      </c>
      <c r="AE27" s="131">
        <v>195</v>
      </c>
      <c r="AF27" s="131">
        <v>119</v>
      </c>
      <c r="AG27" s="131">
        <v>98</v>
      </c>
      <c r="AH27" s="132">
        <v>1059</v>
      </c>
      <c r="AI27" s="134">
        <v>1294</v>
      </c>
    </row>
    <row r="28" spans="2:35" ht="21" customHeight="1" x14ac:dyDescent="0.2">
      <c r="B28" s="106" t="s">
        <v>27</v>
      </c>
      <c r="C28" s="130">
        <v>153</v>
      </c>
      <c r="D28" s="131">
        <v>210</v>
      </c>
      <c r="E28" s="132">
        <v>363</v>
      </c>
      <c r="F28" s="133">
        <v>0</v>
      </c>
      <c r="G28" s="131">
        <v>286</v>
      </c>
      <c r="H28" s="131">
        <v>193</v>
      </c>
      <c r="I28" s="131">
        <v>138</v>
      </c>
      <c r="J28" s="131">
        <v>122</v>
      </c>
      <c r="K28" s="131">
        <v>69</v>
      </c>
      <c r="L28" s="132">
        <v>808</v>
      </c>
      <c r="M28" s="134">
        <v>1171</v>
      </c>
      <c r="N28" s="135">
        <v>7</v>
      </c>
      <c r="O28" s="131">
        <v>4</v>
      </c>
      <c r="P28" s="132">
        <v>11</v>
      </c>
      <c r="Q28" s="133">
        <v>0</v>
      </c>
      <c r="R28" s="131">
        <v>4</v>
      </c>
      <c r="S28" s="131">
        <v>6</v>
      </c>
      <c r="T28" s="131">
        <v>3</v>
      </c>
      <c r="U28" s="131">
        <v>2</v>
      </c>
      <c r="V28" s="131">
        <v>2</v>
      </c>
      <c r="W28" s="132">
        <v>17</v>
      </c>
      <c r="X28" s="134">
        <v>28</v>
      </c>
      <c r="Y28" s="130">
        <v>160</v>
      </c>
      <c r="Z28" s="131">
        <v>214</v>
      </c>
      <c r="AA28" s="132">
        <v>374</v>
      </c>
      <c r="AB28" s="133">
        <v>0</v>
      </c>
      <c r="AC28" s="131">
        <v>290</v>
      </c>
      <c r="AD28" s="131">
        <v>199</v>
      </c>
      <c r="AE28" s="131">
        <v>141</v>
      </c>
      <c r="AF28" s="131">
        <v>124</v>
      </c>
      <c r="AG28" s="131">
        <v>71</v>
      </c>
      <c r="AH28" s="132">
        <v>825</v>
      </c>
      <c r="AI28" s="134">
        <v>1199</v>
      </c>
    </row>
    <row r="29" spans="2:35" ht="21" customHeight="1" x14ac:dyDescent="0.2">
      <c r="B29" s="106" t="s">
        <v>28</v>
      </c>
      <c r="C29" s="130">
        <v>11</v>
      </c>
      <c r="D29" s="131">
        <v>29</v>
      </c>
      <c r="E29" s="132">
        <v>40</v>
      </c>
      <c r="F29" s="133">
        <v>0</v>
      </c>
      <c r="G29" s="131">
        <v>98</v>
      </c>
      <c r="H29" s="131">
        <v>99</v>
      </c>
      <c r="I29" s="131">
        <v>52</v>
      </c>
      <c r="J29" s="131">
        <v>35</v>
      </c>
      <c r="K29" s="131">
        <v>22</v>
      </c>
      <c r="L29" s="132">
        <v>306</v>
      </c>
      <c r="M29" s="134">
        <v>346</v>
      </c>
      <c r="N29" s="135">
        <v>0</v>
      </c>
      <c r="O29" s="131">
        <v>0</v>
      </c>
      <c r="P29" s="132">
        <v>0</v>
      </c>
      <c r="Q29" s="133">
        <v>0</v>
      </c>
      <c r="R29" s="131">
        <v>0</v>
      </c>
      <c r="S29" s="131">
        <v>1</v>
      </c>
      <c r="T29" s="131">
        <v>1</v>
      </c>
      <c r="U29" s="131">
        <v>0</v>
      </c>
      <c r="V29" s="131">
        <v>3</v>
      </c>
      <c r="W29" s="132">
        <v>5</v>
      </c>
      <c r="X29" s="134">
        <v>5</v>
      </c>
      <c r="Y29" s="130">
        <v>11</v>
      </c>
      <c r="Z29" s="131">
        <v>29</v>
      </c>
      <c r="AA29" s="132">
        <v>40</v>
      </c>
      <c r="AB29" s="133">
        <v>0</v>
      </c>
      <c r="AC29" s="131">
        <v>98</v>
      </c>
      <c r="AD29" s="131">
        <v>100</v>
      </c>
      <c r="AE29" s="131">
        <v>53</v>
      </c>
      <c r="AF29" s="131">
        <v>35</v>
      </c>
      <c r="AG29" s="131">
        <v>25</v>
      </c>
      <c r="AH29" s="132">
        <v>311</v>
      </c>
      <c r="AI29" s="134">
        <v>351</v>
      </c>
    </row>
    <row r="30" spans="2:35" ht="21" customHeight="1" x14ac:dyDescent="0.2">
      <c r="B30" s="106" t="s">
        <v>29</v>
      </c>
      <c r="C30" s="130">
        <v>40</v>
      </c>
      <c r="D30" s="131">
        <v>39</v>
      </c>
      <c r="E30" s="132">
        <v>79</v>
      </c>
      <c r="F30" s="133">
        <v>0</v>
      </c>
      <c r="G30" s="131">
        <v>103</v>
      </c>
      <c r="H30" s="131">
        <v>127</v>
      </c>
      <c r="I30" s="131">
        <v>78</v>
      </c>
      <c r="J30" s="131">
        <v>60</v>
      </c>
      <c r="K30" s="131">
        <v>32</v>
      </c>
      <c r="L30" s="132">
        <v>400</v>
      </c>
      <c r="M30" s="134">
        <v>479</v>
      </c>
      <c r="N30" s="135">
        <v>0</v>
      </c>
      <c r="O30" s="131">
        <v>2</v>
      </c>
      <c r="P30" s="132">
        <v>2</v>
      </c>
      <c r="Q30" s="133">
        <v>0</v>
      </c>
      <c r="R30" s="131">
        <v>2</v>
      </c>
      <c r="S30" s="131">
        <v>2</v>
      </c>
      <c r="T30" s="131">
        <v>4</v>
      </c>
      <c r="U30" s="131">
        <v>1</v>
      </c>
      <c r="V30" s="131">
        <v>2</v>
      </c>
      <c r="W30" s="132">
        <v>11</v>
      </c>
      <c r="X30" s="134">
        <v>13</v>
      </c>
      <c r="Y30" s="130">
        <v>40</v>
      </c>
      <c r="Z30" s="131">
        <v>41</v>
      </c>
      <c r="AA30" s="132">
        <v>81</v>
      </c>
      <c r="AB30" s="133">
        <v>0</v>
      </c>
      <c r="AC30" s="131">
        <v>105</v>
      </c>
      <c r="AD30" s="131">
        <v>129</v>
      </c>
      <c r="AE30" s="131">
        <v>82</v>
      </c>
      <c r="AF30" s="131">
        <v>61</v>
      </c>
      <c r="AG30" s="131">
        <v>34</v>
      </c>
      <c r="AH30" s="132">
        <v>411</v>
      </c>
      <c r="AI30" s="134">
        <v>492</v>
      </c>
    </row>
    <row r="31" spans="2:35" ht="21" customHeight="1" x14ac:dyDescent="0.2">
      <c r="B31" s="106" t="s">
        <v>30</v>
      </c>
      <c r="C31" s="130">
        <v>42</v>
      </c>
      <c r="D31" s="131">
        <v>31</v>
      </c>
      <c r="E31" s="132">
        <v>73</v>
      </c>
      <c r="F31" s="133">
        <v>0</v>
      </c>
      <c r="G31" s="131">
        <v>110</v>
      </c>
      <c r="H31" s="131">
        <v>82</v>
      </c>
      <c r="I31" s="131">
        <v>62</v>
      </c>
      <c r="J31" s="131">
        <v>34</v>
      </c>
      <c r="K31" s="131">
        <v>16</v>
      </c>
      <c r="L31" s="132">
        <v>304</v>
      </c>
      <c r="M31" s="134">
        <v>377</v>
      </c>
      <c r="N31" s="135">
        <v>0</v>
      </c>
      <c r="O31" s="131">
        <v>0</v>
      </c>
      <c r="P31" s="132">
        <v>0</v>
      </c>
      <c r="Q31" s="133">
        <v>0</v>
      </c>
      <c r="R31" s="131">
        <v>2</v>
      </c>
      <c r="S31" s="131">
        <v>4</v>
      </c>
      <c r="T31" s="131">
        <v>2</v>
      </c>
      <c r="U31" s="131">
        <v>1</v>
      </c>
      <c r="V31" s="131">
        <v>1</v>
      </c>
      <c r="W31" s="132">
        <v>10</v>
      </c>
      <c r="X31" s="134">
        <v>10</v>
      </c>
      <c r="Y31" s="130">
        <v>42</v>
      </c>
      <c r="Z31" s="131">
        <v>31</v>
      </c>
      <c r="AA31" s="132">
        <v>73</v>
      </c>
      <c r="AB31" s="133">
        <v>0</v>
      </c>
      <c r="AC31" s="131">
        <v>112</v>
      </c>
      <c r="AD31" s="131">
        <v>86</v>
      </c>
      <c r="AE31" s="131">
        <v>64</v>
      </c>
      <c r="AF31" s="131">
        <v>35</v>
      </c>
      <c r="AG31" s="131">
        <v>17</v>
      </c>
      <c r="AH31" s="132">
        <v>314</v>
      </c>
      <c r="AI31" s="134">
        <v>387</v>
      </c>
    </row>
    <row r="32" spans="2:35" ht="21" customHeight="1" x14ac:dyDescent="0.2">
      <c r="B32" s="106" t="s">
        <v>31</v>
      </c>
      <c r="C32" s="130">
        <v>34</v>
      </c>
      <c r="D32" s="131">
        <v>60</v>
      </c>
      <c r="E32" s="132">
        <v>94</v>
      </c>
      <c r="F32" s="133">
        <v>0</v>
      </c>
      <c r="G32" s="131">
        <v>103</v>
      </c>
      <c r="H32" s="131">
        <v>93</v>
      </c>
      <c r="I32" s="131">
        <v>66</v>
      </c>
      <c r="J32" s="131">
        <v>42</v>
      </c>
      <c r="K32" s="131">
        <v>14</v>
      </c>
      <c r="L32" s="132">
        <v>318</v>
      </c>
      <c r="M32" s="134">
        <v>412</v>
      </c>
      <c r="N32" s="135">
        <v>0</v>
      </c>
      <c r="O32" s="131">
        <v>3</v>
      </c>
      <c r="P32" s="132">
        <v>3</v>
      </c>
      <c r="Q32" s="133">
        <v>0</v>
      </c>
      <c r="R32" s="131">
        <v>2</v>
      </c>
      <c r="S32" s="131">
        <v>1</v>
      </c>
      <c r="T32" s="131">
        <v>0</v>
      </c>
      <c r="U32" s="131">
        <v>2</v>
      </c>
      <c r="V32" s="131">
        <v>2</v>
      </c>
      <c r="W32" s="132">
        <v>7</v>
      </c>
      <c r="X32" s="134">
        <v>10</v>
      </c>
      <c r="Y32" s="130">
        <v>34</v>
      </c>
      <c r="Z32" s="131">
        <v>63</v>
      </c>
      <c r="AA32" s="132">
        <v>97</v>
      </c>
      <c r="AB32" s="133">
        <v>0</v>
      </c>
      <c r="AC32" s="131">
        <v>105</v>
      </c>
      <c r="AD32" s="131">
        <v>94</v>
      </c>
      <c r="AE32" s="131">
        <v>66</v>
      </c>
      <c r="AF32" s="131">
        <v>44</v>
      </c>
      <c r="AG32" s="131">
        <v>16</v>
      </c>
      <c r="AH32" s="132">
        <v>325</v>
      </c>
      <c r="AI32" s="134">
        <v>422</v>
      </c>
    </row>
    <row r="33" spans="2:35" ht="21" customHeight="1" x14ac:dyDescent="0.2">
      <c r="B33" s="106" t="s">
        <v>32</v>
      </c>
      <c r="C33" s="130">
        <v>41</v>
      </c>
      <c r="D33" s="131">
        <v>66</v>
      </c>
      <c r="E33" s="132">
        <v>107</v>
      </c>
      <c r="F33" s="133">
        <v>0</v>
      </c>
      <c r="G33" s="131">
        <v>161</v>
      </c>
      <c r="H33" s="131">
        <v>128</v>
      </c>
      <c r="I33" s="131">
        <v>58</v>
      </c>
      <c r="J33" s="131">
        <v>62</v>
      </c>
      <c r="K33" s="131">
        <v>34</v>
      </c>
      <c r="L33" s="132">
        <v>443</v>
      </c>
      <c r="M33" s="134">
        <v>550</v>
      </c>
      <c r="N33" s="135">
        <v>0</v>
      </c>
      <c r="O33" s="131">
        <v>2</v>
      </c>
      <c r="P33" s="132">
        <v>2</v>
      </c>
      <c r="Q33" s="133">
        <v>0</v>
      </c>
      <c r="R33" s="131">
        <v>5</v>
      </c>
      <c r="S33" s="131">
        <v>4</v>
      </c>
      <c r="T33" s="131">
        <v>1</v>
      </c>
      <c r="U33" s="131">
        <v>1</v>
      </c>
      <c r="V33" s="131">
        <v>2</v>
      </c>
      <c r="W33" s="132">
        <v>13</v>
      </c>
      <c r="X33" s="134">
        <v>15</v>
      </c>
      <c r="Y33" s="130">
        <v>41</v>
      </c>
      <c r="Z33" s="131">
        <v>68</v>
      </c>
      <c r="AA33" s="132">
        <v>109</v>
      </c>
      <c r="AB33" s="133">
        <v>0</v>
      </c>
      <c r="AC33" s="131">
        <v>166</v>
      </c>
      <c r="AD33" s="131">
        <v>132</v>
      </c>
      <c r="AE33" s="131">
        <v>59</v>
      </c>
      <c r="AF33" s="131">
        <v>63</v>
      </c>
      <c r="AG33" s="131">
        <v>36</v>
      </c>
      <c r="AH33" s="132">
        <v>456</v>
      </c>
      <c r="AI33" s="134">
        <v>565</v>
      </c>
    </row>
    <row r="34" spans="2:35" ht="21" customHeight="1" x14ac:dyDescent="0.2">
      <c r="B34" s="106" t="s">
        <v>33</v>
      </c>
      <c r="C34" s="130">
        <v>37</v>
      </c>
      <c r="D34" s="131">
        <v>47</v>
      </c>
      <c r="E34" s="132">
        <v>84</v>
      </c>
      <c r="F34" s="133">
        <v>0</v>
      </c>
      <c r="G34" s="131">
        <v>116</v>
      </c>
      <c r="H34" s="131">
        <v>63</v>
      </c>
      <c r="I34" s="131">
        <v>56</v>
      </c>
      <c r="J34" s="131">
        <v>20</v>
      </c>
      <c r="K34" s="131">
        <v>20</v>
      </c>
      <c r="L34" s="132">
        <v>275</v>
      </c>
      <c r="M34" s="134">
        <v>359</v>
      </c>
      <c r="N34" s="135">
        <v>0</v>
      </c>
      <c r="O34" s="131">
        <v>0</v>
      </c>
      <c r="P34" s="132">
        <v>0</v>
      </c>
      <c r="Q34" s="133">
        <v>0</v>
      </c>
      <c r="R34" s="131">
        <v>1</v>
      </c>
      <c r="S34" s="131">
        <v>1</v>
      </c>
      <c r="T34" s="131">
        <v>0</v>
      </c>
      <c r="U34" s="131">
        <v>0</v>
      </c>
      <c r="V34" s="131">
        <v>0</v>
      </c>
      <c r="W34" s="132">
        <v>2</v>
      </c>
      <c r="X34" s="134">
        <v>2</v>
      </c>
      <c r="Y34" s="130">
        <v>37</v>
      </c>
      <c r="Z34" s="131">
        <v>47</v>
      </c>
      <c r="AA34" s="132">
        <v>84</v>
      </c>
      <c r="AB34" s="133">
        <v>0</v>
      </c>
      <c r="AC34" s="131">
        <v>117</v>
      </c>
      <c r="AD34" s="131">
        <v>64</v>
      </c>
      <c r="AE34" s="131">
        <v>56</v>
      </c>
      <c r="AF34" s="131">
        <v>20</v>
      </c>
      <c r="AG34" s="131">
        <v>20</v>
      </c>
      <c r="AH34" s="132">
        <v>277</v>
      </c>
      <c r="AI34" s="134">
        <v>361</v>
      </c>
    </row>
    <row r="35" spans="2:35" ht="21" customHeight="1" x14ac:dyDescent="0.2">
      <c r="B35" s="106" t="s">
        <v>34</v>
      </c>
      <c r="C35" s="130">
        <v>24</v>
      </c>
      <c r="D35" s="131">
        <v>32</v>
      </c>
      <c r="E35" s="132">
        <v>56</v>
      </c>
      <c r="F35" s="133">
        <v>0</v>
      </c>
      <c r="G35" s="131">
        <v>128</v>
      </c>
      <c r="H35" s="131">
        <v>61</v>
      </c>
      <c r="I35" s="131">
        <v>29</v>
      </c>
      <c r="J35" s="131">
        <v>37</v>
      </c>
      <c r="K35" s="131">
        <v>19</v>
      </c>
      <c r="L35" s="132">
        <v>274</v>
      </c>
      <c r="M35" s="134">
        <v>330</v>
      </c>
      <c r="N35" s="135">
        <v>0</v>
      </c>
      <c r="O35" s="131">
        <v>0</v>
      </c>
      <c r="P35" s="132">
        <v>0</v>
      </c>
      <c r="Q35" s="133">
        <v>0</v>
      </c>
      <c r="R35" s="131">
        <v>2</v>
      </c>
      <c r="S35" s="131">
        <v>1</v>
      </c>
      <c r="T35" s="131">
        <v>1</v>
      </c>
      <c r="U35" s="131">
        <v>1</v>
      </c>
      <c r="V35" s="131">
        <v>1</v>
      </c>
      <c r="W35" s="132">
        <v>6</v>
      </c>
      <c r="X35" s="134">
        <v>6</v>
      </c>
      <c r="Y35" s="130">
        <v>24</v>
      </c>
      <c r="Z35" s="131">
        <v>32</v>
      </c>
      <c r="AA35" s="132">
        <v>56</v>
      </c>
      <c r="AB35" s="133">
        <v>0</v>
      </c>
      <c r="AC35" s="131">
        <v>130</v>
      </c>
      <c r="AD35" s="131">
        <v>62</v>
      </c>
      <c r="AE35" s="131">
        <v>30</v>
      </c>
      <c r="AF35" s="131">
        <v>38</v>
      </c>
      <c r="AG35" s="131">
        <v>20</v>
      </c>
      <c r="AH35" s="132">
        <v>280</v>
      </c>
      <c r="AI35" s="134">
        <v>336</v>
      </c>
    </row>
    <row r="36" spans="2:35" ht="21" customHeight="1" x14ac:dyDescent="0.2">
      <c r="B36" s="106" t="s">
        <v>35</v>
      </c>
      <c r="C36" s="130">
        <v>97</v>
      </c>
      <c r="D36" s="131">
        <v>143</v>
      </c>
      <c r="E36" s="132">
        <v>240</v>
      </c>
      <c r="F36" s="133">
        <v>0</v>
      </c>
      <c r="G36" s="131">
        <v>379</v>
      </c>
      <c r="H36" s="131">
        <v>209</v>
      </c>
      <c r="I36" s="131">
        <v>138</v>
      </c>
      <c r="J36" s="131">
        <v>124</v>
      </c>
      <c r="K36" s="131">
        <v>66</v>
      </c>
      <c r="L36" s="132">
        <v>916</v>
      </c>
      <c r="M36" s="134">
        <v>1156</v>
      </c>
      <c r="N36" s="135">
        <v>0</v>
      </c>
      <c r="O36" s="131">
        <v>2</v>
      </c>
      <c r="P36" s="132">
        <v>2</v>
      </c>
      <c r="Q36" s="133">
        <v>0</v>
      </c>
      <c r="R36" s="131">
        <v>5</v>
      </c>
      <c r="S36" s="131">
        <v>4</v>
      </c>
      <c r="T36" s="131">
        <v>1</v>
      </c>
      <c r="U36" s="131">
        <v>3</v>
      </c>
      <c r="V36" s="131">
        <v>2</v>
      </c>
      <c r="W36" s="132">
        <v>15</v>
      </c>
      <c r="X36" s="134">
        <v>17</v>
      </c>
      <c r="Y36" s="130">
        <v>97</v>
      </c>
      <c r="Z36" s="131">
        <v>145</v>
      </c>
      <c r="AA36" s="132">
        <v>242</v>
      </c>
      <c r="AB36" s="133">
        <v>0</v>
      </c>
      <c r="AC36" s="131">
        <v>384</v>
      </c>
      <c r="AD36" s="131">
        <v>213</v>
      </c>
      <c r="AE36" s="131">
        <v>139</v>
      </c>
      <c r="AF36" s="131">
        <v>127</v>
      </c>
      <c r="AG36" s="131">
        <v>68</v>
      </c>
      <c r="AH36" s="132">
        <v>931</v>
      </c>
      <c r="AI36" s="134">
        <v>1173</v>
      </c>
    </row>
    <row r="37" spans="2:35" ht="21" customHeight="1" x14ac:dyDescent="0.2">
      <c r="B37" s="106" t="s">
        <v>36</v>
      </c>
      <c r="C37" s="130">
        <v>56</v>
      </c>
      <c r="D37" s="131">
        <v>147</v>
      </c>
      <c r="E37" s="132">
        <v>203</v>
      </c>
      <c r="F37" s="133">
        <v>0</v>
      </c>
      <c r="G37" s="131">
        <v>294</v>
      </c>
      <c r="H37" s="131">
        <v>304</v>
      </c>
      <c r="I37" s="131">
        <v>171</v>
      </c>
      <c r="J37" s="131">
        <v>101</v>
      </c>
      <c r="K37" s="131">
        <v>82</v>
      </c>
      <c r="L37" s="132">
        <v>952</v>
      </c>
      <c r="M37" s="134">
        <v>1155</v>
      </c>
      <c r="N37" s="135">
        <v>0</v>
      </c>
      <c r="O37" s="131">
        <v>5</v>
      </c>
      <c r="P37" s="132">
        <v>5</v>
      </c>
      <c r="Q37" s="133">
        <v>0</v>
      </c>
      <c r="R37" s="131">
        <v>5</v>
      </c>
      <c r="S37" s="131">
        <v>5</v>
      </c>
      <c r="T37" s="131">
        <v>7</v>
      </c>
      <c r="U37" s="131">
        <v>6</v>
      </c>
      <c r="V37" s="131">
        <v>4</v>
      </c>
      <c r="W37" s="132">
        <v>27</v>
      </c>
      <c r="X37" s="134">
        <v>32</v>
      </c>
      <c r="Y37" s="130">
        <v>56</v>
      </c>
      <c r="Z37" s="131">
        <v>152</v>
      </c>
      <c r="AA37" s="132">
        <v>208</v>
      </c>
      <c r="AB37" s="133">
        <v>0</v>
      </c>
      <c r="AC37" s="131">
        <v>299</v>
      </c>
      <c r="AD37" s="131">
        <v>309</v>
      </c>
      <c r="AE37" s="131">
        <v>178</v>
      </c>
      <c r="AF37" s="131">
        <v>107</v>
      </c>
      <c r="AG37" s="131">
        <v>86</v>
      </c>
      <c r="AH37" s="132">
        <v>979</v>
      </c>
      <c r="AI37" s="134">
        <v>1187</v>
      </c>
    </row>
    <row r="38" spans="2:35" ht="21" customHeight="1" thickBot="1" x14ac:dyDescent="0.25">
      <c r="B38" s="108" t="s">
        <v>37</v>
      </c>
      <c r="C38" s="136">
        <v>10</v>
      </c>
      <c r="D38" s="137">
        <v>5</v>
      </c>
      <c r="E38" s="138">
        <v>15</v>
      </c>
      <c r="F38" s="139">
        <v>0</v>
      </c>
      <c r="G38" s="137">
        <v>29</v>
      </c>
      <c r="H38" s="137">
        <v>27</v>
      </c>
      <c r="I38" s="137">
        <v>20</v>
      </c>
      <c r="J38" s="137">
        <v>11</v>
      </c>
      <c r="K38" s="137">
        <v>8</v>
      </c>
      <c r="L38" s="138">
        <v>95</v>
      </c>
      <c r="M38" s="140">
        <v>110</v>
      </c>
      <c r="N38" s="141">
        <v>0</v>
      </c>
      <c r="O38" s="137">
        <v>0</v>
      </c>
      <c r="P38" s="138">
        <v>0</v>
      </c>
      <c r="Q38" s="139">
        <v>0</v>
      </c>
      <c r="R38" s="137">
        <v>0</v>
      </c>
      <c r="S38" s="137">
        <v>2</v>
      </c>
      <c r="T38" s="137">
        <v>0</v>
      </c>
      <c r="U38" s="137">
        <v>2</v>
      </c>
      <c r="V38" s="137">
        <v>0</v>
      </c>
      <c r="W38" s="138">
        <v>4</v>
      </c>
      <c r="X38" s="140">
        <v>4</v>
      </c>
      <c r="Y38" s="136">
        <v>10</v>
      </c>
      <c r="Z38" s="137">
        <v>5</v>
      </c>
      <c r="AA38" s="138">
        <v>15</v>
      </c>
      <c r="AB38" s="139">
        <v>0</v>
      </c>
      <c r="AC38" s="137">
        <v>29</v>
      </c>
      <c r="AD38" s="137">
        <v>29</v>
      </c>
      <c r="AE38" s="137">
        <v>20</v>
      </c>
      <c r="AF38" s="137">
        <v>13</v>
      </c>
      <c r="AG38" s="137">
        <v>8</v>
      </c>
      <c r="AH38" s="138">
        <v>99</v>
      </c>
      <c r="AI38" s="140">
        <v>114</v>
      </c>
    </row>
    <row r="39" spans="2:35" x14ac:dyDescent="0.2">
      <c r="AA39" s="11"/>
      <c r="AB39" s="11"/>
      <c r="AC39" s="11"/>
      <c r="AD39" s="11"/>
      <c r="AE39" s="11"/>
      <c r="AF39" s="11"/>
      <c r="AG39" s="11"/>
      <c r="AH39" s="11"/>
      <c r="AI39" s="1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0">
        <f>第１表!F2</f>
        <v>6</v>
      </c>
      <c r="J1" s="440"/>
      <c r="K1" s="18">
        <f>第１表!G2</f>
        <v>12</v>
      </c>
      <c r="L1" s="459">
        <f>IF(K1&lt;3,K1+12-2,K1-2)</f>
        <v>10</v>
      </c>
      <c r="M1" s="459"/>
    </row>
    <row r="2" spans="2:156" ht="24" customHeight="1" thickBot="1" x14ac:dyDescent="0.25">
      <c r="B2" s="142" t="s">
        <v>135</v>
      </c>
      <c r="G2" s="17"/>
      <c r="H2" s="18"/>
      <c r="J2" s="68"/>
      <c r="K2" s="68"/>
    </row>
    <row r="3" spans="2:156" ht="21" customHeight="1" thickBot="1" x14ac:dyDescent="0.25">
      <c r="B3" s="453"/>
      <c r="C3" s="456" t="s">
        <v>70</v>
      </c>
      <c r="D3" s="457"/>
      <c r="E3" s="457"/>
      <c r="F3" s="457"/>
      <c r="G3" s="457"/>
      <c r="H3" s="457"/>
      <c r="I3" s="457"/>
      <c r="J3" s="457"/>
      <c r="K3" s="457"/>
      <c r="L3" s="457"/>
      <c r="M3" s="458"/>
      <c r="N3" s="456" t="s">
        <v>71</v>
      </c>
      <c r="O3" s="457"/>
      <c r="P3" s="457"/>
      <c r="Q3" s="457"/>
      <c r="R3" s="457"/>
      <c r="S3" s="457"/>
      <c r="T3" s="457"/>
      <c r="U3" s="457"/>
      <c r="V3" s="457"/>
      <c r="W3" s="457"/>
      <c r="X3" s="458"/>
      <c r="Y3" s="456" t="s">
        <v>72</v>
      </c>
      <c r="Z3" s="457"/>
      <c r="AA3" s="457"/>
      <c r="AB3" s="457"/>
      <c r="AC3" s="457"/>
      <c r="AD3" s="457"/>
      <c r="AE3" s="457"/>
      <c r="AF3" s="457"/>
      <c r="AG3" s="457"/>
      <c r="AH3" s="457"/>
      <c r="AI3" s="458"/>
      <c r="AJ3" s="456" t="s">
        <v>73</v>
      </c>
      <c r="AK3" s="457"/>
      <c r="AL3" s="457"/>
      <c r="AM3" s="457"/>
      <c r="AN3" s="457"/>
      <c r="AO3" s="457"/>
      <c r="AP3" s="457"/>
      <c r="AQ3" s="457"/>
      <c r="AR3" s="457"/>
      <c r="AS3" s="457"/>
      <c r="AT3" s="458"/>
      <c r="AU3" s="456" t="s">
        <v>74</v>
      </c>
      <c r="AV3" s="457"/>
      <c r="AW3" s="457"/>
      <c r="AX3" s="457"/>
      <c r="AY3" s="457"/>
      <c r="AZ3" s="457"/>
      <c r="BA3" s="457"/>
      <c r="BB3" s="457"/>
      <c r="BC3" s="457"/>
      <c r="BD3" s="457"/>
      <c r="BE3" s="458"/>
      <c r="BF3" s="456" t="s">
        <v>75</v>
      </c>
      <c r="BG3" s="457"/>
      <c r="BH3" s="457"/>
      <c r="BI3" s="457"/>
      <c r="BJ3" s="457"/>
      <c r="BK3" s="457"/>
      <c r="BL3" s="457"/>
      <c r="BM3" s="457"/>
      <c r="BN3" s="457"/>
      <c r="BO3" s="457"/>
      <c r="BP3" s="458"/>
      <c r="BQ3" s="456" t="s">
        <v>76</v>
      </c>
      <c r="BR3" s="457"/>
      <c r="BS3" s="457"/>
      <c r="BT3" s="457"/>
      <c r="BU3" s="457"/>
      <c r="BV3" s="457"/>
      <c r="BW3" s="457"/>
      <c r="BX3" s="457"/>
      <c r="BY3" s="457"/>
      <c r="BZ3" s="457"/>
      <c r="CA3" s="458"/>
      <c r="CB3" s="456" t="s">
        <v>77</v>
      </c>
      <c r="CC3" s="457"/>
      <c r="CD3" s="457"/>
      <c r="CE3" s="457"/>
      <c r="CF3" s="457"/>
      <c r="CG3" s="457"/>
      <c r="CH3" s="457"/>
      <c r="CI3" s="457"/>
      <c r="CJ3" s="457"/>
      <c r="CK3" s="457"/>
      <c r="CL3" s="458"/>
      <c r="CM3" s="456" t="s">
        <v>78</v>
      </c>
      <c r="CN3" s="457"/>
      <c r="CO3" s="457"/>
      <c r="CP3" s="457"/>
      <c r="CQ3" s="457"/>
      <c r="CR3" s="457"/>
      <c r="CS3" s="457"/>
      <c r="CT3" s="457"/>
      <c r="CU3" s="457"/>
      <c r="CV3" s="457"/>
      <c r="CW3" s="458"/>
      <c r="CX3" s="456" t="s">
        <v>79</v>
      </c>
      <c r="CY3" s="457"/>
      <c r="CZ3" s="457"/>
      <c r="DA3" s="457"/>
      <c r="DB3" s="457"/>
      <c r="DC3" s="457"/>
      <c r="DD3" s="457"/>
      <c r="DE3" s="457"/>
      <c r="DF3" s="457"/>
      <c r="DG3" s="457"/>
      <c r="DH3" s="458"/>
      <c r="DI3" s="456" t="s">
        <v>149</v>
      </c>
      <c r="DJ3" s="457"/>
      <c r="DK3" s="457"/>
      <c r="DL3" s="457"/>
      <c r="DM3" s="457"/>
      <c r="DN3" s="457"/>
      <c r="DO3" s="457"/>
      <c r="DP3" s="457"/>
      <c r="DQ3" s="457"/>
      <c r="DR3" s="457"/>
      <c r="DS3" s="458"/>
      <c r="DT3" s="456" t="s">
        <v>80</v>
      </c>
      <c r="DU3" s="457"/>
      <c r="DV3" s="457"/>
      <c r="DW3" s="457"/>
      <c r="DX3" s="457"/>
      <c r="DY3" s="457"/>
      <c r="DZ3" s="457"/>
      <c r="EA3" s="457"/>
      <c r="EB3" s="457"/>
      <c r="EC3" s="457"/>
      <c r="ED3" s="458"/>
      <c r="EE3" s="456" t="s">
        <v>68</v>
      </c>
      <c r="EF3" s="457"/>
      <c r="EG3" s="457"/>
      <c r="EH3" s="457"/>
      <c r="EI3" s="457"/>
      <c r="EJ3" s="457"/>
      <c r="EK3" s="457"/>
      <c r="EL3" s="457"/>
      <c r="EM3" s="457"/>
      <c r="EN3" s="457"/>
      <c r="EO3" s="458"/>
      <c r="EP3" s="460" t="s">
        <v>69</v>
      </c>
      <c r="EQ3" s="461"/>
      <c r="ER3" s="461"/>
      <c r="ES3" s="461"/>
      <c r="ET3" s="461"/>
      <c r="EU3" s="461"/>
      <c r="EV3" s="461"/>
      <c r="EW3" s="461"/>
      <c r="EX3" s="461"/>
      <c r="EY3" s="461"/>
      <c r="EZ3" s="462"/>
    </row>
    <row r="4" spans="2:156" ht="21" customHeight="1" x14ac:dyDescent="0.2">
      <c r="B4" s="454"/>
      <c r="C4" s="448" t="s">
        <v>61</v>
      </c>
      <c r="D4" s="449"/>
      <c r="E4" s="450"/>
      <c r="F4" s="451" t="s">
        <v>62</v>
      </c>
      <c r="G4" s="449"/>
      <c r="H4" s="449"/>
      <c r="I4" s="449"/>
      <c r="J4" s="449"/>
      <c r="K4" s="449"/>
      <c r="L4" s="452"/>
      <c r="M4" s="446" t="s">
        <v>52</v>
      </c>
      <c r="N4" s="448" t="s">
        <v>61</v>
      </c>
      <c r="O4" s="449"/>
      <c r="P4" s="450"/>
      <c r="Q4" s="451" t="s">
        <v>62</v>
      </c>
      <c r="R4" s="449"/>
      <c r="S4" s="449"/>
      <c r="T4" s="449"/>
      <c r="U4" s="449"/>
      <c r="V4" s="449"/>
      <c r="W4" s="450"/>
      <c r="X4" s="446" t="s">
        <v>52</v>
      </c>
      <c r="Y4" s="448" t="s">
        <v>61</v>
      </c>
      <c r="Z4" s="449"/>
      <c r="AA4" s="450"/>
      <c r="AB4" s="451" t="s">
        <v>62</v>
      </c>
      <c r="AC4" s="449"/>
      <c r="AD4" s="449"/>
      <c r="AE4" s="449"/>
      <c r="AF4" s="449"/>
      <c r="AG4" s="449"/>
      <c r="AH4" s="450"/>
      <c r="AI4" s="446" t="s">
        <v>52</v>
      </c>
      <c r="AJ4" s="448" t="s">
        <v>61</v>
      </c>
      <c r="AK4" s="449"/>
      <c r="AL4" s="450"/>
      <c r="AM4" s="451" t="s">
        <v>62</v>
      </c>
      <c r="AN4" s="449"/>
      <c r="AO4" s="449"/>
      <c r="AP4" s="449"/>
      <c r="AQ4" s="449"/>
      <c r="AR4" s="449"/>
      <c r="AS4" s="450"/>
      <c r="AT4" s="446" t="s">
        <v>52</v>
      </c>
      <c r="AU4" s="448" t="s">
        <v>61</v>
      </c>
      <c r="AV4" s="449"/>
      <c r="AW4" s="450"/>
      <c r="AX4" s="451" t="s">
        <v>62</v>
      </c>
      <c r="AY4" s="449"/>
      <c r="AZ4" s="449"/>
      <c r="BA4" s="449"/>
      <c r="BB4" s="449"/>
      <c r="BC4" s="449"/>
      <c r="BD4" s="452"/>
      <c r="BE4" s="446" t="s">
        <v>52</v>
      </c>
      <c r="BF4" s="448" t="s">
        <v>61</v>
      </c>
      <c r="BG4" s="449"/>
      <c r="BH4" s="450"/>
      <c r="BI4" s="451" t="s">
        <v>62</v>
      </c>
      <c r="BJ4" s="449"/>
      <c r="BK4" s="449"/>
      <c r="BL4" s="449"/>
      <c r="BM4" s="449"/>
      <c r="BN4" s="449"/>
      <c r="BO4" s="450"/>
      <c r="BP4" s="446" t="s">
        <v>52</v>
      </c>
      <c r="BQ4" s="448" t="s">
        <v>61</v>
      </c>
      <c r="BR4" s="449"/>
      <c r="BS4" s="450"/>
      <c r="BT4" s="451" t="s">
        <v>62</v>
      </c>
      <c r="BU4" s="449"/>
      <c r="BV4" s="449"/>
      <c r="BW4" s="449"/>
      <c r="BX4" s="449"/>
      <c r="BY4" s="449"/>
      <c r="BZ4" s="450"/>
      <c r="CA4" s="446" t="s">
        <v>52</v>
      </c>
      <c r="CB4" s="448" t="s">
        <v>61</v>
      </c>
      <c r="CC4" s="449"/>
      <c r="CD4" s="450"/>
      <c r="CE4" s="451" t="s">
        <v>62</v>
      </c>
      <c r="CF4" s="449"/>
      <c r="CG4" s="449"/>
      <c r="CH4" s="449"/>
      <c r="CI4" s="449"/>
      <c r="CJ4" s="449"/>
      <c r="CK4" s="450"/>
      <c r="CL4" s="446" t="s">
        <v>52</v>
      </c>
      <c r="CM4" s="448" t="s">
        <v>61</v>
      </c>
      <c r="CN4" s="449"/>
      <c r="CO4" s="450"/>
      <c r="CP4" s="451" t="s">
        <v>62</v>
      </c>
      <c r="CQ4" s="449"/>
      <c r="CR4" s="449"/>
      <c r="CS4" s="449"/>
      <c r="CT4" s="449"/>
      <c r="CU4" s="449"/>
      <c r="CV4" s="450"/>
      <c r="CW4" s="446" t="s">
        <v>52</v>
      </c>
      <c r="CX4" s="448" t="s">
        <v>61</v>
      </c>
      <c r="CY4" s="449"/>
      <c r="CZ4" s="450"/>
      <c r="DA4" s="451" t="s">
        <v>62</v>
      </c>
      <c r="DB4" s="449"/>
      <c r="DC4" s="449"/>
      <c r="DD4" s="449"/>
      <c r="DE4" s="449"/>
      <c r="DF4" s="449"/>
      <c r="DG4" s="450"/>
      <c r="DH4" s="446" t="s">
        <v>52</v>
      </c>
      <c r="DI4" s="448" t="s">
        <v>61</v>
      </c>
      <c r="DJ4" s="449"/>
      <c r="DK4" s="450"/>
      <c r="DL4" s="451" t="s">
        <v>62</v>
      </c>
      <c r="DM4" s="449"/>
      <c r="DN4" s="449"/>
      <c r="DO4" s="449"/>
      <c r="DP4" s="449"/>
      <c r="DQ4" s="449"/>
      <c r="DR4" s="450"/>
      <c r="DS4" s="446" t="s">
        <v>52</v>
      </c>
      <c r="DT4" s="448" t="s">
        <v>61</v>
      </c>
      <c r="DU4" s="449"/>
      <c r="DV4" s="450"/>
      <c r="DW4" s="451" t="s">
        <v>62</v>
      </c>
      <c r="DX4" s="449"/>
      <c r="DY4" s="449"/>
      <c r="DZ4" s="449"/>
      <c r="EA4" s="449"/>
      <c r="EB4" s="449"/>
      <c r="EC4" s="450"/>
      <c r="ED4" s="446" t="s">
        <v>52</v>
      </c>
      <c r="EE4" s="448" t="s">
        <v>61</v>
      </c>
      <c r="EF4" s="449"/>
      <c r="EG4" s="450"/>
      <c r="EH4" s="451" t="s">
        <v>62</v>
      </c>
      <c r="EI4" s="449"/>
      <c r="EJ4" s="449"/>
      <c r="EK4" s="449"/>
      <c r="EL4" s="449"/>
      <c r="EM4" s="449"/>
      <c r="EN4" s="450"/>
      <c r="EO4" s="446" t="s">
        <v>52</v>
      </c>
      <c r="EP4" s="448" t="s">
        <v>61</v>
      </c>
      <c r="EQ4" s="449"/>
      <c r="ER4" s="450"/>
      <c r="ES4" s="451" t="s">
        <v>62</v>
      </c>
      <c r="ET4" s="449"/>
      <c r="EU4" s="449"/>
      <c r="EV4" s="449"/>
      <c r="EW4" s="449"/>
      <c r="EX4" s="449"/>
      <c r="EY4" s="450"/>
      <c r="EZ4" s="446" t="s">
        <v>52</v>
      </c>
    </row>
    <row r="5" spans="2:156" ht="30" customHeight="1" thickBot="1" x14ac:dyDescent="0.25">
      <c r="B5" s="455"/>
      <c r="C5" s="144" t="s">
        <v>43</v>
      </c>
      <c r="D5" s="145" t="s">
        <v>44</v>
      </c>
      <c r="E5" s="146" t="s">
        <v>45</v>
      </c>
      <c r="F5" s="147" t="s">
        <v>83</v>
      </c>
      <c r="G5" s="145" t="s">
        <v>47</v>
      </c>
      <c r="H5" s="145" t="s">
        <v>48</v>
      </c>
      <c r="I5" s="145" t="s">
        <v>49</v>
      </c>
      <c r="J5" s="145" t="s">
        <v>50</v>
      </c>
      <c r="K5" s="145" t="s">
        <v>51</v>
      </c>
      <c r="L5" s="148" t="s">
        <v>45</v>
      </c>
      <c r="M5" s="447"/>
      <c r="N5" s="144" t="s">
        <v>43</v>
      </c>
      <c r="O5" s="145" t="s">
        <v>44</v>
      </c>
      <c r="P5" s="149" t="s">
        <v>45</v>
      </c>
      <c r="Q5" s="147" t="s">
        <v>83</v>
      </c>
      <c r="R5" s="145" t="s">
        <v>47</v>
      </c>
      <c r="S5" s="145" t="s">
        <v>48</v>
      </c>
      <c r="T5" s="145" t="s">
        <v>49</v>
      </c>
      <c r="U5" s="145" t="s">
        <v>50</v>
      </c>
      <c r="V5" s="145" t="s">
        <v>51</v>
      </c>
      <c r="W5" s="149" t="s">
        <v>45</v>
      </c>
      <c r="X5" s="447"/>
      <c r="Y5" s="144" t="s">
        <v>43</v>
      </c>
      <c r="Z5" s="145" t="s">
        <v>44</v>
      </c>
      <c r="AA5" s="149" t="s">
        <v>45</v>
      </c>
      <c r="AB5" s="147" t="s">
        <v>83</v>
      </c>
      <c r="AC5" s="145" t="s">
        <v>47</v>
      </c>
      <c r="AD5" s="145" t="s">
        <v>48</v>
      </c>
      <c r="AE5" s="145" t="s">
        <v>49</v>
      </c>
      <c r="AF5" s="145" t="s">
        <v>50</v>
      </c>
      <c r="AG5" s="145" t="s">
        <v>51</v>
      </c>
      <c r="AH5" s="149" t="s">
        <v>45</v>
      </c>
      <c r="AI5" s="447"/>
      <c r="AJ5" s="144" t="s">
        <v>43</v>
      </c>
      <c r="AK5" s="145" t="s">
        <v>44</v>
      </c>
      <c r="AL5" s="149" t="s">
        <v>45</v>
      </c>
      <c r="AM5" s="147" t="s">
        <v>83</v>
      </c>
      <c r="AN5" s="145" t="s">
        <v>47</v>
      </c>
      <c r="AO5" s="145" t="s">
        <v>48</v>
      </c>
      <c r="AP5" s="145" t="s">
        <v>49</v>
      </c>
      <c r="AQ5" s="145" t="s">
        <v>50</v>
      </c>
      <c r="AR5" s="145" t="s">
        <v>51</v>
      </c>
      <c r="AS5" s="149" t="s">
        <v>45</v>
      </c>
      <c r="AT5" s="447"/>
      <c r="AU5" s="144" t="s">
        <v>43</v>
      </c>
      <c r="AV5" s="145" t="s">
        <v>44</v>
      </c>
      <c r="AW5" s="149" t="s">
        <v>45</v>
      </c>
      <c r="AX5" s="147" t="s">
        <v>83</v>
      </c>
      <c r="AY5" s="145" t="s">
        <v>47</v>
      </c>
      <c r="AZ5" s="145" t="s">
        <v>48</v>
      </c>
      <c r="BA5" s="145" t="s">
        <v>49</v>
      </c>
      <c r="BB5" s="145" t="s">
        <v>50</v>
      </c>
      <c r="BC5" s="145" t="s">
        <v>51</v>
      </c>
      <c r="BD5" s="148" t="s">
        <v>45</v>
      </c>
      <c r="BE5" s="447"/>
      <c r="BF5" s="144" t="s">
        <v>43</v>
      </c>
      <c r="BG5" s="145" t="s">
        <v>44</v>
      </c>
      <c r="BH5" s="149" t="s">
        <v>45</v>
      </c>
      <c r="BI5" s="147" t="s">
        <v>83</v>
      </c>
      <c r="BJ5" s="145" t="s">
        <v>47</v>
      </c>
      <c r="BK5" s="145" t="s">
        <v>48</v>
      </c>
      <c r="BL5" s="145" t="s">
        <v>49</v>
      </c>
      <c r="BM5" s="145" t="s">
        <v>50</v>
      </c>
      <c r="BN5" s="145" t="s">
        <v>51</v>
      </c>
      <c r="BO5" s="149" t="s">
        <v>45</v>
      </c>
      <c r="BP5" s="447"/>
      <c r="BQ5" s="144" t="s">
        <v>43</v>
      </c>
      <c r="BR5" s="145" t="s">
        <v>44</v>
      </c>
      <c r="BS5" s="149" t="s">
        <v>45</v>
      </c>
      <c r="BT5" s="147" t="s">
        <v>83</v>
      </c>
      <c r="BU5" s="145" t="s">
        <v>47</v>
      </c>
      <c r="BV5" s="145" t="s">
        <v>48</v>
      </c>
      <c r="BW5" s="145" t="s">
        <v>49</v>
      </c>
      <c r="BX5" s="145" t="s">
        <v>50</v>
      </c>
      <c r="BY5" s="145" t="s">
        <v>51</v>
      </c>
      <c r="BZ5" s="149" t="s">
        <v>45</v>
      </c>
      <c r="CA5" s="447"/>
      <c r="CB5" s="144" t="s">
        <v>43</v>
      </c>
      <c r="CC5" s="145" t="s">
        <v>44</v>
      </c>
      <c r="CD5" s="149" t="s">
        <v>45</v>
      </c>
      <c r="CE5" s="147" t="s">
        <v>83</v>
      </c>
      <c r="CF5" s="145" t="s">
        <v>47</v>
      </c>
      <c r="CG5" s="145" t="s">
        <v>48</v>
      </c>
      <c r="CH5" s="145" t="s">
        <v>49</v>
      </c>
      <c r="CI5" s="145" t="s">
        <v>50</v>
      </c>
      <c r="CJ5" s="145" t="s">
        <v>51</v>
      </c>
      <c r="CK5" s="149" t="s">
        <v>45</v>
      </c>
      <c r="CL5" s="447"/>
      <c r="CM5" s="144" t="s">
        <v>43</v>
      </c>
      <c r="CN5" s="145" t="s">
        <v>44</v>
      </c>
      <c r="CO5" s="149" t="s">
        <v>45</v>
      </c>
      <c r="CP5" s="147" t="s">
        <v>83</v>
      </c>
      <c r="CQ5" s="145" t="s">
        <v>47</v>
      </c>
      <c r="CR5" s="145" t="s">
        <v>48</v>
      </c>
      <c r="CS5" s="145" t="s">
        <v>49</v>
      </c>
      <c r="CT5" s="145" t="s">
        <v>50</v>
      </c>
      <c r="CU5" s="145" t="s">
        <v>51</v>
      </c>
      <c r="CV5" s="149" t="s">
        <v>45</v>
      </c>
      <c r="CW5" s="447"/>
      <c r="CX5" s="144" t="s">
        <v>43</v>
      </c>
      <c r="CY5" s="145" t="s">
        <v>44</v>
      </c>
      <c r="CZ5" s="149" t="s">
        <v>45</v>
      </c>
      <c r="DA5" s="147" t="s">
        <v>83</v>
      </c>
      <c r="DB5" s="145" t="s">
        <v>47</v>
      </c>
      <c r="DC5" s="145" t="s">
        <v>48</v>
      </c>
      <c r="DD5" s="145" t="s">
        <v>49</v>
      </c>
      <c r="DE5" s="145" t="s">
        <v>50</v>
      </c>
      <c r="DF5" s="145" t="s">
        <v>51</v>
      </c>
      <c r="DG5" s="149" t="s">
        <v>45</v>
      </c>
      <c r="DH5" s="447"/>
      <c r="DI5" s="144" t="s">
        <v>43</v>
      </c>
      <c r="DJ5" s="145" t="s">
        <v>44</v>
      </c>
      <c r="DK5" s="149" t="s">
        <v>45</v>
      </c>
      <c r="DL5" s="147" t="s">
        <v>83</v>
      </c>
      <c r="DM5" s="145" t="s">
        <v>47</v>
      </c>
      <c r="DN5" s="145" t="s">
        <v>48</v>
      </c>
      <c r="DO5" s="145" t="s">
        <v>49</v>
      </c>
      <c r="DP5" s="145" t="s">
        <v>50</v>
      </c>
      <c r="DQ5" s="145" t="s">
        <v>51</v>
      </c>
      <c r="DR5" s="149" t="s">
        <v>45</v>
      </c>
      <c r="DS5" s="447"/>
      <c r="DT5" s="144" t="s">
        <v>43</v>
      </c>
      <c r="DU5" s="145" t="s">
        <v>44</v>
      </c>
      <c r="DV5" s="149" t="s">
        <v>45</v>
      </c>
      <c r="DW5" s="147" t="s">
        <v>83</v>
      </c>
      <c r="DX5" s="145" t="s">
        <v>47</v>
      </c>
      <c r="DY5" s="145" t="s">
        <v>48</v>
      </c>
      <c r="DZ5" s="145" t="s">
        <v>49</v>
      </c>
      <c r="EA5" s="145" t="s">
        <v>50</v>
      </c>
      <c r="EB5" s="145" t="s">
        <v>51</v>
      </c>
      <c r="EC5" s="149" t="s">
        <v>45</v>
      </c>
      <c r="ED5" s="447"/>
      <c r="EE5" s="144" t="s">
        <v>43</v>
      </c>
      <c r="EF5" s="145" t="s">
        <v>44</v>
      </c>
      <c r="EG5" s="149" t="s">
        <v>45</v>
      </c>
      <c r="EH5" s="147" t="s">
        <v>83</v>
      </c>
      <c r="EI5" s="145" t="s">
        <v>47</v>
      </c>
      <c r="EJ5" s="145" t="s">
        <v>48</v>
      </c>
      <c r="EK5" s="145" t="s">
        <v>49</v>
      </c>
      <c r="EL5" s="145" t="s">
        <v>50</v>
      </c>
      <c r="EM5" s="145" t="s">
        <v>51</v>
      </c>
      <c r="EN5" s="149" t="s">
        <v>45</v>
      </c>
      <c r="EO5" s="447"/>
      <c r="EP5" s="144" t="s">
        <v>43</v>
      </c>
      <c r="EQ5" s="145" t="s">
        <v>44</v>
      </c>
      <c r="ER5" s="149" t="s">
        <v>45</v>
      </c>
      <c r="ES5" s="147" t="s">
        <v>83</v>
      </c>
      <c r="ET5" s="145" t="s">
        <v>47</v>
      </c>
      <c r="EU5" s="145" t="s">
        <v>48</v>
      </c>
      <c r="EV5" s="145" t="s">
        <v>49</v>
      </c>
      <c r="EW5" s="145" t="s">
        <v>50</v>
      </c>
      <c r="EX5" s="145" t="s">
        <v>51</v>
      </c>
      <c r="EY5" s="149" t="s">
        <v>45</v>
      </c>
      <c r="EZ5" s="447"/>
    </row>
    <row r="6" spans="2:156" ht="21" customHeight="1" x14ac:dyDescent="0.2">
      <c r="B6" s="150" t="s">
        <v>4</v>
      </c>
      <c r="C6" s="151">
        <v>0</v>
      </c>
      <c r="D6" s="152">
        <v>0</v>
      </c>
      <c r="E6" s="153">
        <v>0</v>
      </c>
      <c r="F6" s="154">
        <v>0</v>
      </c>
      <c r="G6" s="152">
        <v>19407</v>
      </c>
      <c r="H6" s="152">
        <v>24021</v>
      </c>
      <c r="I6" s="152">
        <v>13062</v>
      </c>
      <c r="J6" s="152">
        <v>10341</v>
      </c>
      <c r="K6" s="152">
        <v>7726</v>
      </c>
      <c r="L6" s="155">
        <v>74557</v>
      </c>
      <c r="M6" s="156">
        <v>74557</v>
      </c>
      <c r="N6" s="151">
        <v>4</v>
      </c>
      <c r="O6" s="152">
        <v>19</v>
      </c>
      <c r="P6" s="157">
        <v>23</v>
      </c>
      <c r="Q6" s="154">
        <v>0</v>
      </c>
      <c r="R6" s="152">
        <v>82</v>
      </c>
      <c r="S6" s="152">
        <v>373</v>
      </c>
      <c r="T6" s="152">
        <v>712</v>
      </c>
      <c r="U6" s="152">
        <v>1934</v>
      </c>
      <c r="V6" s="152">
        <v>3311</v>
      </c>
      <c r="W6" s="157">
        <v>6412</v>
      </c>
      <c r="X6" s="156">
        <v>6435</v>
      </c>
      <c r="Y6" s="151">
        <v>2636</v>
      </c>
      <c r="Z6" s="152">
        <v>6660</v>
      </c>
      <c r="AA6" s="157">
        <v>9296</v>
      </c>
      <c r="AB6" s="154">
        <v>0</v>
      </c>
      <c r="AC6" s="152">
        <v>13451</v>
      </c>
      <c r="AD6" s="152">
        <v>19237</v>
      </c>
      <c r="AE6" s="152">
        <v>11055</v>
      </c>
      <c r="AF6" s="152">
        <v>9054</v>
      </c>
      <c r="AG6" s="152">
        <v>6746</v>
      </c>
      <c r="AH6" s="157">
        <v>59543</v>
      </c>
      <c r="AI6" s="156">
        <v>68839</v>
      </c>
      <c r="AJ6" s="151">
        <v>285</v>
      </c>
      <c r="AK6" s="152">
        <v>843</v>
      </c>
      <c r="AL6" s="157">
        <v>1128</v>
      </c>
      <c r="AM6" s="154">
        <v>0</v>
      </c>
      <c r="AN6" s="152">
        <v>1127</v>
      </c>
      <c r="AO6" s="152">
        <v>1754</v>
      </c>
      <c r="AP6" s="152">
        <v>1087</v>
      </c>
      <c r="AQ6" s="152">
        <v>850</v>
      </c>
      <c r="AR6" s="152">
        <v>603</v>
      </c>
      <c r="AS6" s="157">
        <v>5421</v>
      </c>
      <c r="AT6" s="156">
        <v>6549</v>
      </c>
      <c r="AU6" s="151">
        <v>3155</v>
      </c>
      <c r="AV6" s="152">
        <v>4553</v>
      </c>
      <c r="AW6" s="157">
        <v>7708</v>
      </c>
      <c r="AX6" s="154">
        <v>0</v>
      </c>
      <c r="AY6" s="152">
        <v>20413</v>
      </c>
      <c r="AZ6" s="152">
        <v>26141</v>
      </c>
      <c r="BA6" s="152">
        <v>21657</v>
      </c>
      <c r="BB6" s="152">
        <v>20902</v>
      </c>
      <c r="BC6" s="152">
        <v>15502</v>
      </c>
      <c r="BD6" s="155">
        <v>104615</v>
      </c>
      <c r="BE6" s="156">
        <v>112323</v>
      </c>
      <c r="BF6" s="151">
        <v>0</v>
      </c>
      <c r="BG6" s="152">
        <v>0</v>
      </c>
      <c r="BH6" s="157">
        <v>0</v>
      </c>
      <c r="BI6" s="154">
        <v>0</v>
      </c>
      <c r="BJ6" s="152">
        <v>23056</v>
      </c>
      <c r="BK6" s="152">
        <v>22029</v>
      </c>
      <c r="BL6" s="152">
        <v>11286</v>
      </c>
      <c r="BM6" s="152">
        <v>6355</v>
      </c>
      <c r="BN6" s="152">
        <v>3029</v>
      </c>
      <c r="BO6" s="157">
        <v>65755</v>
      </c>
      <c r="BP6" s="156">
        <v>65755</v>
      </c>
      <c r="BQ6" s="151">
        <v>1812</v>
      </c>
      <c r="BR6" s="152">
        <v>2826</v>
      </c>
      <c r="BS6" s="157">
        <v>4638</v>
      </c>
      <c r="BT6" s="154">
        <v>0</v>
      </c>
      <c r="BU6" s="152">
        <v>4624</v>
      </c>
      <c r="BV6" s="152">
        <v>6651</v>
      </c>
      <c r="BW6" s="152">
        <v>3780</v>
      </c>
      <c r="BX6" s="152">
        <v>2302</v>
      </c>
      <c r="BY6" s="152">
        <v>844</v>
      </c>
      <c r="BZ6" s="157">
        <v>18201</v>
      </c>
      <c r="CA6" s="156">
        <v>22839</v>
      </c>
      <c r="CB6" s="151">
        <v>68</v>
      </c>
      <c r="CC6" s="152">
        <v>253</v>
      </c>
      <c r="CD6" s="157">
        <v>321</v>
      </c>
      <c r="CE6" s="154">
        <v>0</v>
      </c>
      <c r="CF6" s="152">
        <v>2316</v>
      </c>
      <c r="CG6" s="152">
        <v>3909</v>
      </c>
      <c r="CH6" s="152">
        <v>4652</v>
      </c>
      <c r="CI6" s="152">
        <v>3122</v>
      </c>
      <c r="CJ6" s="152">
        <v>1837</v>
      </c>
      <c r="CK6" s="157">
        <v>15836</v>
      </c>
      <c r="CL6" s="156">
        <v>16157</v>
      </c>
      <c r="CM6" s="151">
        <v>4</v>
      </c>
      <c r="CN6" s="152">
        <v>24</v>
      </c>
      <c r="CO6" s="157">
        <v>28</v>
      </c>
      <c r="CP6" s="154">
        <v>0</v>
      </c>
      <c r="CQ6" s="152">
        <v>228</v>
      </c>
      <c r="CR6" s="152">
        <v>515</v>
      </c>
      <c r="CS6" s="152">
        <v>579</v>
      </c>
      <c r="CT6" s="152">
        <v>518</v>
      </c>
      <c r="CU6" s="152">
        <v>367</v>
      </c>
      <c r="CV6" s="157">
        <v>2207</v>
      </c>
      <c r="CW6" s="156">
        <v>2235</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1</v>
      </c>
      <c r="DN6" s="152">
        <v>0</v>
      </c>
      <c r="DO6" s="152">
        <v>0</v>
      </c>
      <c r="DP6" s="152">
        <v>0</v>
      </c>
      <c r="DQ6" s="152">
        <v>0</v>
      </c>
      <c r="DR6" s="157">
        <v>1</v>
      </c>
      <c r="DS6" s="156">
        <v>1</v>
      </c>
      <c r="DT6" s="151">
        <v>11911</v>
      </c>
      <c r="DU6" s="152">
        <v>25487</v>
      </c>
      <c r="DV6" s="157">
        <v>37398</v>
      </c>
      <c r="DW6" s="154">
        <v>0</v>
      </c>
      <c r="DX6" s="152">
        <v>28710</v>
      </c>
      <c r="DY6" s="152">
        <v>49013</v>
      </c>
      <c r="DZ6" s="152">
        <v>27482</v>
      </c>
      <c r="EA6" s="152">
        <v>20786</v>
      </c>
      <c r="EB6" s="152">
        <v>13280</v>
      </c>
      <c r="EC6" s="157">
        <v>139271</v>
      </c>
      <c r="ED6" s="156">
        <v>176669</v>
      </c>
      <c r="EE6" s="151">
        <v>1630</v>
      </c>
      <c r="EF6" s="152">
        <v>1328</v>
      </c>
      <c r="EG6" s="157">
        <v>2958</v>
      </c>
      <c r="EH6" s="154">
        <v>0</v>
      </c>
      <c r="EI6" s="152">
        <v>6426</v>
      </c>
      <c r="EJ6" s="152">
        <v>6115</v>
      </c>
      <c r="EK6" s="152">
        <v>5097</v>
      </c>
      <c r="EL6" s="152">
        <v>5710</v>
      </c>
      <c r="EM6" s="152">
        <v>3259</v>
      </c>
      <c r="EN6" s="157">
        <v>26607</v>
      </c>
      <c r="EO6" s="156">
        <v>29565</v>
      </c>
      <c r="EP6" s="151">
        <v>15402</v>
      </c>
      <c r="EQ6" s="152">
        <v>30577</v>
      </c>
      <c r="ER6" s="157">
        <v>45979</v>
      </c>
      <c r="ES6" s="154">
        <v>0</v>
      </c>
      <c r="ET6" s="152">
        <v>59862</v>
      </c>
      <c r="EU6" s="152">
        <v>64702</v>
      </c>
      <c r="EV6" s="152">
        <v>32614</v>
      </c>
      <c r="EW6" s="152">
        <v>22314</v>
      </c>
      <c r="EX6" s="152">
        <v>13571</v>
      </c>
      <c r="EY6" s="157">
        <v>193063</v>
      </c>
      <c r="EZ6" s="156">
        <v>239042</v>
      </c>
    </row>
    <row r="7" spans="2:156" ht="21" customHeight="1" x14ac:dyDescent="0.2">
      <c r="B7" s="158" t="s">
        <v>5</v>
      </c>
      <c r="C7" s="159">
        <v>0</v>
      </c>
      <c r="D7" s="160">
        <v>0</v>
      </c>
      <c r="E7" s="161">
        <v>0</v>
      </c>
      <c r="F7" s="162">
        <v>0</v>
      </c>
      <c r="G7" s="160">
        <v>6819</v>
      </c>
      <c r="H7" s="160">
        <v>11740</v>
      </c>
      <c r="I7" s="160">
        <v>5710</v>
      </c>
      <c r="J7" s="160">
        <v>4202</v>
      </c>
      <c r="K7" s="160">
        <v>3095</v>
      </c>
      <c r="L7" s="163">
        <v>31566</v>
      </c>
      <c r="M7" s="164">
        <v>31566</v>
      </c>
      <c r="N7" s="159">
        <v>2</v>
      </c>
      <c r="O7" s="160">
        <v>11</v>
      </c>
      <c r="P7" s="165">
        <v>13</v>
      </c>
      <c r="Q7" s="162">
        <v>0</v>
      </c>
      <c r="R7" s="160">
        <v>21</v>
      </c>
      <c r="S7" s="160">
        <v>144</v>
      </c>
      <c r="T7" s="160">
        <v>281</v>
      </c>
      <c r="U7" s="160">
        <v>792</v>
      </c>
      <c r="V7" s="160">
        <v>1481</v>
      </c>
      <c r="W7" s="165">
        <v>2719</v>
      </c>
      <c r="X7" s="164">
        <v>2732</v>
      </c>
      <c r="Y7" s="159">
        <v>1094</v>
      </c>
      <c r="Z7" s="160">
        <v>3489</v>
      </c>
      <c r="AA7" s="165">
        <v>4583</v>
      </c>
      <c r="AB7" s="162">
        <v>0</v>
      </c>
      <c r="AC7" s="160">
        <v>4806</v>
      </c>
      <c r="AD7" s="160">
        <v>9731</v>
      </c>
      <c r="AE7" s="160">
        <v>5188</v>
      </c>
      <c r="AF7" s="160">
        <v>4016</v>
      </c>
      <c r="AG7" s="160">
        <v>2827</v>
      </c>
      <c r="AH7" s="165">
        <v>26568</v>
      </c>
      <c r="AI7" s="164">
        <v>31151</v>
      </c>
      <c r="AJ7" s="159">
        <v>108</v>
      </c>
      <c r="AK7" s="160">
        <v>400</v>
      </c>
      <c r="AL7" s="165">
        <v>508</v>
      </c>
      <c r="AM7" s="162">
        <v>0</v>
      </c>
      <c r="AN7" s="160">
        <v>288</v>
      </c>
      <c r="AO7" s="160">
        <v>748</v>
      </c>
      <c r="AP7" s="160">
        <v>481</v>
      </c>
      <c r="AQ7" s="160">
        <v>355</v>
      </c>
      <c r="AR7" s="160">
        <v>252</v>
      </c>
      <c r="AS7" s="165">
        <v>2124</v>
      </c>
      <c r="AT7" s="164">
        <v>2632</v>
      </c>
      <c r="AU7" s="159">
        <v>1225</v>
      </c>
      <c r="AV7" s="160">
        <v>2289</v>
      </c>
      <c r="AW7" s="165">
        <v>3514</v>
      </c>
      <c r="AX7" s="162">
        <v>0</v>
      </c>
      <c r="AY7" s="160">
        <v>7330</v>
      </c>
      <c r="AZ7" s="160">
        <v>11481</v>
      </c>
      <c r="BA7" s="160">
        <v>8823</v>
      </c>
      <c r="BB7" s="160">
        <v>8447</v>
      </c>
      <c r="BC7" s="160">
        <v>6249</v>
      </c>
      <c r="BD7" s="163">
        <v>42330</v>
      </c>
      <c r="BE7" s="164">
        <v>45844</v>
      </c>
      <c r="BF7" s="159">
        <v>0</v>
      </c>
      <c r="BG7" s="160">
        <v>0</v>
      </c>
      <c r="BH7" s="165">
        <v>0</v>
      </c>
      <c r="BI7" s="162">
        <v>0</v>
      </c>
      <c r="BJ7" s="160">
        <v>7277</v>
      </c>
      <c r="BK7" s="160">
        <v>9139</v>
      </c>
      <c r="BL7" s="160">
        <v>4237</v>
      </c>
      <c r="BM7" s="160">
        <v>2294</v>
      </c>
      <c r="BN7" s="160">
        <v>1084</v>
      </c>
      <c r="BO7" s="165">
        <v>24031</v>
      </c>
      <c r="BP7" s="164">
        <v>24031</v>
      </c>
      <c r="BQ7" s="159">
        <v>767</v>
      </c>
      <c r="BR7" s="160">
        <v>1274</v>
      </c>
      <c r="BS7" s="165">
        <v>2041</v>
      </c>
      <c r="BT7" s="162">
        <v>0</v>
      </c>
      <c r="BU7" s="160">
        <v>1381</v>
      </c>
      <c r="BV7" s="160">
        <v>3032</v>
      </c>
      <c r="BW7" s="160">
        <v>1678</v>
      </c>
      <c r="BX7" s="160">
        <v>1007</v>
      </c>
      <c r="BY7" s="160">
        <v>353</v>
      </c>
      <c r="BZ7" s="165">
        <v>7451</v>
      </c>
      <c r="CA7" s="164">
        <v>9492</v>
      </c>
      <c r="CB7" s="159">
        <v>27</v>
      </c>
      <c r="CC7" s="160">
        <v>99</v>
      </c>
      <c r="CD7" s="165">
        <v>126</v>
      </c>
      <c r="CE7" s="162">
        <v>0</v>
      </c>
      <c r="CF7" s="160">
        <v>676</v>
      </c>
      <c r="CG7" s="160">
        <v>1462</v>
      </c>
      <c r="CH7" s="160">
        <v>1734</v>
      </c>
      <c r="CI7" s="160">
        <v>1099</v>
      </c>
      <c r="CJ7" s="160">
        <v>681</v>
      </c>
      <c r="CK7" s="165">
        <v>5652</v>
      </c>
      <c r="CL7" s="164">
        <v>5778</v>
      </c>
      <c r="CM7" s="159">
        <v>3</v>
      </c>
      <c r="CN7" s="160">
        <v>17</v>
      </c>
      <c r="CO7" s="165">
        <v>20</v>
      </c>
      <c r="CP7" s="162">
        <v>0</v>
      </c>
      <c r="CQ7" s="160">
        <v>96</v>
      </c>
      <c r="CR7" s="160">
        <v>303</v>
      </c>
      <c r="CS7" s="160">
        <v>343</v>
      </c>
      <c r="CT7" s="160">
        <v>304</v>
      </c>
      <c r="CU7" s="160">
        <v>205</v>
      </c>
      <c r="CV7" s="165">
        <v>1251</v>
      </c>
      <c r="CW7" s="164">
        <v>1271</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3897</v>
      </c>
      <c r="DU7" s="160">
        <v>10894</v>
      </c>
      <c r="DV7" s="165">
        <v>14791</v>
      </c>
      <c r="DW7" s="162">
        <v>0</v>
      </c>
      <c r="DX7" s="160">
        <v>8166</v>
      </c>
      <c r="DY7" s="160">
        <v>21976</v>
      </c>
      <c r="DZ7" s="160">
        <v>11323</v>
      </c>
      <c r="EA7" s="160">
        <v>8319</v>
      </c>
      <c r="EB7" s="160">
        <v>5365</v>
      </c>
      <c r="EC7" s="165">
        <v>55149</v>
      </c>
      <c r="ED7" s="164">
        <v>69940</v>
      </c>
      <c r="EE7" s="159">
        <v>652</v>
      </c>
      <c r="EF7" s="160">
        <v>652</v>
      </c>
      <c r="EG7" s="165">
        <v>1304</v>
      </c>
      <c r="EH7" s="162">
        <v>0</v>
      </c>
      <c r="EI7" s="160">
        <v>2564</v>
      </c>
      <c r="EJ7" s="160">
        <v>2897</v>
      </c>
      <c r="EK7" s="160">
        <v>2224</v>
      </c>
      <c r="EL7" s="160">
        <v>2523</v>
      </c>
      <c r="EM7" s="160">
        <v>1348</v>
      </c>
      <c r="EN7" s="165">
        <v>11556</v>
      </c>
      <c r="EO7" s="164">
        <v>12860</v>
      </c>
      <c r="EP7" s="159">
        <v>5401</v>
      </c>
      <c r="EQ7" s="160">
        <v>13523</v>
      </c>
      <c r="ER7" s="165">
        <v>18924</v>
      </c>
      <c r="ES7" s="162">
        <v>0</v>
      </c>
      <c r="ET7" s="160">
        <v>19620</v>
      </c>
      <c r="EU7" s="160">
        <v>29485</v>
      </c>
      <c r="EV7" s="160">
        <v>13650</v>
      </c>
      <c r="EW7" s="160">
        <v>9017</v>
      </c>
      <c r="EX7" s="160">
        <v>5549</v>
      </c>
      <c r="EY7" s="165">
        <v>77321</v>
      </c>
      <c r="EZ7" s="164">
        <v>96245</v>
      </c>
    </row>
    <row r="8" spans="2:156" ht="21" customHeight="1" x14ac:dyDescent="0.2">
      <c r="B8" s="166" t="s">
        <v>6</v>
      </c>
      <c r="C8" s="159">
        <v>0</v>
      </c>
      <c r="D8" s="160">
        <v>0</v>
      </c>
      <c r="E8" s="161">
        <v>0</v>
      </c>
      <c r="F8" s="162">
        <v>0</v>
      </c>
      <c r="G8" s="160">
        <v>3400</v>
      </c>
      <c r="H8" s="160">
        <v>3270</v>
      </c>
      <c r="I8" s="160">
        <v>1808</v>
      </c>
      <c r="J8" s="160">
        <v>1556</v>
      </c>
      <c r="K8" s="160">
        <v>1203</v>
      </c>
      <c r="L8" s="163">
        <v>11237</v>
      </c>
      <c r="M8" s="164">
        <v>11237</v>
      </c>
      <c r="N8" s="159">
        <v>2</v>
      </c>
      <c r="O8" s="160">
        <v>1</v>
      </c>
      <c r="P8" s="165">
        <v>3</v>
      </c>
      <c r="Q8" s="162">
        <v>0</v>
      </c>
      <c r="R8" s="160">
        <v>13</v>
      </c>
      <c r="S8" s="160">
        <v>40</v>
      </c>
      <c r="T8" s="160">
        <v>112</v>
      </c>
      <c r="U8" s="160">
        <v>282</v>
      </c>
      <c r="V8" s="160">
        <v>493</v>
      </c>
      <c r="W8" s="165">
        <v>940</v>
      </c>
      <c r="X8" s="164">
        <v>943</v>
      </c>
      <c r="Y8" s="159">
        <v>435</v>
      </c>
      <c r="Z8" s="160">
        <v>842</v>
      </c>
      <c r="AA8" s="165">
        <v>1277</v>
      </c>
      <c r="AB8" s="162">
        <v>0</v>
      </c>
      <c r="AC8" s="160">
        <v>2523</v>
      </c>
      <c r="AD8" s="160">
        <v>2600</v>
      </c>
      <c r="AE8" s="160">
        <v>1459</v>
      </c>
      <c r="AF8" s="160">
        <v>1221</v>
      </c>
      <c r="AG8" s="160">
        <v>974</v>
      </c>
      <c r="AH8" s="165">
        <v>8777</v>
      </c>
      <c r="AI8" s="164">
        <v>10054</v>
      </c>
      <c r="AJ8" s="159">
        <v>27</v>
      </c>
      <c r="AK8" s="160">
        <v>66</v>
      </c>
      <c r="AL8" s="165">
        <v>93</v>
      </c>
      <c r="AM8" s="162">
        <v>0</v>
      </c>
      <c r="AN8" s="160">
        <v>181</v>
      </c>
      <c r="AO8" s="160">
        <v>198</v>
      </c>
      <c r="AP8" s="160">
        <v>109</v>
      </c>
      <c r="AQ8" s="160">
        <v>110</v>
      </c>
      <c r="AR8" s="160">
        <v>69</v>
      </c>
      <c r="AS8" s="165">
        <v>667</v>
      </c>
      <c r="AT8" s="164">
        <v>760</v>
      </c>
      <c r="AU8" s="159">
        <v>545</v>
      </c>
      <c r="AV8" s="160">
        <v>611</v>
      </c>
      <c r="AW8" s="165">
        <v>1156</v>
      </c>
      <c r="AX8" s="162">
        <v>0</v>
      </c>
      <c r="AY8" s="160">
        <v>3775</v>
      </c>
      <c r="AZ8" s="160">
        <v>4237</v>
      </c>
      <c r="BA8" s="160">
        <v>3464</v>
      </c>
      <c r="BB8" s="160">
        <v>3336</v>
      </c>
      <c r="BC8" s="160">
        <v>2590</v>
      </c>
      <c r="BD8" s="163">
        <v>17402</v>
      </c>
      <c r="BE8" s="164">
        <v>18558</v>
      </c>
      <c r="BF8" s="159">
        <v>0</v>
      </c>
      <c r="BG8" s="160">
        <v>0</v>
      </c>
      <c r="BH8" s="165">
        <v>0</v>
      </c>
      <c r="BI8" s="162">
        <v>0</v>
      </c>
      <c r="BJ8" s="160">
        <v>3931</v>
      </c>
      <c r="BK8" s="160">
        <v>3122</v>
      </c>
      <c r="BL8" s="160">
        <v>1604</v>
      </c>
      <c r="BM8" s="160">
        <v>945</v>
      </c>
      <c r="BN8" s="160">
        <v>455</v>
      </c>
      <c r="BO8" s="165">
        <v>10057</v>
      </c>
      <c r="BP8" s="164">
        <v>10057</v>
      </c>
      <c r="BQ8" s="159">
        <v>126</v>
      </c>
      <c r="BR8" s="160">
        <v>219</v>
      </c>
      <c r="BS8" s="165">
        <v>345</v>
      </c>
      <c r="BT8" s="162">
        <v>0</v>
      </c>
      <c r="BU8" s="160">
        <v>658</v>
      </c>
      <c r="BV8" s="160">
        <v>740</v>
      </c>
      <c r="BW8" s="160">
        <v>464</v>
      </c>
      <c r="BX8" s="160">
        <v>295</v>
      </c>
      <c r="BY8" s="160">
        <v>127</v>
      </c>
      <c r="BZ8" s="165">
        <v>2284</v>
      </c>
      <c r="CA8" s="164">
        <v>2629</v>
      </c>
      <c r="CB8" s="159">
        <v>2</v>
      </c>
      <c r="CC8" s="160">
        <v>18</v>
      </c>
      <c r="CD8" s="165">
        <v>20</v>
      </c>
      <c r="CE8" s="162">
        <v>0</v>
      </c>
      <c r="CF8" s="160">
        <v>277</v>
      </c>
      <c r="CG8" s="160">
        <v>472</v>
      </c>
      <c r="CH8" s="160">
        <v>555</v>
      </c>
      <c r="CI8" s="160">
        <v>392</v>
      </c>
      <c r="CJ8" s="160">
        <v>244</v>
      </c>
      <c r="CK8" s="165">
        <v>1940</v>
      </c>
      <c r="CL8" s="164">
        <v>1960</v>
      </c>
      <c r="CM8" s="159">
        <v>0</v>
      </c>
      <c r="CN8" s="160">
        <v>2</v>
      </c>
      <c r="CO8" s="165">
        <v>2</v>
      </c>
      <c r="CP8" s="162">
        <v>0</v>
      </c>
      <c r="CQ8" s="160">
        <v>23</v>
      </c>
      <c r="CR8" s="160">
        <v>71</v>
      </c>
      <c r="CS8" s="160">
        <v>61</v>
      </c>
      <c r="CT8" s="160">
        <v>66</v>
      </c>
      <c r="CU8" s="160">
        <v>53</v>
      </c>
      <c r="CV8" s="165">
        <v>274</v>
      </c>
      <c r="CW8" s="164">
        <v>276</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1758</v>
      </c>
      <c r="DU8" s="160">
        <v>3100</v>
      </c>
      <c r="DV8" s="165">
        <v>4858</v>
      </c>
      <c r="DW8" s="162">
        <v>0</v>
      </c>
      <c r="DX8" s="160">
        <v>5166</v>
      </c>
      <c r="DY8" s="160">
        <v>6474</v>
      </c>
      <c r="DZ8" s="160">
        <v>3815</v>
      </c>
      <c r="EA8" s="160">
        <v>3015</v>
      </c>
      <c r="EB8" s="160">
        <v>1982</v>
      </c>
      <c r="EC8" s="165">
        <v>20452</v>
      </c>
      <c r="ED8" s="164">
        <v>25310</v>
      </c>
      <c r="EE8" s="159">
        <v>247</v>
      </c>
      <c r="EF8" s="160">
        <v>152</v>
      </c>
      <c r="EG8" s="165">
        <v>399</v>
      </c>
      <c r="EH8" s="162">
        <v>0</v>
      </c>
      <c r="EI8" s="160">
        <v>963</v>
      </c>
      <c r="EJ8" s="160">
        <v>824</v>
      </c>
      <c r="EK8" s="160">
        <v>730</v>
      </c>
      <c r="EL8" s="160">
        <v>799</v>
      </c>
      <c r="EM8" s="160">
        <v>538</v>
      </c>
      <c r="EN8" s="165">
        <v>3854</v>
      </c>
      <c r="EO8" s="164">
        <v>4253</v>
      </c>
      <c r="EP8" s="159">
        <v>2156</v>
      </c>
      <c r="EQ8" s="160">
        <v>3627</v>
      </c>
      <c r="ER8" s="165">
        <v>5783</v>
      </c>
      <c r="ES8" s="162">
        <v>0</v>
      </c>
      <c r="ET8" s="160">
        <v>9786</v>
      </c>
      <c r="EU8" s="160">
        <v>8372</v>
      </c>
      <c r="EV8" s="160">
        <v>4340</v>
      </c>
      <c r="EW8" s="160">
        <v>3178</v>
      </c>
      <c r="EX8" s="160">
        <v>2021</v>
      </c>
      <c r="EY8" s="165">
        <v>27697</v>
      </c>
      <c r="EZ8" s="164">
        <v>33480</v>
      </c>
    </row>
    <row r="9" spans="2:156" ht="21" customHeight="1" x14ac:dyDescent="0.2">
      <c r="B9" s="166" t="s">
        <v>14</v>
      </c>
      <c r="C9" s="159">
        <v>0</v>
      </c>
      <c r="D9" s="160">
        <v>0</v>
      </c>
      <c r="E9" s="161">
        <v>0</v>
      </c>
      <c r="F9" s="162">
        <v>0</v>
      </c>
      <c r="G9" s="160">
        <v>1208</v>
      </c>
      <c r="H9" s="160">
        <v>1805</v>
      </c>
      <c r="I9" s="160">
        <v>1095</v>
      </c>
      <c r="J9" s="160">
        <v>807</v>
      </c>
      <c r="K9" s="160">
        <v>557</v>
      </c>
      <c r="L9" s="163">
        <v>5472</v>
      </c>
      <c r="M9" s="164">
        <v>5472</v>
      </c>
      <c r="N9" s="159">
        <v>0</v>
      </c>
      <c r="O9" s="160">
        <v>1</v>
      </c>
      <c r="P9" s="165">
        <v>1</v>
      </c>
      <c r="Q9" s="162">
        <v>0</v>
      </c>
      <c r="R9" s="160">
        <v>1</v>
      </c>
      <c r="S9" s="160">
        <v>22</v>
      </c>
      <c r="T9" s="160">
        <v>49</v>
      </c>
      <c r="U9" s="160">
        <v>151</v>
      </c>
      <c r="V9" s="160">
        <v>214</v>
      </c>
      <c r="W9" s="165">
        <v>437</v>
      </c>
      <c r="X9" s="164">
        <v>438</v>
      </c>
      <c r="Y9" s="159">
        <v>124</v>
      </c>
      <c r="Z9" s="160">
        <v>446</v>
      </c>
      <c r="AA9" s="165">
        <v>570</v>
      </c>
      <c r="AB9" s="162">
        <v>0</v>
      </c>
      <c r="AC9" s="160">
        <v>797</v>
      </c>
      <c r="AD9" s="160">
        <v>1340</v>
      </c>
      <c r="AE9" s="160">
        <v>929</v>
      </c>
      <c r="AF9" s="160">
        <v>678</v>
      </c>
      <c r="AG9" s="160">
        <v>482</v>
      </c>
      <c r="AH9" s="165">
        <v>4226</v>
      </c>
      <c r="AI9" s="164">
        <v>4796</v>
      </c>
      <c r="AJ9" s="159">
        <v>8</v>
      </c>
      <c r="AK9" s="160">
        <v>33</v>
      </c>
      <c r="AL9" s="165">
        <v>41</v>
      </c>
      <c r="AM9" s="162">
        <v>0</v>
      </c>
      <c r="AN9" s="160">
        <v>14</v>
      </c>
      <c r="AO9" s="160">
        <v>65</v>
      </c>
      <c r="AP9" s="160">
        <v>40</v>
      </c>
      <c r="AQ9" s="160">
        <v>37</v>
      </c>
      <c r="AR9" s="160">
        <v>20</v>
      </c>
      <c r="AS9" s="165">
        <v>176</v>
      </c>
      <c r="AT9" s="164">
        <v>217</v>
      </c>
      <c r="AU9" s="159">
        <v>247</v>
      </c>
      <c r="AV9" s="160">
        <v>399</v>
      </c>
      <c r="AW9" s="165">
        <v>646</v>
      </c>
      <c r="AX9" s="162">
        <v>0</v>
      </c>
      <c r="AY9" s="160">
        <v>1429</v>
      </c>
      <c r="AZ9" s="160">
        <v>2081</v>
      </c>
      <c r="BA9" s="160">
        <v>1946</v>
      </c>
      <c r="BB9" s="160">
        <v>1641</v>
      </c>
      <c r="BC9" s="160">
        <v>1173</v>
      </c>
      <c r="BD9" s="163">
        <v>8270</v>
      </c>
      <c r="BE9" s="164">
        <v>8916</v>
      </c>
      <c r="BF9" s="159">
        <v>0</v>
      </c>
      <c r="BG9" s="160">
        <v>0</v>
      </c>
      <c r="BH9" s="165">
        <v>0</v>
      </c>
      <c r="BI9" s="162">
        <v>0</v>
      </c>
      <c r="BJ9" s="160">
        <v>1677</v>
      </c>
      <c r="BK9" s="160">
        <v>1980</v>
      </c>
      <c r="BL9" s="160">
        <v>1129</v>
      </c>
      <c r="BM9" s="160">
        <v>581</v>
      </c>
      <c r="BN9" s="160">
        <v>272</v>
      </c>
      <c r="BO9" s="165">
        <v>5639</v>
      </c>
      <c r="BP9" s="164">
        <v>5639</v>
      </c>
      <c r="BQ9" s="159">
        <v>90</v>
      </c>
      <c r="BR9" s="160">
        <v>168</v>
      </c>
      <c r="BS9" s="165">
        <v>258</v>
      </c>
      <c r="BT9" s="162">
        <v>0</v>
      </c>
      <c r="BU9" s="160">
        <v>146</v>
      </c>
      <c r="BV9" s="160">
        <v>396</v>
      </c>
      <c r="BW9" s="160">
        <v>262</v>
      </c>
      <c r="BX9" s="160">
        <v>128</v>
      </c>
      <c r="BY9" s="160">
        <v>54</v>
      </c>
      <c r="BZ9" s="165">
        <v>986</v>
      </c>
      <c r="CA9" s="164">
        <v>1244</v>
      </c>
      <c r="CB9" s="159">
        <v>2</v>
      </c>
      <c r="CC9" s="160">
        <v>20</v>
      </c>
      <c r="CD9" s="165">
        <v>22</v>
      </c>
      <c r="CE9" s="162">
        <v>0</v>
      </c>
      <c r="CF9" s="160">
        <v>112</v>
      </c>
      <c r="CG9" s="160">
        <v>300</v>
      </c>
      <c r="CH9" s="160">
        <v>405</v>
      </c>
      <c r="CI9" s="160">
        <v>288</v>
      </c>
      <c r="CJ9" s="160">
        <v>145</v>
      </c>
      <c r="CK9" s="165">
        <v>1250</v>
      </c>
      <c r="CL9" s="164">
        <v>1272</v>
      </c>
      <c r="CM9" s="159">
        <v>0</v>
      </c>
      <c r="CN9" s="160">
        <v>1</v>
      </c>
      <c r="CO9" s="165">
        <v>1</v>
      </c>
      <c r="CP9" s="162">
        <v>0</v>
      </c>
      <c r="CQ9" s="160">
        <v>1</v>
      </c>
      <c r="CR9" s="160">
        <v>6</v>
      </c>
      <c r="CS9" s="160">
        <v>11</v>
      </c>
      <c r="CT9" s="160">
        <v>2</v>
      </c>
      <c r="CU9" s="160">
        <v>3</v>
      </c>
      <c r="CV9" s="165">
        <v>23</v>
      </c>
      <c r="CW9" s="164">
        <v>24</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926</v>
      </c>
      <c r="DU9" s="160">
        <v>2506</v>
      </c>
      <c r="DV9" s="165">
        <v>3432</v>
      </c>
      <c r="DW9" s="162">
        <v>0</v>
      </c>
      <c r="DX9" s="160">
        <v>2039</v>
      </c>
      <c r="DY9" s="160">
        <v>4160</v>
      </c>
      <c r="DZ9" s="160">
        <v>2483</v>
      </c>
      <c r="EA9" s="160">
        <v>1769</v>
      </c>
      <c r="EB9" s="160">
        <v>1037</v>
      </c>
      <c r="EC9" s="165">
        <v>11488</v>
      </c>
      <c r="ED9" s="164">
        <v>14920</v>
      </c>
      <c r="EE9" s="159">
        <v>115</v>
      </c>
      <c r="EF9" s="160">
        <v>108</v>
      </c>
      <c r="EG9" s="165">
        <v>223</v>
      </c>
      <c r="EH9" s="162">
        <v>0</v>
      </c>
      <c r="EI9" s="160">
        <v>333</v>
      </c>
      <c r="EJ9" s="160">
        <v>333</v>
      </c>
      <c r="EK9" s="160">
        <v>295</v>
      </c>
      <c r="EL9" s="160">
        <v>291</v>
      </c>
      <c r="EM9" s="160">
        <v>177</v>
      </c>
      <c r="EN9" s="165">
        <v>1429</v>
      </c>
      <c r="EO9" s="164">
        <v>1652</v>
      </c>
      <c r="EP9" s="159">
        <v>1087</v>
      </c>
      <c r="EQ9" s="160">
        <v>2795</v>
      </c>
      <c r="ER9" s="165">
        <v>3882</v>
      </c>
      <c r="ES9" s="162">
        <v>0</v>
      </c>
      <c r="ET9" s="160">
        <v>4214</v>
      </c>
      <c r="EU9" s="160">
        <v>5401</v>
      </c>
      <c r="EV9" s="160">
        <v>2971</v>
      </c>
      <c r="EW9" s="160">
        <v>1879</v>
      </c>
      <c r="EX9" s="160">
        <v>1064</v>
      </c>
      <c r="EY9" s="165">
        <v>15529</v>
      </c>
      <c r="EZ9" s="164">
        <v>19411</v>
      </c>
    </row>
    <row r="10" spans="2:156" ht="21" customHeight="1" x14ac:dyDescent="0.2">
      <c r="B10" s="166" t="s">
        <v>7</v>
      </c>
      <c r="C10" s="159">
        <v>0</v>
      </c>
      <c r="D10" s="160">
        <v>0</v>
      </c>
      <c r="E10" s="161">
        <v>0</v>
      </c>
      <c r="F10" s="162">
        <v>0</v>
      </c>
      <c r="G10" s="160">
        <v>1566</v>
      </c>
      <c r="H10" s="160">
        <v>1084</v>
      </c>
      <c r="I10" s="160">
        <v>595</v>
      </c>
      <c r="J10" s="160">
        <v>563</v>
      </c>
      <c r="K10" s="160">
        <v>381</v>
      </c>
      <c r="L10" s="163">
        <v>4189</v>
      </c>
      <c r="M10" s="164">
        <v>4189</v>
      </c>
      <c r="N10" s="159">
        <v>0</v>
      </c>
      <c r="O10" s="160">
        <v>0</v>
      </c>
      <c r="P10" s="165">
        <v>0</v>
      </c>
      <c r="Q10" s="162">
        <v>0</v>
      </c>
      <c r="R10" s="160">
        <v>10</v>
      </c>
      <c r="S10" s="160">
        <v>33</v>
      </c>
      <c r="T10" s="160">
        <v>47</v>
      </c>
      <c r="U10" s="160">
        <v>160</v>
      </c>
      <c r="V10" s="160">
        <v>215</v>
      </c>
      <c r="W10" s="165">
        <v>465</v>
      </c>
      <c r="X10" s="164">
        <v>465</v>
      </c>
      <c r="Y10" s="159">
        <v>19</v>
      </c>
      <c r="Z10" s="160">
        <v>38</v>
      </c>
      <c r="AA10" s="165">
        <v>57</v>
      </c>
      <c r="AB10" s="162">
        <v>0</v>
      </c>
      <c r="AC10" s="160">
        <v>622</v>
      </c>
      <c r="AD10" s="160">
        <v>534</v>
      </c>
      <c r="AE10" s="160">
        <v>310</v>
      </c>
      <c r="AF10" s="160">
        <v>342</v>
      </c>
      <c r="AG10" s="160">
        <v>320</v>
      </c>
      <c r="AH10" s="165">
        <v>2128</v>
      </c>
      <c r="AI10" s="164">
        <v>2185</v>
      </c>
      <c r="AJ10" s="159">
        <v>4</v>
      </c>
      <c r="AK10" s="160">
        <v>12</v>
      </c>
      <c r="AL10" s="165">
        <v>16</v>
      </c>
      <c r="AM10" s="162">
        <v>0</v>
      </c>
      <c r="AN10" s="160">
        <v>69</v>
      </c>
      <c r="AO10" s="160">
        <v>71</v>
      </c>
      <c r="AP10" s="160">
        <v>42</v>
      </c>
      <c r="AQ10" s="160">
        <v>45</v>
      </c>
      <c r="AR10" s="160">
        <v>24</v>
      </c>
      <c r="AS10" s="165">
        <v>251</v>
      </c>
      <c r="AT10" s="164">
        <v>267</v>
      </c>
      <c r="AU10" s="159">
        <v>165</v>
      </c>
      <c r="AV10" s="160">
        <v>125</v>
      </c>
      <c r="AW10" s="165">
        <v>290</v>
      </c>
      <c r="AX10" s="162">
        <v>0</v>
      </c>
      <c r="AY10" s="160">
        <v>1386</v>
      </c>
      <c r="AZ10" s="160">
        <v>1215</v>
      </c>
      <c r="BA10" s="160">
        <v>1009</v>
      </c>
      <c r="BB10" s="160">
        <v>1080</v>
      </c>
      <c r="BC10" s="160">
        <v>728</v>
      </c>
      <c r="BD10" s="163">
        <v>5418</v>
      </c>
      <c r="BE10" s="164">
        <v>5708</v>
      </c>
      <c r="BF10" s="159">
        <v>0</v>
      </c>
      <c r="BG10" s="160">
        <v>0</v>
      </c>
      <c r="BH10" s="165">
        <v>0</v>
      </c>
      <c r="BI10" s="162">
        <v>0</v>
      </c>
      <c r="BJ10" s="160">
        <v>1776</v>
      </c>
      <c r="BK10" s="160">
        <v>1045</v>
      </c>
      <c r="BL10" s="160">
        <v>520</v>
      </c>
      <c r="BM10" s="160">
        <v>275</v>
      </c>
      <c r="BN10" s="160">
        <v>151</v>
      </c>
      <c r="BO10" s="165">
        <v>3767</v>
      </c>
      <c r="BP10" s="164">
        <v>3767</v>
      </c>
      <c r="BQ10" s="159">
        <v>61</v>
      </c>
      <c r="BR10" s="160">
        <v>75</v>
      </c>
      <c r="BS10" s="165">
        <v>136</v>
      </c>
      <c r="BT10" s="162">
        <v>0</v>
      </c>
      <c r="BU10" s="160">
        <v>291</v>
      </c>
      <c r="BV10" s="160">
        <v>220</v>
      </c>
      <c r="BW10" s="160">
        <v>117</v>
      </c>
      <c r="BX10" s="160">
        <v>84</v>
      </c>
      <c r="BY10" s="160">
        <v>28</v>
      </c>
      <c r="BZ10" s="165">
        <v>740</v>
      </c>
      <c r="CA10" s="164">
        <v>876</v>
      </c>
      <c r="CB10" s="159">
        <v>3</v>
      </c>
      <c r="CC10" s="160">
        <v>6</v>
      </c>
      <c r="CD10" s="165">
        <v>9</v>
      </c>
      <c r="CE10" s="162">
        <v>0</v>
      </c>
      <c r="CF10" s="160">
        <v>271</v>
      </c>
      <c r="CG10" s="160">
        <v>270</v>
      </c>
      <c r="CH10" s="160">
        <v>285</v>
      </c>
      <c r="CI10" s="160">
        <v>183</v>
      </c>
      <c r="CJ10" s="160">
        <v>128</v>
      </c>
      <c r="CK10" s="165">
        <v>1137</v>
      </c>
      <c r="CL10" s="164">
        <v>1146</v>
      </c>
      <c r="CM10" s="159">
        <v>0</v>
      </c>
      <c r="CN10" s="160">
        <v>1</v>
      </c>
      <c r="CO10" s="165">
        <v>1</v>
      </c>
      <c r="CP10" s="162">
        <v>0</v>
      </c>
      <c r="CQ10" s="160">
        <v>14</v>
      </c>
      <c r="CR10" s="160">
        <v>17</v>
      </c>
      <c r="CS10" s="160">
        <v>9</v>
      </c>
      <c r="CT10" s="160">
        <v>13</v>
      </c>
      <c r="CU10" s="160">
        <v>7</v>
      </c>
      <c r="CV10" s="165">
        <v>60</v>
      </c>
      <c r="CW10" s="164">
        <v>61</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455</v>
      </c>
      <c r="DU10" s="160">
        <v>835</v>
      </c>
      <c r="DV10" s="165">
        <v>1290</v>
      </c>
      <c r="DW10" s="162">
        <v>0</v>
      </c>
      <c r="DX10" s="160">
        <v>2244</v>
      </c>
      <c r="DY10" s="160">
        <v>2223</v>
      </c>
      <c r="DZ10" s="160">
        <v>1196</v>
      </c>
      <c r="EA10" s="160">
        <v>993</v>
      </c>
      <c r="EB10" s="160">
        <v>653</v>
      </c>
      <c r="EC10" s="165">
        <v>7309</v>
      </c>
      <c r="ED10" s="164">
        <v>8599</v>
      </c>
      <c r="EE10" s="159">
        <v>99</v>
      </c>
      <c r="EF10" s="160">
        <v>53</v>
      </c>
      <c r="EG10" s="165">
        <v>152</v>
      </c>
      <c r="EH10" s="162">
        <v>0</v>
      </c>
      <c r="EI10" s="160">
        <v>467</v>
      </c>
      <c r="EJ10" s="160">
        <v>316</v>
      </c>
      <c r="EK10" s="160">
        <v>276</v>
      </c>
      <c r="EL10" s="160">
        <v>322</v>
      </c>
      <c r="EM10" s="160">
        <v>156</v>
      </c>
      <c r="EN10" s="165">
        <v>1537</v>
      </c>
      <c r="EO10" s="164">
        <v>1689</v>
      </c>
      <c r="EP10" s="159">
        <v>524</v>
      </c>
      <c r="EQ10" s="160">
        <v>916</v>
      </c>
      <c r="ER10" s="165">
        <v>1440</v>
      </c>
      <c r="ES10" s="162">
        <v>0</v>
      </c>
      <c r="ET10" s="160">
        <v>4664</v>
      </c>
      <c r="EU10" s="160">
        <v>3002</v>
      </c>
      <c r="EV10" s="160">
        <v>1467</v>
      </c>
      <c r="EW10" s="160">
        <v>1092</v>
      </c>
      <c r="EX10" s="160">
        <v>678</v>
      </c>
      <c r="EY10" s="165">
        <v>10903</v>
      </c>
      <c r="EZ10" s="164">
        <v>12343</v>
      </c>
    </row>
    <row r="11" spans="2:156" ht="21" customHeight="1" x14ac:dyDescent="0.2">
      <c r="B11" s="166" t="s">
        <v>8</v>
      </c>
      <c r="C11" s="159">
        <v>0</v>
      </c>
      <c r="D11" s="160">
        <v>0</v>
      </c>
      <c r="E11" s="161">
        <v>0</v>
      </c>
      <c r="F11" s="162">
        <v>0</v>
      </c>
      <c r="G11" s="160">
        <v>494</v>
      </c>
      <c r="H11" s="160">
        <v>659</v>
      </c>
      <c r="I11" s="160">
        <v>384</v>
      </c>
      <c r="J11" s="160">
        <v>306</v>
      </c>
      <c r="K11" s="160">
        <v>272</v>
      </c>
      <c r="L11" s="163">
        <v>2115</v>
      </c>
      <c r="M11" s="164">
        <v>2115</v>
      </c>
      <c r="N11" s="159">
        <v>0</v>
      </c>
      <c r="O11" s="160">
        <v>0</v>
      </c>
      <c r="P11" s="165">
        <v>0</v>
      </c>
      <c r="Q11" s="162">
        <v>0</v>
      </c>
      <c r="R11" s="160">
        <v>5</v>
      </c>
      <c r="S11" s="160">
        <v>12</v>
      </c>
      <c r="T11" s="160">
        <v>20</v>
      </c>
      <c r="U11" s="160">
        <v>31</v>
      </c>
      <c r="V11" s="160">
        <v>70</v>
      </c>
      <c r="W11" s="165">
        <v>138</v>
      </c>
      <c r="X11" s="164">
        <v>138</v>
      </c>
      <c r="Y11" s="159">
        <v>61</v>
      </c>
      <c r="Z11" s="160">
        <v>94</v>
      </c>
      <c r="AA11" s="165">
        <v>155</v>
      </c>
      <c r="AB11" s="162">
        <v>0</v>
      </c>
      <c r="AC11" s="160">
        <v>343</v>
      </c>
      <c r="AD11" s="160">
        <v>486</v>
      </c>
      <c r="AE11" s="160">
        <v>282</v>
      </c>
      <c r="AF11" s="160">
        <v>268</v>
      </c>
      <c r="AG11" s="160">
        <v>230</v>
      </c>
      <c r="AH11" s="165">
        <v>1609</v>
      </c>
      <c r="AI11" s="164">
        <v>1764</v>
      </c>
      <c r="AJ11" s="159">
        <v>12</v>
      </c>
      <c r="AK11" s="160">
        <v>22</v>
      </c>
      <c r="AL11" s="165">
        <v>34</v>
      </c>
      <c r="AM11" s="162">
        <v>0</v>
      </c>
      <c r="AN11" s="160">
        <v>73</v>
      </c>
      <c r="AO11" s="160">
        <v>101</v>
      </c>
      <c r="AP11" s="160">
        <v>38</v>
      </c>
      <c r="AQ11" s="160">
        <v>44</v>
      </c>
      <c r="AR11" s="160">
        <v>25</v>
      </c>
      <c r="AS11" s="165">
        <v>281</v>
      </c>
      <c r="AT11" s="164">
        <v>315</v>
      </c>
      <c r="AU11" s="159">
        <v>88</v>
      </c>
      <c r="AV11" s="160">
        <v>60</v>
      </c>
      <c r="AW11" s="165">
        <v>148</v>
      </c>
      <c r="AX11" s="162">
        <v>0</v>
      </c>
      <c r="AY11" s="160">
        <v>541</v>
      </c>
      <c r="AZ11" s="160">
        <v>645</v>
      </c>
      <c r="BA11" s="160">
        <v>598</v>
      </c>
      <c r="BB11" s="160">
        <v>557</v>
      </c>
      <c r="BC11" s="160">
        <v>471</v>
      </c>
      <c r="BD11" s="163">
        <v>2812</v>
      </c>
      <c r="BE11" s="164">
        <v>2960</v>
      </c>
      <c r="BF11" s="159">
        <v>0</v>
      </c>
      <c r="BG11" s="160">
        <v>0</v>
      </c>
      <c r="BH11" s="165">
        <v>0</v>
      </c>
      <c r="BI11" s="162">
        <v>0</v>
      </c>
      <c r="BJ11" s="160">
        <v>644</v>
      </c>
      <c r="BK11" s="160">
        <v>657</v>
      </c>
      <c r="BL11" s="160">
        <v>349</v>
      </c>
      <c r="BM11" s="160">
        <v>227</v>
      </c>
      <c r="BN11" s="160">
        <v>118</v>
      </c>
      <c r="BO11" s="165">
        <v>1995</v>
      </c>
      <c r="BP11" s="164">
        <v>1995</v>
      </c>
      <c r="BQ11" s="159">
        <v>74</v>
      </c>
      <c r="BR11" s="160">
        <v>63</v>
      </c>
      <c r="BS11" s="165">
        <v>137</v>
      </c>
      <c r="BT11" s="162">
        <v>0</v>
      </c>
      <c r="BU11" s="160">
        <v>159</v>
      </c>
      <c r="BV11" s="160">
        <v>180</v>
      </c>
      <c r="BW11" s="160">
        <v>109</v>
      </c>
      <c r="BX11" s="160">
        <v>59</v>
      </c>
      <c r="BY11" s="160">
        <v>17</v>
      </c>
      <c r="BZ11" s="165">
        <v>524</v>
      </c>
      <c r="CA11" s="164">
        <v>661</v>
      </c>
      <c r="CB11" s="159">
        <v>6</v>
      </c>
      <c r="CC11" s="160">
        <v>11</v>
      </c>
      <c r="CD11" s="165">
        <v>17</v>
      </c>
      <c r="CE11" s="162">
        <v>0</v>
      </c>
      <c r="CF11" s="160">
        <v>98</v>
      </c>
      <c r="CG11" s="160">
        <v>176</v>
      </c>
      <c r="CH11" s="160">
        <v>226</v>
      </c>
      <c r="CI11" s="160">
        <v>144</v>
      </c>
      <c r="CJ11" s="160">
        <v>67</v>
      </c>
      <c r="CK11" s="165">
        <v>711</v>
      </c>
      <c r="CL11" s="164">
        <v>728</v>
      </c>
      <c r="CM11" s="159">
        <v>0</v>
      </c>
      <c r="CN11" s="160">
        <v>0</v>
      </c>
      <c r="CO11" s="165">
        <v>0</v>
      </c>
      <c r="CP11" s="162">
        <v>0</v>
      </c>
      <c r="CQ11" s="160">
        <v>5</v>
      </c>
      <c r="CR11" s="160">
        <v>4</v>
      </c>
      <c r="CS11" s="160">
        <v>6</v>
      </c>
      <c r="CT11" s="160">
        <v>3</v>
      </c>
      <c r="CU11" s="160">
        <v>5</v>
      </c>
      <c r="CV11" s="165">
        <v>23</v>
      </c>
      <c r="CW11" s="164">
        <v>23</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508</v>
      </c>
      <c r="DU11" s="160">
        <v>623</v>
      </c>
      <c r="DV11" s="165">
        <v>1131</v>
      </c>
      <c r="DW11" s="162">
        <v>0</v>
      </c>
      <c r="DX11" s="160">
        <v>1094</v>
      </c>
      <c r="DY11" s="160">
        <v>1612</v>
      </c>
      <c r="DZ11" s="160">
        <v>889</v>
      </c>
      <c r="EA11" s="160">
        <v>657</v>
      </c>
      <c r="EB11" s="160">
        <v>433</v>
      </c>
      <c r="EC11" s="165">
        <v>4685</v>
      </c>
      <c r="ED11" s="164">
        <v>5816</v>
      </c>
      <c r="EE11" s="159">
        <v>48</v>
      </c>
      <c r="EF11" s="160">
        <v>18</v>
      </c>
      <c r="EG11" s="165">
        <v>66</v>
      </c>
      <c r="EH11" s="162">
        <v>0</v>
      </c>
      <c r="EI11" s="160">
        <v>164</v>
      </c>
      <c r="EJ11" s="160">
        <v>136</v>
      </c>
      <c r="EK11" s="160">
        <v>117</v>
      </c>
      <c r="EL11" s="160">
        <v>122</v>
      </c>
      <c r="EM11" s="160">
        <v>79</v>
      </c>
      <c r="EN11" s="165">
        <v>618</v>
      </c>
      <c r="EO11" s="164">
        <v>684</v>
      </c>
      <c r="EP11" s="159">
        <v>608</v>
      </c>
      <c r="EQ11" s="160">
        <v>699</v>
      </c>
      <c r="ER11" s="165">
        <v>1307</v>
      </c>
      <c r="ES11" s="162">
        <v>0</v>
      </c>
      <c r="ET11" s="160">
        <v>1961</v>
      </c>
      <c r="EU11" s="160">
        <v>1989</v>
      </c>
      <c r="EV11" s="160">
        <v>1011</v>
      </c>
      <c r="EW11" s="160">
        <v>701</v>
      </c>
      <c r="EX11" s="160">
        <v>446</v>
      </c>
      <c r="EY11" s="165">
        <v>6108</v>
      </c>
      <c r="EZ11" s="164">
        <v>7415</v>
      </c>
    </row>
    <row r="12" spans="2:156" ht="21" customHeight="1" x14ac:dyDescent="0.2">
      <c r="B12" s="166" t="s">
        <v>9</v>
      </c>
      <c r="C12" s="159">
        <v>0</v>
      </c>
      <c r="D12" s="160">
        <v>0</v>
      </c>
      <c r="E12" s="161">
        <v>0</v>
      </c>
      <c r="F12" s="162">
        <v>0</v>
      </c>
      <c r="G12" s="160">
        <v>644</v>
      </c>
      <c r="H12" s="160">
        <v>524</v>
      </c>
      <c r="I12" s="160">
        <v>396</v>
      </c>
      <c r="J12" s="160">
        <v>338</v>
      </c>
      <c r="K12" s="160">
        <v>244</v>
      </c>
      <c r="L12" s="163">
        <v>2146</v>
      </c>
      <c r="M12" s="164">
        <v>2146</v>
      </c>
      <c r="N12" s="159">
        <v>0</v>
      </c>
      <c r="O12" s="160">
        <v>0</v>
      </c>
      <c r="P12" s="165">
        <v>0</v>
      </c>
      <c r="Q12" s="162">
        <v>0</v>
      </c>
      <c r="R12" s="160">
        <v>3</v>
      </c>
      <c r="S12" s="160">
        <v>5</v>
      </c>
      <c r="T12" s="160">
        <v>18</v>
      </c>
      <c r="U12" s="160">
        <v>45</v>
      </c>
      <c r="V12" s="160">
        <v>95</v>
      </c>
      <c r="W12" s="165">
        <v>166</v>
      </c>
      <c r="X12" s="164">
        <v>166</v>
      </c>
      <c r="Y12" s="159">
        <v>73</v>
      </c>
      <c r="Z12" s="160">
        <v>103</v>
      </c>
      <c r="AA12" s="165">
        <v>176</v>
      </c>
      <c r="AB12" s="162">
        <v>0</v>
      </c>
      <c r="AC12" s="160">
        <v>387</v>
      </c>
      <c r="AD12" s="160">
        <v>366</v>
      </c>
      <c r="AE12" s="160">
        <v>262</v>
      </c>
      <c r="AF12" s="160">
        <v>284</v>
      </c>
      <c r="AG12" s="160">
        <v>218</v>
      </c>
      <c r="AH12" s="165">
        <v>1517</v>
      </c>
      <c r="AI12" s="164">
        <v>1693</v>
      </c>
      <c r="AJ12" s="159">
        <v>1</v>
      </c>
      <c r="AK12" s="160">
        <v>11</v>
      </c>
      <c r="AL12" s="165">
        <v>12</v>
      </c>
      <c r="AM12" s="162">
        <v>0</v>
      </c>
      <c r="AN12" s="160">
        <v>34</v>
      </c>
      <c r="AO12" s="160">
        <v>45</v>
      </c>
      <c r="AP12" s="160">
        <v>31</v>
      </c>
      <c r="AQ12" s="160">
        <v>26</v>
      </c>
      <c r="AR12" s="160">
        <v>27</v>
      </c>
      <c r="AS12" s="165">
        <v>163</v>
      </c>
      <c r="AT12" s="164">
        <v>175</v>
      </c>
      <c r="AU12" s="159">
        <v>95</v>
      </c>
      <c r="AV12" s="160">
        <v>78</v>
      </c>
      <c r="AW12" s="165">
        <v>173</v>
      </c>
      <c r="AX12" s="162">
        <v>0</v>
      </c>
      <c r="AY12" s="160">
        <v>588</v>
      </c>
      <c r="AZ12" s="160">
        <v>594</v>
      </c>
      <c r="BA12" s="160">
        <v>616</v>
      </c>
      <c r="BB12" s="160">
        <v>606</v>
      </c>
      <c r="BC12" s="160">
        <v>452</v>
      </c>
      <c r="BD12" s="163">
        <v>2856</v>
      </c>
      <c r="BE12" s="164">
        <v>3029</v>
      </c>
      <c r="BF12" s="159">
        <v>0</v>
      </c>
      <c r="BG12" s="160">
        <v>0</v>
      </c>
      <c r="BH12" s="165">
        <v>0</v>
      </c>
      <c r="BI12" s="162">
        <v>0</v>
      </c>
      <c r="BJ12" s="160">
        <v>605</v>
      </c>
      <c r="BK12" s="160">
        <v>435</v>
      </c>
      <c r="BL12" s="160">
        <v>290</v>
      </c>
      <c r="BM12" s="160">
        <v>161</v>
      </c>
      <c r="BN12" s="160">
        <v>70</v>
      </c>
      <c r="BO12" s="165">
        <v>1561</v>
      </c>
      <c r="BP12" s="164">
        <v>1561</v>
      </c>
      <c r="BQ12" s="159">
        <v>58</v>
      </c>
      <c r="BR12" s="160">
        <v>77</v>
      </c>
      <c r="BS12" s="165">
        <v>135</v>
      </c>
      <c r="BT12" s="162">
        <v>0</v>
      </c>
      <c r="BU12" s="160">
        <v>166</v>
      </c>
      <c r="BV12" s="160">
        <v>126</v>
      </c>
      <c r="BW12" s="160">
        <v>93</v>
      </c>
      <c r="BX12" s="160">
        <v>86</v>
      </c>
      <c r="BY12" s="160">
        <v>24</v>
      </c>
      <c r="BZ12" s="165">
        <v>495</v>
      </c>
      <c r="CA12" s="164">
        <v>630</v>
      </c>
      <c r="CB12" s="159">
        <v>2</v>
      </c>
      <c r="CC12" s="160">
        <v>3</v>
      </c>
      <c r="CD12" s="165">
        <v>5</v>
      </c>
      <c r="CE12" s="162">
        <v>0</v>
      </c>
      <c r="CF12" s="160">
        <v>56</v>
      </c>
      <c r="CG12" s="160">
        <v>103</v>
      </c>
      <c r="CH12" s="160">
        <v>123</v>
      </c>
      <c r="CI12" s="160">
        <v>99</v>
      </c>
      <c r="CJ12" s="160">
        <v>64</v>
      </c>
      <c r="CK12" s="165">
        <v>445</v>
      </c>
      <c r="CL12" s="164">
        <v>450</v>
      </c>
      <c r="CM12" s="159">
        <v>0</v>
      </c>
      <c r="CN12" s="160">
        <v>0</v>
      </c>
      <c r="CO12" s="165">
        <v>0</v>
      </c>
      <c r="CP12" s="162">
        <v>0</v>
      </c>
      <c r="CQ12" s="160">
        <v>9</v>
      </c>
      <c r="CR12" s="160">
        <v>11</v>
      </c>
      <c r="CS12" s="160">
        <v>22</v>
      </c>
      <c r="CT12" s="160">
        <v>19</v>
      </c>
      <c r="CU12" s="160">
        <v>20</v>
      </c>
      <c r="CV12" s="165">
        <v>81</v>
      </c>
      <c r="CW12" s="164">
        <v>81</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378</v>
      </c>
      <c r="DU12" s="160">
        <v>497</v>
      </c>
      <c r="DV12" s="165">
        <v>875</v>
      </c>
      <c r="DW12" s="162">
        <v>0</v>
      </c>
      <c r="DX12" s="160">
        <v>909</v>
      </c>
      <c r="DY12" s="160">
        <v>1025</v>
      </c>
      <c r="DZ12" s="160">
        <v>695</v>
      </c>
      <c r="EA12" s="160">
        <v>575</v>
      </c>
      <c r="EB12" s="160">
        <v>381</v>
      </c>
      <c r="EC12" s="165">
        <v>3585</v>
      </c>
      <c r="ED12" s="164">
        <v>4460</v>
      </c>
      <c r="EE12" s="159">
        <v>58</v>
      </c>
      <c r="EF12" s="160">
        <v>21</v>
      </c>
      <c r="EG12" s="165">
        <v>79</v>
      </c>
      <c r="EH12" s="162">
        <v>0</v>
      </c>
      <c r="EI12" s="160">
        <v>224</v>
      </c>
      <c r="EJ12" s="160">
        <v>154</v>
      </c>
      <c r="EK12" s="160">
        <v>159</v>
      </c>
      <c r="EL12" s="160">
        <v>172</v>
      </c>
      <c r="EM12" s="160">
        <v>121</v>
      </c>
      <c r="EN12" s="165">
        <v>830</v>
      </c>
      <c r="EO12" s="164">
        <v>909</v>
      </c>
      <c r="EP12" s="159">
        <v>476</v>
      </c>
      <c r="EQ12" s="160">
        <v>583</v>
      </c>
      <c r="ER12" s="165">
        <v>1059</v>
      </c>
      <c r="ES12" s="162">
        <v>0</v>
      </c>
      <c r="ET12" s="160">
        <v>1689</v>
      </c>
      <c r="EU12" s="160">
        <v>1285</v>
      </c>
      <c r="EV12" s="160">
        <v>790</v>
      </c>
      <c r="EW12" s="160">
        <v>599</v>
      </c>
      <c r="EX12" s="160">
        <v>375</v>
      </c>
      <c r="EY12" s="165">
        <v>4738</v>
      </c>
      <c r="EZ12" s="164">
        <v>5797</v>
      </c>
    </row>
    <row r="13" spans="2:156" ht="21" customHeight="1" x14ac:dyDescent="0.2">
      <c r="B13" s="166" t="s">
        <v>10</v>
      </c>
      <c r="C13" s="159">
        <v>0</v>
      </c>
      <c r="D13" s="160">
        <v>0</v>
      </c>
      <c r="E13" s="161">
        <v>0</v>
      </c>
      <c r="F13" s="162">
        <v>0</v>
      </c>
      <c r="G13" s="160">
        <v>1343</v>
      </c>
      <c r="H13" s="160">
        <v>756</v>
      </c>
      <c r="I13" s="160">
        <v>525</v>
      </c>
      <c r="J13" s="160">
        <v>498</v>
      </c>
      <c r="K13" s="160">
        <v>369</v>
      </c>
      <c r="L13" s="163">
        <v>3491</v>
      </c>
      <c r="M13" s="164">
        <v>3491</v>
      </c>
      <c r="N13" s="159">
        <v>0</v>
      </c>
      <c r="O13" s="160">
        <v>0</v>
      </c>
      <c r="P13" s="165">
        <v>0</v>
      </c>
      <c r="Q13" s="162">
        <v>0</v>
      </c>
      <c r="R13" s="160">
        <v>6</v>
      </c>
      <c r="S13" s="160">
        <v>24</v>
      </c>
      <c r="T13" s="160">
        <v>39</v>
      </c>
      <c r="U13" s="160">
        <v>75</v>
      </c>
      <c r="V13" s="160">
        <v>161</v>
      </c>
      <c r="W13" s="165">
        <v>305</v>
      </c>
      <c r="X13" s="164">
        <v>305</v>
      </c>
      <c r="Y13" s="159">
        <v>181</v>
      </c>
      <c r="Z13" s="160">
        <v>302</v>
      </c>
      <c r="AA13" s="165">
        <v>483</v>
      </c>
      <c r="AB13" s="162">
        <v>0</v>
      </c>
      <c r="AC13" s="160">
        <v>922</v>
      </c>
      <c r="AD13" s="160">
        <v>598</v>
      </c>
      <c r="AE13" s="160">
        <v>384</v>
      </c>
      <c r="AF13" s="160">
        <v>366</v>
      </c>
      <c r="AG13" s="160">
        <v>292</v>
      </c>
      <c r="AH13" s="165">
        <v>2562</v>
      </c>
      <c r="AI13" s="164">
        <v>3045</v>
      </c>
      <c r="AJ13" s="159">
        <v>22</v>
      </c>
      <c r="AK13" s="160">
        <v>60</v>
      </c>
      <c r="AL13" s="165">
        <v>82</v>
      </c>
      <c r="AM13" s="162">
        <v>0</v>
      </c>
      <c r="AN13" s="160">
        <v>125</v>
      </c>
      <c r="AO13" s="160">
        <v>89</v>
      </c>
      <c r="AP13" s="160">
        <v>68</v>
      </c>
      <c r="AQ13" s="160">
        <v>37</v>
      </c>
      <c r="AR13" s="160">
        <v>57</v>
      </c>
      <c r="AS13" s="165">
        <v>376</v>
      </c>
      <c r="AT13" s="164">
        <v>458</v>
      </c>
      <c r="AU13" s="159">
        <v>208</v>
      </c>
      <c r="AV13" s="160">
        <v>288</v>
      </c>
      <c r="AW13" s="165">
        <v>496</v>
      </c>
      <c r="AX13" s="162">
        <v>0</v>
      </c>
      <c r="AY13" s="160">
        <v>1447</v>
      </c>
      <c r="AZ13" s="160">
        <v>1168</v>
      </c>
      <c r="BA13" s="160">
        <v>1020</v>
      </c>
      <c r="BB13" s="160">
        <v>1044</v>
      </c>
      <c r="BC13" s="160">
        <v>805</v>
      </c>
      <c r="BD13" s="163">
        <v>5484</v>
      </c>
      <c r="BE13" s="164">
        <v>5980</v>
      </c>
      <c r="BF13" s="159">
        <v>0</v>
      </c>
      <c r="BG13" s="160">
        <v>0</v>
      </c>
      <c r="BH13" s="165">
        <v>0</v>
      </c>
      <c r="BI13" s="162">
        <v>0</v>
      </c>
      <c r="BJ13" s="160">
        <v>1747</v>
      </c>
      <c r="BK13" s="160">
        <v>857</v>
      </c>
      <c r="BL13" s="160">
        <v>462</v>
      </c>
      <c r="BM13" s="160">
        <v>286</v>
      </c>
      <c r="BN13" s="160">
        <v>139</v>
      </c>
      <c r="BO13" s="165">
        <v>3491</v>
      </c>
      <c r="BP13" s="164">
        <v>3491</v>
      </c>
      <c r="BQ13" s="159">
        <v>45</v>
      </c>
      <c r="BR13" s="160">
        <v>85</v>
      </c>
      <c r="BS13" s="165">
        <v>130</v>
      </c>
      <c r="BT13" s="162">
        <v>0</v>
      </c>
      <c r="BU13" s="160">
        <v>236</v>
      </c>
      <c r="BV13" s="160">
        <v>204</v>
      </c>
      <c r="BW13" s="160">
        <v>125</v>
      </c>
      <c r="BX13" s="160">
        <v>57</v>
      </c>
      <c r="BY13" s="160">
        <v>29</v>
      </c>
      <c r="BZ13" s="165">
        <v>651</v>
      </c>
      <c r="CA13" s="164">
        <v>781</v>
      </c>
      <c r="CB13" s="159">
        <v>4</v>
      </c>
      <c r="CC13" s="160">
        <v>26</v>
      </c>
      <c r="CD13" s="165">
        <v>30</v>
      </c>
      <c r="CE13" s="162">
        <v>0</v>
      </c>
      <c r="CF13" s="160">
        <v>196</v>
      </c>
      <c r="CG13" s="160">
        <v>168</v>
      </c>
      <c r="CH13" s="160">
        <v>191</v>
      </c>
      <c r="CI13" s="160">
        <v>152</v>
      </c>
      <c r="CJ13" s="160">
        <v>79</v>
      </c>
      <c r="CK13" s="165">
        <v>786</v>
      </c>
      <c r="CL13" s="164">
        <v>816</v>
      </c>
      <c r="CM13" s="159">
        <v>0</v>
      </c>
      <c r="CN13" s="160">
        <v>0</v>
      </c>
      <c r="CO13" s="165">
        <v>0</v>
      </c>
      <c r="CP13" s="162">
        <v>0</v>
      </c>
      <c r="CQ13" s="160">
        <v>6</v>
      </c>
      <c r="CR13" s="160">
        <v>13</v>
      </c>
      <c r="CS13" s="160">
        <v>23</v>
      </c>
      <c r="CT13" s="160">
        <v>10</v>
      </c>
      <c r="CU13" s="160">
        <v>14</v>
      </c>
      <c r="CV13" s="165">
        <v>66</v>
      </c>
      <c r="CW13" s="164">
        <v>66</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1013</v>
      </c>
      <c r="DU13" s="160">
        <v>1313</v>
      </c>
      <c r="DV13" s="165">
        <v>2326</v>
      </c>
      <c r="DW13" s="162">
        <v>0</v>
      </c>
      <c r="DX13" s="160">
        <v>2114</v>
      </c>
      <c r="DY13" s="160">
        <v>1633</v>
      </c>
      <c r="DZ13" s="160">
        <v>1035</v>
      </c>
      <c r="EA13" s="160">
        <v>906</v>
      </c>
      <c r="EB13" s="160">
        <v>624</v>
      </c>
      <c r="EC13" s="165">
        <v>6312</v>
      </c>
      <c r="ED13" s="164">
        <v>8638</v>
      </c>
      <c r="EE13" s="159">
        <v>73</v>
      </c>
      <c r="EF13" s="160">
        <v>66</v>
      </c>
      <c r="EG13" s="165">
        <v>139</v>
      </c>
      <c r="EH13" s="162">
        <v>0</v>
      </c>
      <c r="EI13" s="160">
        <v>320</v>
      </c>
      <c r="EJ13" s="160">
        <v>272</v>
      </c>
      <c r="EK13" s="160">
        <v>224</v>
      </c>
      <c r="EL13" s="160">
        <v>248</v>
      </c>
      <c r="EM13" s="160">
        <v>143</v>
      </c>
      <c r="EN13" s="165">
        <v>1207</v>
      </c>
      <c r="EO13" s="164">
        <v>1346</v>
      </c>
      <c r="EP13" s="159">
        <v>1188</v>
      </c>
      <c r="EQ13" s="160">
        <v>1510</v>
      </c>
      <c r="ER13" s="165">
        <v>2698</v>
      </c>
      <c r="ES13" s="162">
        <v>0</v>
      </c>
      <c r="ET13" s="160">
        <v>3736</v>
      </c>
      <c r="EU13" s="160">
        <v>2012</v>
      </c>
      <c r="EV13" s="160">
        <v>1157</v>
      </c>
      <c r="EW13" s="160">
        <v>906</v>
      </c>
      <c r="EX13" s="160">
        <v>582</v>
      </c>
      <c r="EY13" s="165">
        <v>8393</v>
      </c>
      <c r="EZ13" s="164">
        <v>11091</v>
      </c>
    </row>
    <row r="14" spans="2:156" ht="21" customHeight="1" x14ac:dyDescent="0.2">
      <c r="B14" s="166" t="s">
        <v>11</v>
      </c>
      <c r="C14" s="159">
        <v>0</v>
      </c>
      <c r="D14" s="160">
        <v>0</v>
      </c>
      <c r="E14" s="161">
        <v>0</v>
      </c>
      <c r="F14" s="162">
        <v>0</v>
      </c>
      <c r="G14" s="160">
        <v>486</v>
      </c>
      <c r="H14" s="160">
        <v>361</v>
      </c>
      <c r="I14" s="160">
        <v>261</v>
      </c>
      <c r="J14" s="160">
        <v>223</v>
      </c>
      <c r="K14" s="160">
        <v>191</v>
      </c>
      <c r="L14" s="163">
        <v>1522</v>
      </c>
      <c r="M14" s="164">
        <v>1522</v>
      </c>
      <c r="N14" s="159">
        <v>0</v>
      </c>
      <c r="O14" s="160">
        <v>0</v>
      </c>
      <c r="P14" s="165">
        <v>0</v>
      </c>
      <c r="Q14" s="162">
        <v>0</v>
      </c>
      <c r="R14" s="160">
        <v>5</v>
      </c>
      <c r="S14" s="160">
        <v>11</v>
      </c>
      <c r="T14" s="160">
        <v>18</v>
      </c>
      <c r="U14" s="160">
        <v>41</v>
      </c>
      <c r="V14" s="160">
        <v>70</v>
      </c>
      <c r="W14" s="165">
        <v>145</v>
      </c>
      <c r="X14" s="164">
        <v>145</v>
      </c>
      <c r="Y14" s="159">
        <v>48</v>
      </c>
      <c r="Z14" s="160">
        <v>87</v>
      </c>
      <c r="AA14" s="165">
        <v>135</v>
      </c>
      <c r="AB14" s="162">
        <v>0</v>
      </c>
      <c r="AC14" s="160">
        <v>347</v>
      </c>
      <c r="AD14" s="160">
        <v>270</v>
      </c>
      <c r="AE14" s="160">
        <v>226</v>
      </c>
      <c r="AF14" s="160">
        <v>193</v>
      </c>
      <c r="AG14" s="160">
        <v>181</v>
      </c>
      <c r="AH14" s="165">
        <v>1217</v>
      </c>
      <c r="AI14" s="164">
        <v>1352</v>
      </c>
      <c r="AJ14" s="159">
        <v>3</v>
      </c>
      <c r="AK14" s="160">
        <v>6</v>
      </c>
      <c r="AL14" s="165">
        <v>9</v>
      </c>
      <c r="AM14" s="162">
        <v>0</v>
      </c>
      <c r="AN14" s="160">
        <v>25</v>
      </c>
      <c r="AO14" s="160">
        <v>21</v>
      </c>
      <c r="AP14" s="160">
        <v>22</v>
      </c>
      <c r="AQ14" s="160">
        <v>18</v>
      </c>
      <c r="AR14" s="160">
        <v>7</v>
      </c>
      <c r="AS14" s="165">
        <v>93</v>
      </c>
      <c r="AT14" s="164">
        <v>102</v>
      </c>
      <c r="AU14" s="159">
        <v>51</v>
      </c>
      <c r="AV14" s="160">
        <v>62</v>
      </c>
      <c r="AW14" s="165">
        <v>113</v>
      </c>
      <c r="AX14" s="162">
        <v>0</v>
      </c>
      <c r="AY14" s="160">
        <v>455</v>
      </c>
      <c r="AZ14" s="160">
        <v>503</v>
      </c>
      <c r="BA14" s="160">
        <v>471</v>
      </c>
      <c r="BB14" s="160">
        <v>469</v>
      </c>
      <c r="BC14" s="160">
        <v>318</v>
      </c>
      <c r="BD14" s="163">
        <v>2216</v>
      </c>
      <c r="BE14" s="164">
        <v>2329</v>
      </c>
      <c r="BF14" s="159">
        <v>0</v>
      </c>
      <c r="BG14" s="160">
        <v>0</v>
      </c>
      <c r="BH14" s="165">
        <v>0</v>
      </c>
      <c r="BI14" s="162">
        <v>0</v>
      </c>
      <c r="BJ14" s="160">
        <v>629</v>
      </c>
      <c r="BK14" s="160">
        <v>399</v>
      </c>
      <c r="BL14" s="160">
        <v>250</v>
      </c>
      <c r="BM14" s="160">
        <v>170</v>
      </c>
      <c r="BN14" s="160">
        <v>86</v>
      </c>
      <c r="BO14" s="165">
        <v>1534</v>
      </c>
      <c r="BP14" s="164">
        <v>1534</v>
      </c>
      <c r="BQ14" s="159">
        <v>123</v>
      </c>
      <c r="BR14" s="160">
        <v>94</v>
      </c>
      <c r="BS14" s="165">
        <v>217</v>
      </c>
      <c r="BT14" s="162">
        <v>0</v>
      </c>
      <c r="BU14" s="160">
        <v>248</v>
      </c>
      <c r="BV14" s="160">
        <v>150</v>
      </c>
      <c r="BW14" s="160">
        <v>88</v>
      </c>
      <c r="BX14" s="160">
        <v>74</v>
      </c>
      <c r="BY14" s="160">
        <v>28</v>
      </c>
      <c r="BZ14" s="165">
        <v>588</v>
      </c>
      <c r="CA14" s="164">
        <v>805</v>
      </c>
      <c r="CB14" s="159">
        <v>6</v>
      </c>
      <c r="CC14" s="160">
        <v>13</v>
      </c>
      <c r="CD14" s="165">
        <v>19</v>
      </c>
      <c r="CE14" s="162">
        <v>0</v>
      </c>
      <c r="CF14" s="160">
        <v>85</v>
      </c>
      <c r="CG14" s="160">
        <v>91</v>
      </c>
      <c r="CH14" s="160">
        <v>121</v>
      </c>
      <c r="CI14" s="160">
        <v>77</v>
      </c>
      <c r="CJ14" s="160">
        <v>46</v>
      </c>
      <c r="CK14" s="165">
        <v>420</v>
      </c>
      <c r="CL14" s="164">
        <v>439</v>
      </c>
      <c r="CM14" s="159">
        <v>0</v>
      </c>
      <c r="CN14" s="160">
        <v>1</v>
      </c>
      <c r="CO14" s="165">
        <v>1</v>
      </c>
      <c r="CP14" s="162">
        <v>0</v>
      </c>
      <c r="CQ14" s="160">
        <v>9</v>
      </c>
      <c r="CR14" s="160">
        <v>4</v>
      </c>
      <c r="CS14" s="160">
        <v>8</v>
      </c>
      <c r="CT14" s="160">
        <v>13</v>
      </c>
      <c r="CU14" s="160">
        <v>10</v>
      </c>
      <c r="CV14" s="165">
        <v>44</v>
      </c>
      <c r="CW14" s="164">
        <v>45</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398</v>
      </c>
      <c r="DU14" s="160">
        <v>526</v>
      </c>
      <c r="DV14" s="165">
        <v>924</v>
      </c>
      <c r="DW14" s="162">
        <v>0</v>
      </c>
      <c r="DX14" s="160">
        <v>985</v>
      </c>
      <c r="DY14" s="160">
        <v>894</v>
      </c>
      <c r="DZ14" s="160">
        <v>659</v>
      </c>
      <c r="EA14" s="160">
        <v>504</v>
      </c>
      <c r="EB14" s="160">
        <v>318</v>
      </c>
      <c r="EC14" s="165">
        <v>3360</v>
      </c>
      <c r="ED14" s="164">
        <v>4284</v>
      </c>
      <c r="EE14" s="159">
        <v>41</v>
      </c>
      <c r="EF14" s="160">
        <v>31</v>
      </c>
      <c r="EG14" s="165">
        <v>72</v>
      </c>
      <c r="EH14" s="162">
        <v>0</v>
      </c>
      <c r="EI14" s="160">
        <v>186</v>
      </c>
      <c r="EJ14" s="160">
        <v>154</v>
      </c>
      <c r="EK14" s="160">
        <v>111</v>
      </c>
      <c r="EL14" s="160">
        <v>163</v>
      </c>
      <c r="EM14" s="160">
        <v>80</v>
      </c>
      <c r="EN14" s="165">
        <v>694</v>
      </c>
      <c r="EO14" s="164">
        <v>766</v>
      </c>
      <c r="EP14" s="159">
        <v>513</v>
      </c>
      <c r="EQ14" s="160">
        <v>615</v>
      </c>
      <c r="ER14" s="165">
        <v>1128</v>
      </c>
      <c r="ES14" s="162">
        <v>0</v>
      </c>
      <c r="ET14" s="160">
        <v>1809</v>
      </c>
      <c r="EU14" s="160">
        <v>1156</v>
      </c>
      <c r="EV14" s="160">
        <v>770</v>
      </c>
      <c r="EW14" s="160">
        <v>542</v>
      </c>
      <c r="EX14" s="160">
        <v>319</v>
      </c>
      <c r="EY14" s="165">
        <v>4596</v>
      </c>
      <c r="EZ14" s="164">
        <v>5724</v>
      </c>
    </row>
    <row r="15" spans="2:156" ht="21" customHeight="1" x14ac:dyDescent="0.2">
      <c r="B15" s="166" t="s">
        <v>12</v>
      </c>
      <c r="C15" s="159">
        <v>0</v>
      </c>
      <c r="D15" s="160">
        <v>0</v>
      </c>
      <c r="E15" s="161">
        <v>0</v>
      </c>
      <c r="F15" s="162">
        <v>0</v>
      </c>
      <c r="G15" s="160">
        <v>534</v>
      </c>
      <c r="H15" s="160">
        <v>534</v>
      </c>
      <c r="I15" s="160">
        <v>338</v>
      </c>
      <c r="J15" s="160">
        <v>297</v>
      </c>
      <c r="K15" s="160">
        <v>201</v>
      </c>
      <c r="L15" s="163">
        <v>1904</v>
      </c>
      <c r="M15" s="164">
        <v>1904</v>
      </c>
      <c r="N15" s="159">
        <v>0</v>
      </c>
      <c r="O15" s="160">
        <v>4</v>
      </c>
      <c r="P15" s="165">
        <v>4</v>
      </c>
      <c r="Q15" s="162">
        <v>0</v>
      </c>
      <c r="R15" s="160">
        <v>3</v>
      </c>
      <c r="S15" s="160">
        <v>17</v>
      </c>
      <c r="T15" s="160">
        <v>18</v>
      </c>
      <c r="U15" s="160">
        <v>63</v>
      </c>
      <c r="V15" s="160">
        <v>69</v>
      </c>
      <c r="W15" s="165">
        <v>170</v>
      </c>
      <c r="X15" s="164">
        <v>174</v>
      </c>
      <c r="Y15" s="159">
        <v>122</v>
      </c>
      <c r="Z15" s="160">
        <v>320</v>
      </c>
      <c r="AA15" s="165">
        <v>442</v>
      </c>
      <c r="AB15" s="162">
        <v>0</v>
      </c>
      <c r="AC15" s="160">
        <v>386</v>
      </c>
      <c r="AD15" s="160">
        <v>469</v>
      </c>
      <c r="AE15" s="160">
        <v>267</v>
      </c>
      <c r="AF15" s="160">
        <v>254</v>
      </c>
      <c r="AG15" s="160">
        <v>169</v>
      </c>
      <c r="AH15" s="165">
        <v>1545</v>
      </c>
      <c r="AI15" s="164">
        <v>1987</v>
      </c>
      <c r="AJ15" s="159">
        <v>7</v>
      </c>
      <c r="AK15" s="160">
        <v>29</v>
      </c>
      <c r="AL15" s="165">
        <v>36</v>
      </c>
      <c r="AM15" s="162">
        <v>0</v>
      </c>
      <c r="AN15" s="160">
        <v>14</v>
      </c>
      <c r="AO15" s="160">
        <v>48</v>
      </c>
      <c r="AP15" s="160">
        <v>22</v>
      </c>
      <c r="AQ15" s="160">
        <v>22</v>
      </c>
      <c r="AR15" s="160">
        <v>13</v>
      </c>
      <c r="AS15" s="165">
        <v>119</v>
      </c>
      <c r="AT15" s="164">
        <v>155</v>
      </c>
      <c r="AU15" s="159">
        <v>78</v>
      </c>
      <c r="AV15" s="160">
        <v>130</v>
      </c>
      <c r="AW15" s="165">
        <v>208</v>
      </c>
      <c r="AX15" s="162">
        <v>0</v>
      </c>
      <c r="AY15" s="160">
        <v>377</v>
      </c>
      <c r="AZ15" s="160">
        <v>461</v>
      </c>
      <c r="BA15" s="160">
        <v>413</v>
      </c>
      <c r="BB15" s="160">
        <v>524</v>
      </c>
      <c r="BC15" s="160">
        <v>344</v>
      </c>
      <c r="BD15" s="163">
        <v>2119</v>
      </c>
      <c r="BE15" s="164">
        <v>2327</v>
      </c>
      <c r="BF15" s="159">
        <v>0</v>
      </c>
      <c r="BG15" s="160">
        <v>0</v>
      </c>
      <c r="BH15" s="165">
        <v>0</v>
      </c>
      <c r="BI15" s="162">
        <v>0</v>
      </c>
      <c r="BJ15" s="160">
        <v>701</v>
      </c>
      <c r="BK15" s="160">
        <v>512</v>
      </c>
      <c r="BL15" s="160">
        <v>284</v>
      </c>
      <c r="BM15" s="160">
        <v>200</v>
      </c>
      <c r="BN15" s="160">
        <v>83</v>
      </c>
      <c r="BO15" s="165">
        <v>1780</v>
      </c>
      <c r="BP15" s="164">
        <v>1780</v>
      </c>
      <c r="BQ15" s="159">
        <v>109</v>
      </c>
      <c r="BR15" s="160">
        <v>138</v>
      </c>
      <c r="BS15" s="165">
        <v>247</v>
      </c>
      <c r="BT15" s="162">
        <v>0</v>
      </c>
      <c r="BU15" s="160">
        <v>129</v>
      </c>
      <c r="BV15" s="160">
        <v>203</v>
      </c>
      <c r="BW15" s="160">
        <v>110</v>
      </c>
      <c r="BX15" s="160">
        <v>69</v>
      </c>
      <c r="BY15" s="160">
        <v>20</v>
      </c>
      <c r="BZ15" s="165">
        <v>531</v>
      </c>
      <c r="CA15" s="164">
        <v>778</v>
      </c>
      <c r="CB15" s="159">
        <v>6</v>
      </c>
      <c r="CC15" s="160">
        <v>18</v>
      </c>
      <c r="CD15" s="165">
        <v>24</v>
      </c>
      <c r="CE15" s="162">
        <v>0</v>
      </c>
      <c r="CF15" s="160">
        <v>97</v>
      </c>
      <c r="CG15" s="160">
        <v>126</v>
      </c>
      <c r="CH15" s="160">
        <v>125</v>
      </c>
      <c r="CI15" s="160">
        <v>86</v>
      </c>
      <c r="CJ15" s="160">
        <v>48</v>
      </c>
      <c r="CK15" s="165">
        <v>482</v>
      </c>
      <c r="CL15" s="164">
        <v>506</v>
      </c>
      <c r="CM15" s="159">
        <v>0</v>
      </c>
      <c r="CN15" s="160">
        <v>0</v>
      </c>
      <c r="CO15" s="165">
        <v>0</v>
      </c>
      <c r="CP15" s="162">
        <v>0</v>
      </c>
      <c r="CQ15" s="160">
        <v>6</v>
      </c>
      <c r="CR15" s="160">
        <v>5</v>
      </c>
      <c r="CS15" s="160">
        <v>6</v>
      </c>
      <c r="CT15" s="160">
        <v>5</v>
      </c>
      <c r="CU15" s="160">
        <v>4</v>
      </c>
      <c r="CV15" s="165">
        <v>26</v>
      </c>
      <c r="CW15" s="164">
        <v>26</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479</v>
      </c>
      <c r="DU15" s="160">
        <v>918</v>
      </c>
      <c r="DV15" s="165">
        <v>1397</v>
      </c>
      <c r="DW15" s="162">
        <v>0</v>
      </c>
      <c r="DX15" s="160">
        <v>615</v>
      </c>
      <c r="DY15" s="160">
        <v>1044</v>
      </c>
      <c r="DZ15" s="160">
        <v>658</v>
      </c>
      <c r="EA15" s="160">
        <v>600</v>
      </c>
      <c r="EB15" s="160">
        <v>322</v>
      </c>
      <c r="EC15" s="165">
        <v>3239</v>
      </c>
      <c r="ED15" s="164">
        <v>4636</v>
      </c>
      <c r="EE15" s="159">
        <v>39</v>
      </c>
      <c r="EF15" s="160">
        <v>40</v>
      </c>
      <c r="EG15" s="165">
        <v>79</v>
      </c>
      <c r="EH15" s="162">
        <v>0</v>
      </c>
      <c r="EI15" s="160">
        <v>127</v>
      </c>
      <c r="EJ15" s="160">
        <v>119</v>
      </c>
      <c r="EK15" s="160">
        <v>122</v>
      </c>
      <c r="EL15" s="160">
        <v>145</v>
      </c>
      <c r="EM15" s="160">
        <v>75</v>
      </c>
      <c r="EN15" s="165">
        <v>588</v>
      </c>
      <c r="EO15" s="164">
        <v>667</v>
      </c>
      <c r="EP15" s="159">
        <v>688</v>
      </c>
      <c r="EQ15" s="160">
        <v>1186</v>
      </c>
      <c r="ER15" s="165">
        <v>1874</v>
      </c>
      <c r="ES15" s="162">
        <v>0</v>
      </c>
      <c r="ET15" s="160">
        <v>1590</v>
      </c>
      <c r="EU15" s="160">
        <v>1395</v>
      </c>
      <c r="EV15" s="160">
        <v>794</v>
      </c>
      <c r="EW15" s="160">
        <v>628</v>
      </c>
      <c r="EX15" s="160">
        <v>317</v>
      </c>
      <c r="EY15" s="165">
        <v>4724</v>
      </c>
      <c r="EZ15" s="164">
        <v>6598</v>
      </c>
    </row>
    <row r="16" spans="2:156" ht="21" customHeight="1" x14ac:dyDescent="0.2">
      <c r="B16" s="166" t="s">
        <v>13</v>
      </c>
      <c r="C16" s="159">
        <v>0</v>
      </c>
      <c r="D16" s="160">
        <v>0</v>
      </c>
      <c r="E16" s="161">
        <v>0</v>
      </c>
      <c r="F16" s="162">
        <v>0</v>
      </c>
      <c r="G16" s="160">
        <v>230</v>
      </c>
      <c r="H16" s="160">
        <v>253</v>
      </c>
      <c r="I16" s="160">
        <v>143</v>
      </c>
      <c r="J16" s="160">
        <v>118</v>
      </c>
      <c r="K16" s="160">
        <v>105</v>
      </c>
      <c r="L16" s="163">
        <v>849</v>
      </c>
      <c r="M16" s="164">
        <v>849</v>
      </c>
      <c r="N16" s="159">
        <v>0</v>
      </c>
      <c r="O16" s="160">
        <v>0</v>
      </c>
      <c r="P16" s="165">
        <v>0</v>
      </c>
      <c r="Q16" s="162">
        <v>0</v>
      </c>
      <c r="R16" s="160">
        <v>1</v>
      </c>
      <c r="S16" s="160">
        <v>3</v>
      </c>
      <c r="T16" s="160">
        <v>3</v>
      </c>
      <c r="U16" s="160">
        <v>17</v>
      </c>
      <c r="V16" s="160">
        <v>43</v>
      </c>
      <c r="W16" s="165">
        <v>67</v>
      </c>
      <c r="X16" s="164">
        <v>67</v>
      </c>
      <c r="Y16" s="159">
        <v>13</v>
      </c>
      <c r="Z16" s="160">
        <v>30</v>
      </c>
      <c r="AA16" s="165">
        <v>43</v>
      </c>
      <c r="AB16" s="162">
        <v>0</v>
      </c>
      <c r="AC16" s="160">
        <v>116</v>
      </c>
      <c r="AD16" s="160">
        <v>178</v>
      </c>
      <c r="AE16" s="160">
        <v>91</v>
      </c>
      <c r="AF16" s="160">
        <v>77</v>
      </c>
      <c r="AG16" s="160">
        <v>78</v>
      </c>
      <c r="AH16" s="165">
        <v>540</v>
      </c>
      <c r="AI16" s="164">
        <v>583</v>
      </c>
      <c r="AJ16" s="159">
        <v>2</v>
      </c>
      <c r="AK16" s="160">
        <v>3</v>
      </c>
      <c r="AL16" s="165">
        <v>5</v>
      </c>
      <c r="AM16" s="162">
        <v>0</v>
      </c>
      <c r="AN16" s="160">
        <v>16</v>
      </c>
      <c r="AO16" s="160">
        <v>18</v>
      </c>
      <c r="AP16" s="160">
        <v>17</v>
      </c>
      <c r="AQ16" s="160">
        <v>3</v>
      </c>
      <c r="AR16" s="160">
        <v>8</v>
      </c>
      <c r="AS16" s="165">
        <v>62</v>
      </c>
      <c r="AT16" s="164">
        <v>67</v>
      </c>
      <c r="AU16" s="159">
        <v>33</v>
      </c>
      <c r="AV16" s="160">
        <v>29</v>
      </c>
      <c r="AW16" s="165">
        <v>62</v>
      </c>
      <c r="AX16" s="162">
        <v>0</v>
      </c>
      <c r="AY16" s="160">
        <v>210</v>
      </c>
      <c r="AZ16" s="160">
        <v>258</v>
      </c>
      <c r="BA16" s="160">
        <v>202</v>
      </c>
      <c r="BB16" s="160">
        <v>210</v>
      </c>
      <c r="BC16" s="160">
        <v>199</v>
      </c>
      <c r="BD16" s="163">
        <v>1079</v>
      </c>
      <c r="BE16" s="164">
        <v>1141</v>
      </c>
      <c r="BF16" s="159">
        <v>0</v>
      </c>
      <c r="BG16" s="160">
        <v>0</v>
      </c>
      <c r="BH16" s="165">
        <v>0</v>
      </c>
      <c r="BI16" s="162">
        <v>0</v>
      </c>
      <c r="BJ16" s="160">
        <v>184</v>
      </c>
      <c r="BK16" s="160">
        <v>184</v>
      </c>
      <c r="BL16" s="160">
        <v>72</v>
      </c>
      <c r="BM16" s="160">
        <v>56</v>
      </c>
      <c r="BN16" s="160">
        <v>26</v>
      </c>
      <c r="BO16" s="165">
        <v>522</v>
      </c>
      <c r="BP16" s="164">
        <v>522</v>
      </c>
      <c r="BQ16" s="159">
        <v>14</v>
      </c>
      <c r="BR16" s="160">
        <v>15</v>
      </c>
      <c r="BS16" s="165">
        <v>29</v>
      </c>
      <c r="BT16" s="162">
        <v>0</v>
      </c>
      <c r="BU16" s="160">
        <v>37</v>
      </c>
      <c r="BV16" s="160">
        <v>41</v>
      </c>
      <c r="BW16" s="160">
        <v>21</v>
      </c>
      <c r="BX16" s="160">
        <v>21</v>
      </c>
      <c r="BY16" s="160">
        <v>7</v>
      </c>
      <c r="BZ16" s="165">
        <v>127</v>
      </c>
      <c r="CA16" s="164">
        <v>156</v>
      </c>
      <c r="CB16" s="159">
        <v>0</v>
      </c>
      <c r="CC16" s="160">
        <v>0</v>
      </c>
      <c r="CD16" s="165">
        <v>0</v>
      </c>
      <c r="CE16" s="162">
        <v>0</v>
      </c>
      <c r="CF16" s="160">
        <v>19</v>
      </c>
      <c r="CG16" s="160">
        <v>34</v>
      </c>
      <c r="CH16" s="160">
        <v>49</v>
      </c>
      <c r="CI16" s="160">
        <v>29</v>
      </c>
      <c r="CJ16" s="160">
        <v>29</v>
      </c>
      <c r="CK16" s="165">
        <v>160</v>
      </c>
      <c r="CL16" s="164">
        <v>160</v>
      </c>
      <c r="CM16" s="159">
        <v>0</v>
      </c>
      <c r="CN16" s="160">
        <v>0</v>
      </c>
      <c r="CO16" s="165">
        <v>0</v>
      </c>
      <c r="CP16" s="162">
        <v>0</v>
      </c>
      <c r="CQ16" s="160">
        <v>2</v>
      </c>
      <c r="CR16" s="160">
        <v>3</v>
      </c>
      <c r="CS16" s="160">
        <v>6</v>
      </c>
      <c r="CT16" s="160">
        <v>7</v>
      </c>
      <c r="CU16" s="160">
        <v>2</v>
      </c>
      <c r="CV16" s="165">
        <v>20</v>
      </c>
      <c r="CW16" s="164">
        <v>20</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73</v>
      </c>
      <c r="DU16" s="160">
        <v>162</v>
      </c>
      <c r="DV16" s="165">
        <v>235</v>
      </c>
      <c r="DW16" s="162">
        <v>0</v>
      </c>
      <c r="DX16" s="160">
        <v>260</v>
      </c>
      <c r="DY16" s="160">
        <v>444</v>
      </c>
      <c r="DZ16" s="160">
        <v>232</v>
      </c>
      <c r="EA16" s="160">
        <v>190</v>
      </c>
      <c r="EB16" s="160">
        <v>138</v>
      </c>
      <c r="EC16" s="165">
        <v>1264</v>
      </c>
      <c r="ED16" s="164">
        <v>1499</v>
      </c>
      <c r="EE16" s="159">
        <v>18</v>
      </c>
      <c r="EF16" s="160">
        <v>13</v>
      </c>
      <c r="EG16" s="165">
        <v>31</v>
      </c>
      <c r="EH16" s="162">
        <v>0</v>
      </c>
      <c r="EI16" s="160">
        <v>82</v>
      </c>
      <c r="EJ16" s="160">
        <v>81</v>
      </c>
      <c r="EK16" s="160">
        <v>72</v>
      </c>
      <c r="EL16" s="160">
        <v>69</v>
      </c>
      <c r="EM16" s="160">
        <v>48</v>
      </c>
      <c r="EN16" s="165">
        <v>352</v>
      </c>
      <c r="EO16" s="164">
        <v>383</v>
      </c>
      <c r="EP16" s="159">
        <v>96</v>
      </c>
      <c r="EQ16" s="160">
        <v>188</v>
      </c>
      <c r="ER16" s="165">
        <v>284</v>
      </c>
      <c r="ES16" s="162">
        <v>0</v>
      </c>
      <c r="ET16" s="160">
        <v>596</v>
      </c>
      <c r="EU16" s="160">
        <v>612</v>
      </c>
      <c r="EV16" s="160">
        <v>275</v>
      </c>
      <c r="EW16" s="160">
        <v>214</v>
      </c>
      <c r="EX16" s="160">
        <v>159</v>
      </c>
      <c r="EY16" s="165">
        <v>1856</v>
      </c>
      <c r="EZ16" s="164">
        <v>2140</v>
      </c>
    </row>
    <row r="17" spans="2:156" ht="21" customHeight="1" x14ac:dyDescent="0.2">
      <c r="B17" s="166" t="s">
        <v>15</v>
      </c>
      <c r="C17" s="159">
        <v>0</v>
      </c>
      <c r="D17" s="160">
        <v>0</v>
      </c>
      <c r="E17" s="161">
        <v>0</v>
      </c>
      <c r="F17" s="162">
        <v>0</v>
      </c>
      <c r="G17" s="160">
        <v>132</v>
      </c>
      <c r="H17" s="160">
        <v>169</v>
      </c>
      <c r="I17" s="160">
        <v>79</v>
      </c>
      <c r="J17" s="160">
        <v>73</v>
      </c>
      <c r="K17" s="160">
        <v>38</v>
      </c>
      <c r="L17" s="163">
        <v>491</v>
      </c>
      <c r="M17" s="164">
        <v>491</v>
      </c>
      <c r="N17" s="159">
        <v>0</v>
      </c>
      <c r="O17" s="160">
        <v>0</v>
      </c>
      <c r="P17" s="165">
        <v>0</v>
      </c>
      <c r="Q17" s="162">
        <v>0</v>
      </c>
      <c r="R17" s="160">
        <v>1</v>
      </c>
      <c r="S17" s="160">
        <v>3</v>
      </c>
      <c r="T17" s="160">
        <v>5</v>
      </c>
      <c r="U17" s="160">
        <v>24</v>
      </c>
      <c r="V17" s="160">
        <v>20</v>
      </c>
      <c r="W17" s="165">
        <v>53</v>
      </c>
      <c r="X17" s="164">
        <v>53</v>
      </c>
      <c r="Y17" s="159">
        <v>6</v>
      </c>
      <c r="Z17" s="160">
        <v>17</v>
      </c>
      <c r="AA17" s="165">
        <v>23</v>
      </c>
      <c r="AB17" s="162">
        <v>0</v>
      </c>
      <c r="AC17" s="160">
        <v>71</v>
      </c>
      <c r="AD17" s="160">
        <v>88</v>
      </c>
      <c r="AE17" s="160">
        <v>49</v>
      </c>
      <c r="AF17" s="160">
        <v>56</v>
      </c>
      <c r="AG17" s="160">
        <v>41</v>
      </c>
      <c r="AH17" s="165">
        <v>305</v>
      </c>
      <c r="AI17" s="164">
        <v>328</v>
      </c>
      <c r="AJ17" s="159">
        <v>0</v>
      </c>
      <c r="AK17" s="160">
        <v>1</v>
      </c>
      <c r="AL17" s="165">
        <v>1</v>
      </c>
      <c r="AM17" s="162">
        <v>0</v>
      </c>
      <c r="AN17" s="160">
        <v>13</v>
      </c>
      <c r="AO17" s="160">
        <v>14</v>
      </c>
      <c r="AP17" s="160">
        <v>5</v>
      </c>
      <c r="AQ17" s="160">
        <v>4</v>
      </c>
      <c r="AR17" s="160">
        <v>7</v>
      </c>
      <c r="AS17" s="165">
        <v>43</v>
      </c>
      <c r="AT17" s="164">
        <v>44</v>
      </c>
      <c r="AU17" s="159">
        <v>9</v>
      </c>
      <c r="AV17" s="160">
        <v>13</v>
      </c>
      <c r="AW17" s="165">
        <v>22</v>
      </c>
      <c r="AX17" s="162">
        <v>0</v>
      </c>
      <c r="AY17" s="160">
        <v>131</v>
      </c>
      <c r="AZ17" s="160">
        <v>110</v>
      </c>
      <c r="BA17" s="160">
        <v>101</v>
      </c>
      <c r="BB17" s="160">
        <v>115</v>
      </c>
      <c r="BC17" s="160">
        <v>79</v>
      </c>
      <c r="BD17" s="163">
        <v>536</v>
      </c>
      <c r="BE17" s="164">
        <v>558</v>
      </c>
      <c r="BF17" s="159">
        <v>0</v>
      </c>
      <c r="BG17" s="160">
        <v>0</v>
      </c>
      <c r="BH17" s="165">
        <v>0</v>
      </c>
      <c r="BI17" s="162">
        <v>0</v>
      </c>
      <c r="BJ17" s="160">
        <v>95</v>
      </c>
      <c r="BK17" s="160">
        <v>103</v>
      </c>
      <c r="BL17" s="160">
        <v>51</v>
      </c>
      <c r="BM17" s="160">
        <v>33</v>
      </c>
      <c r="BN17" s="160">
        <v>10</v>
      </c>
      <c r="BO17" s="165">
        <v>292</v>
      </c>
      <c r="BP17" s="164">
        <v>292</v>
      </c>
      <c r="BQ17" s="159">
        <v>3</v>
      </c>
      <c r="BR17" s="160">
        <v>6</v>
      </c>
      <c r="BS17" s="165">
        <v>9</v>
      </c>
      <c r="BT17" s="162">
        <v>0</v>
      </c>
      <c r="BU17" s="160">
        <v>30</v>
      </c>
      <c r="BV17" s="160">
        <v>38</v>
      </c>
      <c r="BW17" s="160">
        <v>28</v>
      </c>
      <c r="BX17" s="160">
        <v>11</v>
      </c>
      <c r="BY17" s="160">
        <v>9</v>
      </c>
      <c r="BZ17" s="165">
        <v>116</v>
      </c>
      <c r="CA17" s="164">
        <v>125</v>
      </c>
      <c r="CB17" s="159">
        <v>0</v>
      </c>
      <c r="CC17" s="160">
        <v>2</v>
      </c>
      <c r="CD17" s="165">
        <v>2</v>
      </c>
      <c r="CE17" s="162">
        <v>0</v>
      </c>
      <c r="CF17" s="160">
        <v>21</v>
      </c>
      <c r="CG17" s="160">
        <v>28</v>
      </c>
      <c r="CH17" s="160">
        <v>42</v>
      </c>
      <c r="CI17" s="160">
        <v>47</v>
      </c>
      <c r="CJ17" s="160">
        <v>22</v>
      </c>
      <c r="CK17" s="165">
        <v>160</v>
      </c>
      <c r="CL17" s="164">
        <v>162</v>
      </c>
      <c r="CM17" s="159">
        <v>0</v>
      </c>
      <c r="CN17" s="160">
        <v>0</v>
      </c>
      <c r="CO17" s="165">
        <v>0</v>
      </c>
      <c r="CP17" s="162">
        <v>0</v>
      </c>
      <c r="CQ17" s="160">
        <v>3</v>
      </c>
      <c r="CR17" s="160">
        <v>9</v>
      </c>
      <c r="CS17" s="160">
        <v>3</v>
      </c>
      <c r="CT17" s="160">
        <v>3</v>
      </c>
      <c r="CU17" s="160">
        <v>1</v>
      </c>
      <c r="CV17" s="165">
        <v>19</v>
      </c>
      <c r="CW17" s="164">
        <v>19</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73</v>
      </c>
      <c r="DU17" s="160">
        <v>177</v>
      </c>
      <c r="DV17" s="165">
        <v>250</v>
      </c>
      <c r="DW17" s="162">
        <v>0</v>
      </c>
      <c r="DX17" s="160">
        <v>254</v>
      </c>
      <c r="DY17" s="160">
        <v>367</v>
      </c>
      <c r="DZ17" s="160">
        <v>171</v>
      </c>
      <c r="EA17" s="160">
        <v>137</v>
      </c>
      <c r="EB17" s="160">
        <v>84</v>
      </c>
      <c r="EC17" s="165">
        <v>1013</v>
      </c>
      <c r="ED17" s="164">
        <v>1263</v>
      </c>
      <c r="EE17" s="159">
        <v>15</v>
      </c>
      <c r="EF17" s="160">
        <v>11</v>
      </c>
      <c r="EG17" s="165">
        <v>26</v>
      </c>
      <c r="EH17" s="162">
        <v>0</v>
      </c>
      <c r="EI17" s="160">
        <v>57</v>
      </c>
      <c r="EJ17" s="160">
        <v>20</v>
      </c>
      <c r="EK17" s="160">
        <v>26</v>
      </c>
      <c r="EL17" s="160">
        <v>37</v>
      </c>
      <c r="EM17" s="160">
        <v>17</v>
      </c>
      <c r="EN17" s="165">
        <v>157</v>
      </c>
      <c r="EO17" s="164">
        <v>183</v>
      </c>
      <c r="EP17" s="159">
        <v>79</v>
      </c>
      <c r="EQ17" s="160">
        <v>186</v>
      </c>
      <c r="ER17" s="165">
        <v>265</v>
      </c>
      <c r="ES17" s="162">
        <v>0</v>
      </c>
      <c r="ET17" s="160">
        <v>459</v>
      </c>
      <c r="EU17" s="160">
        <v>485</v>
      </c>
      <c r="EV17" s="160">
        <v>220</v>
      </c>
      <c r="EW17" s="160">
        <v>175</v>
      </c>
      <c r="EX17" s="160">
        <v>94</v>
      </c>
      <c r="EY17" s="165">
        <v>1433</v>
      </c>
      <c r="EZ17" s="164">
        <v>1698</v>
      </c>
    </row>
    <row r="18" spans="2:156" ht="21" customHeight="1" x14ac:dyDescent="0.2">
      <c r="B18" s="166" t="s">
        <v>16</v>
      </c>
      <c r="C18" s="159">
        <v>0</v>
      </c>
      <c r="D18" s="160">
        <v>0</v>
      </c>
      <c r="E18" s="161">
        <v>0</v>
      </c>
      <c r="F18" s="162">
        <v>0</v>
      </c>
      <c r="G18" s="160">
        <v>215</v>
      </c>
      <c r="H18" s="160">
        <v>302</v>
      </c>
      <c r="I18" s="160">
        <v>164</v>
      </c>
      <c r="J18" s="160">
        <v>137</v>
      </c>
      <c r="K18" s="160">
        <v>85</v>
      </c>
      <c r="L18" s="163">
        <v>903</v>
      </c>
      <c r="M18" s="164">
        <v>903</v>
      </c>
      <c r="N18" s="159">
        <v>0</v>
      </c>
      <c r="O18" s="160">
        <v>0</v>
      </c>
      <c r="P18" s="165">
        <v>0</v>
      </c>
      <c r="Q18" s="162">
        <v>0</v>
      </c>
      <c r="R18" s="160">
        <v>1</v>
      </c>
      <c r="S18" s="160">
        <v>3</v>
      </c>
      <c r="T18" s="160">
        <v>8</v>
      </c>
      <c r="U18" s="160">
        <v>20</v>
      </c>
      <c r="V18" s="160">
        <v>30</v>
      </c>
      <c r="W18" s="165">
        <v>62</v>
      </c>
      <c r="X18" s="164">
        <v>62</v>
      </c>
      <c r="Y18" s="159">
        <v>31</v>
      </c>
      <c r="Z18" s="160">
        <v>71</v>
      </c>
      <c r="AA18" s="165">
        <v>102</v>
      </c>
      <c r="AB18" s="162">
        <v>0</v>
      </c>
      <c r="AC18" s="160">
        <v>158</v>
      </c>
      <c r="AD18" s="160">
        <v>309</v>
      </c>
      <c r="AE18" s="160">
        <v>171</v>
      </c>
      <c r="AF18" s="160">
        <v>165</v>
      </c>
      <c r="AG18" s="160">
        <v>116</v>
      </c>
      <c r="AH18" s="165">
        <v>919</v>
      </c>
      <c r="AI18" s="164">
        <v>1021</v>
      </c>
      <c r="AJ18" s="159">
        <v>6</v>
      </c>
      <c r="AK18" s="160">
        <v>11</v>
      </c>
      <c r="AL18" s="165">
        <v>17</v>
      </c>
      <c r="AM18" s="162">
        <v>0</v>
      </c>
      <c r="AN18" s="160">
        <v>9</v>
      </c>
      <c r="AO18" s="160">
        <v>29</v>
      </c>
      <c r="AP18" s="160">
        <v>16</v>
      </c>
      <c r="AQ18" s="160">
        <v>11</v>
      </c>
      <c r="AR18" s="160">
        <v>15</v>
      </c>
      <c r="AS18" s="165">
        <v>80</v>
      </c>
      <c r="AT18" s="164">
        <v>97</v>
      </c>
      <c r="AU18" s="159">
        <v>35</v>
      </c>
      <c r="AV18" s="160">
        <v>41</v>
      </c>
      <c r="AW18" s="165">
        <v>76</v>
      </c>
      <c r="AX18" s="162">
        <v>0</v>
      </c>
      <c r="AY18" s="160">
        <v>257</v>
      </c>
      <c r="AZ18" s="160">
        <v>370</v>
      </c>
      <c r="BA18" s="160">
        <v>275</v>
      </c>
      <c r="BB18" s="160">
        <v>320</v>
      </c>
      <c r="BC18" s="160">
        <v>213</v>
      </c>
      <c r="BD18" s="163">
        <v>1435</v>
      </c>
      <c r="BE18" s="164">
        <v>1511</v>
      </c>
      <c r="BF18" s="159">
        <v>0</v>
      </c>
      <c r="BG18" s="160">
        <v>0</v>
      </c>
      <c r="BH18" s="165">
        <v>0</v>
      </c>
      <c r="BI18" s="162">
        <v>0</v>
      </c>
      <c r="BJ18" s="160">
        <v>342</v>
      </c>
      <c r="BK18" s="160">
        <v>418</v>
      </c>
      <c r="BL18" s="160">
        <v>222</v>
      </c>
      <c r="BM18" s="160">
        <v>145</v>
      </c>
      <c r="BN18" s="160">
        <v>66</v>
      </c>
      <c r="BO18" s="165">
        <v>1193</v>
      </c>
      <c r="BP18" s="164">
        <v>1193</v>
      </c>
      <c r="BQ18" s="159">
        <v>57</v>
      </c>
      <c r="BR18" s="160">
        <v>110</v>
      </c>
      <c r="BS18" s="165">
        <v>167</v>
      </c>
      <c r="BT18" s="162">
        <v>0</v>
      </c>
      <c r="BU18" s="160">
        <v>175</v>
      </c>
      <c r="BV18" s="160">
        <v>252</v>
      </c>
      <c r="BW18" s="160">
        <v>102</v>
      </c>
      <c r="BX18" s="160">
        <v>70</v>
      </c>
      <c r="BY18" s="160">
        <v>22</v>
      </c>
      <c r="BZ18" s="165">
        <v>621</v>
      </c>
      <c r="CA18" s="164">
        <v>788</v>
      </c>
      <c r="CB18" s="159">
        <v>0</v>
      </c>
      <c r="CC18" s="160">
        <v>5</v>
      </c>
      <c r="CD18" s="165">
        <v>5</v>
      </c>
      <c r="CE18" s="162">
        <v>0</v>
      </c>
      <c r="CF18" s="160">
        <v>42</v>
      </c>
      <c r="CG18" s="160">
        <v>79</v>
      </c>
      <c r="CH18" s="160">
        <v>74</v>
      </c>
      <c r="CI18" s="160">
        <v>46</v>
      </c>
      <c r="CJ18" s="160">
        <v>28</v>
      </c>
      <c r="CK18" s="165">
        <v>269</v>
      </c>
      <c r="CL18" s="164">
        <v>274</v>
      </c>
      <c r="CM18" s="159">
        <v>0</v>
      </c>
      <c r="CN18" s="160">
        <v>0</v>
      </c>
      <c r="CO18" s="165">
        <v>0</v>
      </c>
      <c r="CP18" s="162">
        <v>0</v>
      </c>
      <c r="CQ18" s="160">
        <v>3</v>
      </c>
      <c r="CR18" s="160">
        <v>7</v>
      </c>
      <c r="CS18" s="160">
        <v>8</v>
      </c>
      <c r="CT18" s="160">
        <v>11</v>
      </c>
      <c r="CU18" s="160">
        <v>7</v>
      </c>
      <c r="CV18" s="165">
        <v>36</v>
      </c>
      <c r="CW18" s="164">
        <v>36</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65</v>
      </c>
      <c r="DU18" s="160">
        <v>402</v>
      </c>
      <c r="DV18" s="165">
        <v>567</v>
      </c>
      <c r="DW18" s="162">
        <v>0</v>
      </c>
      <c r="DX18" s="160">
        <v>422</v>
      </c>
      <c r="DY18" s="160">
        <v>862</v>
      </c>
      <c r="DZ18" s="160">
        <v>457</v>
      </c>
      <c r="EA18" s="160">
        <v>344</v>
      </c>
      <c r="EB18" s="160">
        <v>215</v>
      </c>
      <c r="EC18" s="165">
        <v>2300</v>
      </c>
      <c r="ED18" s="164">
        <v>2867</v>
      </c>
      <c r="EE18" s="159">
        <v>26</v>
      </c>
      <c r="EF18" s="160">
        <v>15</v>
      </c>
      <c r="EG18" s="165">
        <v>41</v>
      </c>
      <c r="EH18" s="162">
        <v>0</v>
      </c>
      <c r="EI18" s="160">
        <v>111</v>
      </c>
      <c r="EJ18" s="160">
        <v>118</v>
      </c>
      <c r="EK18" s="160">
        <v>92</v>
      </c>
      <c r="EL18" s="160">
        <v>125</v>
      </c>
      <c r="EM18" s="160">
        <v>66</v>
      </c>
      <c r="EN18" s="165">
        <v>512</v>
      </c>
      <c r="EO18" s="164">
        <v>553</v>
      </c>
      <c r="EP18" s="159">
        <v>232</v>
      </c>
      <c r="EQ18" s="160">
        <v>508</v>
      </c>
      <c r="ER18" s="165">
        <v>740</v>
      </c>
      <c r="ES18" s="162">
        <v>0</v>
      </c>
      <c r="ET18" s="160">
        <v>864</v>
      </c>
      <c r="EU18" s="160">
        <v>1161</v>
      </c>
      <c r="EV18" s="160">
        <v>574</v>
      </c>
      <c r="EW18" s="160">
        <v>386</v>
      </c>
      <c r="EX18" s="160">
        <v>212</v>
      </c>
      <c r="EY18" s="165">
        <v>3197</v>
      </c>
      <c r="EZ18" s="164">
        <v>3937</v>
      </c>
    </row>
    <row r="19" spans="2:156" ht="21" customHeight="1" x14ac:dyDescent="0.2">
      <c r="B19" s="166" t="s">
        <v>17</v>
      </c>
      <c r="C19" s="159">
        <v>0</v>
      </c>
      <c r="D19" s="160">
        <v>0</v>
      </c>
      <c r="E19" s="161">
        <v>0</v>
      </c>
      <c r="F19" s="162">
        <v>0</v>
      </c>
      <c r="G19" s="160">
        <v>226</v>
      </c>
      <c r="H19" s="160">
        <v>497</v>
      </c>
      <c r="I19" s="160">
        <v>301</v>
      </c>
      <c r="J19" s="160">
        <v>264</v>
      </c>
      <c r="K19" s="160">
        <v>147</v>
      </c>
      <c r="L19" s="163">
        <v>1435</v>
      </c>
      <c r="M19" s="164">
        <v>1435</v>
      </c>
      <c r="N19" s="159">
        <v>0</v>
      </c>
      <c r="O19" s="160">
        <v>1</v>
      </c>
      <c r="P19" s="165">
        <v>1</v>
      </c>
      <c r="Q19" s="162">
        <v>0</v>
      </c>
      <c r="R19" s="160">
        <v>0</v>
      </c>
      <c r="S19" s="160">
        <v>8</v>
      </c>
      <c r="T19" s="160">
        <v>17</v>
      </c>
      <c r="U19" s="160">
        <v>47</v>
      </c>
      <c r="V19" s="160">
        <v>63</v>
      </c>
      <c r="W19" s="165">
        <v>135</v>
      </c>
      <c r="X19" s="164">
        <v>136</v>
      </c>
      <c r="Y19" s="159">
        <v>41</v>
      </c>
      <c r="Z19" s="160">
        <v>115</v>
      </c>
      <c r="AA19" s="165">
        <v>156</v>
      </c>
      <c r="AB19" s="162">
        <v>0</v>
      </c>
      <c r="AC19" s="160">
        <v>189</v>
      </c>
      <c r="AD19" s="160">
        <v>402</v>
      </c>
      <c r="AE19" s="160">
        <v>252</v>
      </c>
      <c r="AF19" s="160">
        <v>215</v>
      </c>
      <c r="AG19" s="160">
        <v>124</v>
      </c>
      <c r="AH19" s="165">
        <v>1182</v>
      </c>
      <c r="AI19" s="164">
        <v>1338</v>
      </c>
      <c r="AJ19" s="159">
        <v>8</v>
      </c>
      <c r="AK19" s="160">
        <v>12</v>
      </c>
      <c r="AL19" s="165">
        <v>20</v>
      </c>
      <c r="AM19" s="162">
        <v>0</v>
      </c>
      <c r="AN19" s="160">
        <v>10</v>
      </c>
      <c r="AO19" s="160">
        <v>42</v>
      </c>
      <c r="AP19" s="160">
        <v>27</v>
      </c>
      <c r="AQ19" s="160">
        <v>20</v>
      </c>
      <c r="AR19" s="160">
        <v>19</v>
      </c>
      <c r="AS19" s="165">
        <v>118</v>
      </c>
      <c r="AT19" s="164">
        <v>138</v>
      </c>
      <c r="AU19" s="159">
        <v>48</v>
      </c>
      <c r="AV19" s="160">
        <v>69</v>
      </c>
      <c r="AW19" s="165">
        <v>117</v>
      </c>
      <c r="AX19" s="162">
        <v>0</v>
      </c>
      <c r="AY19" s="160">
        <v>262</v>
      </c>
      <c r="AZ19" s="160">
        <v>531</v>
      </c>
      <c r="BA19" s="160">
        <v>510</v>
      </c>
      <c r="BB19" s="160">
        <v>476</v>
      </c>
      <c r="BC19" s="160">
        <v>313</v>
      </c>
      <c r="BD19" s="163">
        <v>2092</v>
      </c>
      <c r="BE19" s="164">
        <v>2209</v>
      </c>
      <c r="BF19" s="159">
        <v>0</v>
      </c>
      <c r="BG19" s="160">
        <v>0</v>
      </c>
      <c r="BH19" s="165">
        <v>0</v>
      </c>
      <c r="BI19" s="162">
        <v>0</v>
      </c>
      <c r="BJ19" s="160">
        <v>313</v>
      </c>
      <c r="BK19" s="160">
        <v>512</v>
      </c>
      <c r="BL19" s="160">
        <v>330</v>
      </c>
      <c r="BM19" s="160">
        <v>179</v>
      </c>
      <c r="BN19" s="160">
        <v>94</v>
      </c>
      <c r="BO19" s="165">
        <v>1428</v>
      </c>
      <c r="BP19" s="164">
        <v>1428</v>
      </c>
      <c r="BQ19" s="159">
        <v>39</v>
      </c>
      <c r="BR19" s="160">
        <v>81</v>
      </c>
      <c r="BS19" s="165">
        <v>120</v>
      </c>
      <c r="BT19" s="162">
        <v>0</v>
      </c>
      <c r="BU19" s="160">
        <v>70</v>
      </c>
      <c r="BV19" s="160">
        <v>222</v>
      </c>
      <c r="BW19" s="160">
        <v>123</v>
      </c>
      <c r="BX19" s="160">
        <v>49</v>
      </c>
      <c r="BY19" s="160">
        <v>19</v>
      </c>
      <c r="BZ19" s="165">
        <v>483</v>
      </c>
      <c r="CA19" s="164">
        <v>603</v>
      </c>
      <c r="CB19" s="159">
        <v>0</v>
      </c>
      <c r="CC19" s="160">
        <v>9</v>
      </c>
      <c r="CD19" s="165">
        <v>9</v>
      </c>
      <c r="CE19" s="162">
        <v>0</v>
      </c>
      <c r="CF19" s="160">
        <v>29</v>
      </c>
      <c r="CG19" s="160">
        <v>103</v>
      </c>
      <c r="CH19" s="160">
        <v>114</v>
      </c>
      <c r="CI19" s="160">
        <v>84</v>
      </c>
      <c r="CJ19" s="160">
        <v>44</v>
      </c>
      <c r="CK19" s="165">
        <v>374</v>
      </c>
      <c r="CL19" s="164">
        <v>383</v>
      </c>
      <c r="CM19" s="159">
        <v>0</v>
      </c>
      <c r="CN19" s="160">
        <v>0</v>
      </c>
      <c r="CO19" s="165">
        <v>0</v>
      </c>
      <c r="CP19" s="162">
        <v>0</v>
      </c>
      <c r="CQ19" s="160">
        <v>8</v>
      </c>
      <c r="CR19" s="160">
        <v>16</v>
      </c>
      <c r="CS19" s="160">
        <v>13</v>
      </c>
      <c r="CT19" s="160">
        <v>16</v>
      </c>
      <c r="CU19" s="160">
        <v>4</v>
      </c>
      <c r="CV19" s="165">
        <v>57</v>
      </c>
      <c r="CW19" s="164">
        <v>57</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225</v>
      </c>
      <c r="DU19" s="160">
        <v>557</v>
      </c>
      <c r="DV19" s="165">
        <v>782</v>
      </c>
      <c r="DW19" s="162">
        <v>0</v>
      </c>
      <c r="DX19" s="160">
        <v>405</v>
      </c>
      <c r="DY19" s="160">
        <v>1253</v>
      </c>
      <c r="DZ19" s="160">
        <v>771</v>
      </c>
      <c r="EA19" s="160">
        <v>589</v>
      </c>
      <c r="EB19" s="160">
        <v>306</v>
      </c>
      <c r="EC19" s="165">
        <v>3324</v>
      </c>
      <c r="ED19" s="164">
        <v>4106</v>
      </c>
      <c r="EE19" s="159">
        <v>26</v>
      </c>
      <c r="EF19" s="160">
        <v>32</v>
      </c>
      <c r="EG19" s="165">
        <v>58</v>
      </c>
      <c r="EH19" s="162">
        <v>0</v>
      </c>
      <c r="EI19" s="160">
        <v>99</v>
      </c>
      <c r="EJ19" s="160">
        <v>138</v>
      </c>
      <c r="EK19" s="160">
        <v>107</v>
      </c>
      <c r="EL19" s="160">
        <v>96</v>
      </c>
      <c r="EM19" s="160">
        <v>61</v>
      </c>
      <c r="EN19" s="165">
        <v>501</v>
      </c>
      <c r="EO19" s="164">
        <v>559</v>
      </c>
      <c r="EP19" s="159">
        <v>292</v>
      </c>
      <c r="EQ19" s="160">
        <v>649</v>
      </c>
      <c r="ER19" s="165">
        <v>941</v>
      </c>
      <c r="ES19" s="162">
        <v>0</v>
      </c>
      <c r="ET19" s="160">
        <v>961</v>
      </c>
      <c r="EU19" s="160">
        <v>1662</v>
      </c>
      <c r="EV19" s="160">
        <v>902</v>
      </c>
      <c r="EW19" s="160">
        <v>642</v>
      </c>
      <c r="EX19" s="160">
        <v>307</v>
      </c>
      <c r="EY19" s="165">
        <v>4474</v>
      </c>
      <c r="EZ19" s="164">
        <v>5415</v>
      </c>
    </row>
    <row r="20" spans="2:156" ht="21" customHeight="1" x14ac:dyDescent="0.2">
      <c r="B20" s="166" t="s">
        <v>18</v>
      </c>
      <c r="C20" s="159">
        <v>0</v>
      </c>
      <c r="D20" s="160">
        <v>0</v>
      </c>
      <c r="E20" s="161">
        <v>0</v>
      </c>
      <c r="F20" s="162">
        <v>0</v>
      </c>
      <c r="G20" s="160">
        <v>478</v>
      </c>
      <c r="H20" s="160">
        <v>524</v>
      </c>
      <c r="I20" s="160">
        <v>322</v>
      </c>
      <c r="J20" s="160">
        <v>244</v>
      </c>
      <c r="K20" s="160">
        <v>208</v>
      </c>
      <c r="L20" s="163">
        <v>1776</v>
      </c>
      <c r="M20" s="164">
        <v>1776</v>
      </c>
      <c r="N20" s="159">
        <v>0</v>
      </c>
      <c r="O20" s="160">
        <v>0</v>
      </c>
      <c r="P20" s="165">
        <v>0</v>
      </c>
      <c r="Q20" s="162">
        <v>0</v>
      </c>
      <c r="R20" s="160">
        <v>4</v>
      </c>
      <c r="S20" s="160">
        <v>7</v>
      </c>
      <c r="T20" s="160">
        <v>18</v>
      </c>
      <c r="U20" s="160">
        <v>49</v>
      </c>
      <c r="V20" s="160">
        <v>78</v>
      </c>
      <c r="W20" s="165">
        <v>156</v>
      </c>
      <c r="X20" s="164">
        <v>156</v>
      </c>
      <c r="Y20" s="159">
        <v>65</v>
      </c>
      <c r="Z20" s="160">
        <v>119</v>
      </c>
      <c r="AA20" s="165">
        <v>184</v>
      </c>
      <c r="AB20" s="162">
        <v>0</v>
      </c>
      <c r="AC20" s="160">
        <v>368</v>
      </c>
      <c r="AD20" s="160">
        <v>431</v>
      </c>
      <c r="AE20" s="160">
        <v>266</v>
      </c>
      <c r="AF20" s="160">
        <v>198</v>
      </c>
      <c r="AG20" s="160">
        <v>154</v>
      </c>
      <c r="AH20" s="165">
        <v>1417</v>
      </c>
      <c r="AI20" s="164">
        <v>1601</v>
      </c>
      <c r="AJ20" s="159">
        <v>7</v>
      </c>
      <c r="AK20" s="160">
        <v>14</v>
      </c>
      <c r="AL20" s="165">
        <v>21</v>
      </c>
      <c r="AM20" s="162">
        <v>0</v>
      </c>
      <c r="AN20" s="160">
        <v>38</v>
      </c>
      <c r="AO20" s="160">
        <v>47</v>
      </c>
      <c r="AP20" s="160">
        <v>38</v>
      </c>
      <c r="AQ20" s="160">
        <v>20</v>
      </c>
      <c r="AR20" s="160">
        <v>12</v>
      </c>
      <c r="AS20" s="165">
        <v>155</v>
      </c>
      <c r="AT20" s="164">
        <v>176</v>
      </c>
      <c r="AU20" s="159">
        <v>59</v>
      </c>
      <c r="AV20" s="160">
        <v>85</v>
      </c>
      <c r="AW20" s="165">
        <v>144</v>
      </c>
      <c r="AX20" s="162">
        <v>0</v>
      </c>
      <c r="AY20" s="160">
        <v>535</v>
      </c>
      <c r="AZ20" s="160">
        <v>628</v>
      </c>
      <c r="BA20" s="160">
        <v>591</v>
      </c>
      <c r="BB20" s="160">
        <v>548</v>
      </c>
      <c r="BC20" s="160">
        <v>410</v>
      </c>
      <c r="BD20" s="163">
        <v>2712</v>
      </c>
      <c r="BE20" s="164">
        <v>2856</v>
      </c>
      <c r="BF20" s="159">
        <v>0</v>
      </c>
      <c r="BG20" s="160">
        <v>0</v>
      </c>
      <c r="BH20" s="165">
        <v>0</v>
      </c>
      <c r="BI20" s="162">
        <v>0</v>
      </c>
      <c r="BJ20" s="160">
        <v>734</v>
      </c>
      <c r="BK20" s="160">
        <v>696</v>
      </c>
      <c r="BL20" s="160">
        <v>392</v>
      </c>
      <c r="BM20" s="160">
        <v>202</v>
      </c>
      <c r="BN20" s="160">
        <v>96</v>
      </c>
      <c r="BO20" s="165">
        <v>2120</v>
      </c>
      <c r="BP20" s="164">
        <v>2120</v>
      </c>
      <c r="BQ20" s="159">
        <v>70</v>
      </c>
      <c r="BR20" s="160">
        <v>133</v>
      </c>
      <c r="BS20" s="165">
        <v>203</v>
      </c>
      <c r="BT20" s="162">
        <v>0</v>
      </c>
      <c r="BU20" s="160">
        <v>209</v>
      </c>
      <c r="BV20" s="160">
        <v>210</v>
      </c>
      <c r="BW20" s="160">
        <v>126</v>
      </c>
      <c r="BX20" s="160">
        <v>67</v>
      </c>
      <c r="BY20" s="160">
        <v>25</v>
      </c>
      <c r="BZ20" s="165">
        <v>637</v>
      </c>
      <c r="CA20" s="164">
        <v>840</v>
      </c>
      <c r="CB20" s="159">
        <v>0</v>
      </c>
      <c r="CC20" s="160">
        <v>7</v>
      </c>
      <c r="CD20" s="165">
        <v>7</v>
      </c>
      <c r="CE20" s="162">
        <v>0</v>
      </c>
      <c r="CF20" s="160">
        <v>52</v>
      </c>
      <c r="CG20" s="160">
        <v>99</v>
      </c>
      <c r="CH20" s="160">
        <v>136</v>
      </c>
      <c r="CI20" s="160">
        <v>92</v>
      </c>
      <c r="CJ20" s="160">
        <v>50</v>
      </c>
      <c r="CK20" s="165">
        <v>429</v>
      </c>
      <c r="CL20" s="164">
        <v>436</v>
      </c>
      <c r="CM20" s="159">
        <v>0</v>
      </c>
      <c r="CN20" s="160">
        <v>0</v>
      </c>
      <c r="CO20" s="165">
        <v>0</v>
      </c>
      <c r="CP20" s="162">
        <v>0</v>
      </c>
      <c r="CQ20" s="160">
        <v>2</v>
      </c>
      <c r="CR20" s="160">
        <v>7</v>
      </c>
      <c r="CS20" s="160">
        <v>5</v>
      </c>
      <c r="CT20" s="160">
        <v>6</v>
      </c>
      <c r="CU20" s="160">
        <v>1</v>
      </c>
      <c r="CV20" s="165">
        <v>21</v>
      </c>
      <c r="CW20" s="164">
        <v>21</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231</v>
      </c>
      <c r="DU20" s="160">
        <v>581</v>
      </c>
      <c r="DV20" s="165">
        <v>812</v>
      </c>
      <c r="DW20" s="162">
        <v>0</v>
      </c>
      <c r="DX20" s="160">
        <v>841</v>
      </c>
      <c r="DY20" s="160">
        <v>1188</v>
      </c>
      <c r="DZ20" s="160">
        <v>762</v>
      </c>
      <c r="EA20" s="160">
        <v>547</v>
      </c>
      <c r="EB20" s="160">
        <v>372</v>
      </c>
      <c r="EC20" s="165">
        <v>3710</v>
      </c>
      <c r="ED20" s="164">
        <v>4522</v>
      </c>
      <c r="EE20" s="159">
        <v>31</v>
      </c>
      <c r="EF20" s="160">
        <v>9</v>
      </c>
      <c r="EG20" s="165">
        <v>40</v>
      </c>
      <c r="EH20" s="162">
        <v>0</v>
      </c>
      <c r="EI20" s="160">
        <v>141</v>
      </c>
      <c r="EJ20" s="160">
        <v>118</v>
      </c>
      <c r="EK20" s="160">
        <v>122</v>
      </c>
      <c r="EL20" s="160">
        <v>126</v>
      </c>
      <c r="EM20" s="160">
        <v>79</v>
      </c>
      <c r="EN20" s="165">
        <v>586</v>
      </c>
      <c r="EO20" s="164">
        <v>626</v>
      </c>
      <c r="EP20" s="159">
        <v>340</v>
      </c>
      <c r="EQ20" s="160">
        <v>715</v>
      </c>
      <c r="ER20" s="165">
        <v>1055</v>
      </c>
      <c r="ES20" s="162">
        <v>0</v>
      </c>
      <c r="ET20" s="160">
        <v>1708</v>
      </c>
      <c r="EU20" s="160">
        <v>1586</v>
      </c>
      <c r="EV20" s="160">
        <v>892</v>
      </c>
      <c r="EW20" s="160">
        <v>577</v>
      </c>
      <c r="EX20" s="160">
        <v>359</v>
      </c>
      <c r="EY20" s="165">
        <v>5122</v>
      </c>
      <c r="EZ20" s="164">
        <v>6177</v>
      </c>
    </row>
    <row r="21" spans="2:156" ht="21" customHeight="1" x14ac:dyDescent="0.2">
      <c r="B21" s="166" t="s">
        <v>19</v>
      </c>
      <c r="C21" s="159">
        <v>0</v>
      </c>
      <c r="D21" s="160">
        <v>0</v>
      </c>
      <c r="E21" s="161">
        <v>0</v>
      </c>
      <c r="F21" s="162">
        <v>0</v>
      </c>
      <c r="G21" s="160">
        <v>189</v>
      </c>
      <c r="H21" s="160">
        <v>154</v>
      </c>
      <c r="I21" s="160">
        <v>112</v>
      </c>
      <c r="J21" s="160">
        <v>75</v>
      </c>
      <c r="K21" s="160">
        <v>62</v>
      </c>
      <c r="L21" s="163">
        <v>592</v>
      </c>
      <c r="M21" s="164">
        <v>592</v>
      </c>
      <c r="N21" s="159">
        <v>0</v>
      </c>
      <c r="O21" s="160">
        <v>0</v>
      </c>
      <c r="P21" s="165">
        <v>0</v>
      </c>
      <c r="Q21" s="162">
        <v>0</v>
      </c>
      <c r="R21" s="160">
        <v>1</v>
      </c>
      <c r="S21" s="160">
        <v>3</v>
      </c>
      <c r="T21" s="160">
        <v>5</v>
      </c>
      <c r="U21" s="160">
        <v>6</v>
      </c>
      <c r="V21" s="160">
        <v>8</v>
      </c>
      <c r="W21" s="165">
        <v>23</v>
      </c>
      <c r="X21" s="164">
        <v>23</v>
      </c>
      <c r="Y21" s="159">
        <v>45</v>
      </c>
      <c r="Z21" s="160">
        <v>62</v>
      </c>
      <c r="AA21" s="165">
        <v>107</v>
      </c>
      <c r="AB21" s="162">
        <v>0</v>
      </c>
      <c r="AC21" s="160">
        <v>199</v>
      </c>
      <c r="AD21" s="160">
        <v>150</v>
      </c>
      <c r="AE21" s="160">
        <v>118</v>
      </c>
      <c r="AF21" s="160">
        <v>75</v>
      </c>
      <c r="AG21" s="160">
        <v>64</v>
      </c>
      <c r="AH21" s="165">
        <v>606</v>
      </c>
      <c r="AI21" s="164">
        <v>713</v>
      </c>
      <c r="AJ21" s="159">
        <v>5</v>
      </c>
      <c r="AK21" s="160">
        <v>7</v>
      </c>
      <c r="AL21" s="165">
        <v>12</v>
      </c>
      <c r="AM21" s="162">
        <v>0</v>
      </c>
      <c r="AN21" s="160">
        <v>20</v>
      </c>
      <c r="AO21" s="160">
        <v>16</v>
      </c>
      <c r="AP21" s="160">
        <v>8</v>
      </c>
      <c r="AQ21" s="160">
        <v>8</v>
      </c>
      <c r="AR21" s="160">
        <v>3</v>
      </c>
      <c r="AS21" s="165">
        <v>55</v>
      </c>
      <c r="AT21" s="164">
        <v>67</v>
      </c>
      <c r="AU21" s="159">
        <v>42</v>
      </c>
      <c r="AV21" s="160">
        <v>48</v>
      </c>
      <c r="AW21" s="165">
        <v>90</v>
      </c>
      <c r="AX21" s="162">
        <v>0</v>
      </c>
      <c r="AY21" s="160">
        <v>228</v>
      </c>
      <c r="AZ21" s="160">
        <v>236</v>
      </c>
      <c r="BA21" s="160">
        <v>199</v>
      </c>
      <c r="BB21" s="160">
        <v>178</v>
      </c>
      <c r="BC21" s="160">
        <v>157</v>
      </c>
      <c r="BD21" s="163">
        <v>998</v>
      </c>
      <c r="BE21" s="164">
        <v>1088</v>
      </c>
      <c r="BF21" s="159">
        <v>0</v>
      </c>
      <c r="BG21" s="160">
        <v>0</v>
      </c>
      <c r="BH21" s="165">
        <v>0</v>
      </c>
      <c r="BI21" s="162">
        <v>0</v>
      </c>
      <c r="BJ21" s="160">
        <v>271</v>
      </c>
      <c r="BK21" s="160">
        <v>221</v>
      </c>
      <c r="BL21" s="160">
        <v>119</v>
      </c>
      <c r="BM21" s="160">
        <v>55</v>
      </c>
      <c r="BN21" s="160">
        <v>35</v>
      </c>
      <c r="BO21" s="165">
        <v>701</v>
      </c>
      <c r="BP21" s="164">
        <v>701</v>
      </c>
      <c r="BQ21" s="159">
        <v>41</v>
      </c>
      <c r="BR21" s="160">
        <v>71</v>
      </c>
      <c r="BS21" s="165">
        <v>112</v>
      </c>
      <c r="BT21" s="162">
        <v>0</v>
      </c>
      <c r="BU21" s="160">
        <v>143</v>
      </c>
      <c r="BV21" s="160">
        <v>114</v>
      </c>
      <c r="BW21" s="160">
        <v>57</v>
      </c>
      <c r="BX21" s="160">
        <v>35</v>
      </c>
      <c r="BY21" s="160">
        <v>5</v>
      </c>
      <c r="BZ21" s="165">
        <v>354</v>
      </c>
      <c r="CA21" s="164">
        <v>466</v>
      </c>
      <c r="CB21" s="159">
        <v>0</v>
      </c>
      <c r="CC21" s="160">
        <v>2</v>
      </c>
      <c r="CD21" s="165">
        <v>2</v>
      </c>
      <c r="CE21" s="162">
        <v>0</v>
      </c>
      <c r="CF21" s="160">
        <v>27</v>
      </c>
      <c r="CG21" s="160">
        <v>47</v>
      </c>
      <c r="CH21" s="160">
        <v>61</v>
      </c>
      <c r="CI21" s="160">
        <v>22</v>
      </c>
      <c r="CJ21" s="160">
        <v>16</v>
      </c>
      <c r="CK21" s="165">
        <v>173</v>
      </c>
      <c r="CL21" s="164">
        <v>175</v>
      </c>
      <c r="CM21" s="159">
        <v>0</v>
      </c>
      <c r="CN21" s="160">
        <v>0</v>
      </c>
      <c r="CO21" s="165">
        <v>0</v>
      </c>
      <c r="CP21" s="162">
        <v>0</v>
      </c>
      <c r="CQ21" s="160">
        <v>9</v>
      </c>
      <c r="CR21" s="160">
        <v>7</v>
      </c>
      <c r="CS21" s="160">
        <v>8</v>
      </c>
      <c r="CT21" s="160">
        <v>7</v>
      </c>
      <c r="CU21" s="160">
        <v>2</v>
      </c>
      <c r="CV21" s="165">
        <v>33</v>
      </c>
      <c r="CW21" s="164">
        <v>33</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166</v>
      </c>
      <c r="DU21" s="160">
        <v>258</v>
      </c>
      <c r="DV21" s="165">
        <v>424</v>
      </c>
      <c r="DW21" s="162">
        <v>0</v>
      </c>
      <c r="DX21" s="160">
        <v>443</v>
      </c>
      <c r="DY21" s="160">
        <v>418</v>
      </c>
      <c r="DZ21" s="160">
        <v>271</v>
      </c>
      <c r="EA21" s="160">
        <v>181</v>
      </c>
      <c r="EB21" s="160">
        <v>122</v>
      </c>
      <c r="EC21" s="165">
        <v>1435</v>
      </c>
      <c r="ED21" s="164">
        <v>1859</v>
      </c>
      <c r="EE21" s="159">
        <v>14</v>
      </c>
      <c r="EF21" s="160">
        <v>18</v>
      </c>
      <c r="EG21" s="165">
        <v>32</v>
      </c>
      <c r="EH21" s="162">
        <v>0</v>
      </c>
      <c r="EI21" s="160">
        <v>65</v>
      </c>
      <c r="EJ21" s="160">
        <v>55</v>
      </c>
      <c r="EK21" s="160">
        <v>53</v>
      </c>
      <c r="EL21" s="160">
        <v>54</v>
      </c>
      <c r="EM21" s="160">
        <v>35</v>
      </c>
      <c r="EN21" s="165">
        <v>262</v>
      </c>
      <c r="EO21" s="164">
        <v>294</v>
      </c>
      <c r="EP21" s="159">
        <v>228</v>
      </c>
      <c r="EQ21" s="160">
        <v>319</v>
      </c>
      <c r="ER21" s="165">
        <v>547</v>
      </c>
      <c r="ES21" s="162">
        <v>0</v>
      </c>
      <c r="ET21" s="160">
        <v>784</v>
      </c>
      <c r="EU21" s="160">
        <v>568</v>
      </c>
      <c r="EV21" s="160">
        <v>316</v>
      </c>
      <c r="EW21" s="160">
        <v>174</v>
      </c>
      <c r="EX21" s="160">
        <v>113</v>
      </c>
      <c r="EY21" s="165">
        <v>1955</v>
      </c>
      <c r="EZ21" s="164">
        <v>2502</v>
      </c>
    </row>
    <row r="22" spans="2:156" ht="21" customHeight="1" x14ac:dyDescent="0.2">
      <c r="B22" s="166" t="s">
        <v>20</v>
      </c>
      <c r="C22" s="159">
        <v>0</v>
      </c>
      <c r="D22" s="160">
        <v>0</v>
      </c>
      <c r="E22" s="161">
        <v>0</v>
      </c>
      <c r="F22" s="162">
        <v>0</v>
      </c>
      <c r="G22" s="160">
        <v>296</v>
      </c>
      <c r="H22" s="160">
        <v>220</v>
      </c>
      <c r="I22" s="160">
        <v>143</v>
      </c>
      <c r="J22" s="160">
        <v>110</v>
      </c>
      <c r="K22" s="160">
        <v>85</v>
      </c>
      <c r="L22" s="163">
        <v>854</v>
      </c>
      <c r="M22" s="164">
        <v>854</v>
      </c>
      <c r="N22" s="159">
        <v>0</v>
      </c>
      <c r="O22" s="160">
        <v>0</v>
      </c>
      <c r="P22" s="165">
        <v>0</v>
      </c>
      <c r="Q22" s="162">
        <v>0</v>
      </c>
      <c r="R22" s="160">
        <v>2</v>
      </c>
      <c r="S22" s="160">
        <v>8</v>
      </c>
      <c r="T22" s="160">
        <v>7</v>
      </c>
      <c r="U22" s="160">
        <v>22</v>
      </c>
      <c r="V22" s="160">
        <v>32</v>
      </c>
      <c r="W22" s="165">
        <v>71</v>
      </c>
      <c r="X22" s="164">
        <v>71</v>
      </c>
      <c r="Y22" s="159">
        <v>44</v>
      </c>
      <c r="Z22" s="160">
        <v>98</v>
      </c>
      <c r="AA22" s="165">
        <v>142</v>
      </c>
      <c r="AB22" s="162">
        <v>0</v>
      </c>
      <c r="AC22" s="160">
        <v>279</v>
      </c>
      <c r="AD22" s="160">
        <v>220</v>
      </c>
      <c r="AE22" s="160">
        <v>140</v>
      </c>
      <c r="AF22" s="160">
        <v>98</v>
      </c>
      <c r="AG22" s="160">
        <v>53</v>
      </c>
      <c r="AH22" s="165">
        <v>790</v>
      </c>
      <c r="AI22" s="164">
        <v>932</v>
      </c>
      <c r="AJ22" s="159">
        <v>16</v>
      </c>
      <c r="AK22" s="160">
        <v>45</v>
      </c>
      <c r="AL22" s="165">
        <v>61</v>
      </c>
      <c r="AM22" s="162">
        <v>0</v>
      </c>
      <c r="AN22" s="160">
        <v>71</v>
      </c>
      <c r="AO22" s="160">
        <v>54</v>
      </c>
      <c r="AP22" s="160">
        <v>44</v>
      </c>
      <c r="AQ22" s="160">
        <v>30</v>
      </c>
      <c r="AR22" s="160">
        <v>7</v>
      </c>
      <c r="AS22" s="165">
        <v>206</v>
      </c>
      <c r="AT22" s="164">
        <v>267</v>
      </c>
      <c r="AU22" s="159">
        <v>31</v>
      </c>
      <c r="AV22" s="160">
        <v>46</v>
      </c>
      <c r="AW22" s="165">
        <v>77</v>
      </c>
      <c r="AX22" s="162">
        <v>0</v>
      </c>
      <c r="AY22" s="160">
        <v>274</v>
      </c>
      <c r="AZ22" s="160">
        <v>279</v>
      </c>
      <c r="BA22" s="160">
        <v>281</v>
      </c>
      <c r="BB22" s="160">
        <v>218</v>
      </c>
      <c r="BC22" s="160">
        <v>159</v>
      </c>
      <c r="BD22" s="163">
        <v>1211</v>
      </c>
      <c r="BE22" s="164">
        <v>1288</v>
      </c>
      <c r="BF22" s="159">
        <v>0</v>
      </c>
      <c r="BG22" s="160">
        <v>0</v>
      </c>
      <c r="BH22" s="165">
        <v>0</v>
      </c>
      <c r="BI22" s="162">
        <v>0</v>
      </c>
      <c r="BJ22" s="160">
        <v>390</v>
      </c>
      <c r="BK22" s="160">
        <v>245</v>
      </c>
      <c r="BL22" s="160">
        <v>169</v>
      </c>
      <c r="BM22" s="160">
        <v>88</v>
      </c>
      <c r="BN22" s="160">
        <v>34</v>
      </c>
      <c r="BO22" s="165">
        <v>926</v>
      </c>
      <c r="BP22" s="164">
        <v>926</v>
      </c>
      <c r="BQ22" s="159">
        <v>16</v>
      </c>
      <c r="BR22" s="160">
        <v>34</v>
      </c>
      <c r="BS22" s="165">
        <v>50</v>
      </c>
      <c r="BT22" s="162">
        <v>0</v>
      </c>
      <c r="BU22" s="160">
        <v>125</v>
      </c>
      <c r="BV22" s="160">
        <v>84</v>
      </c>
      <c r="BW22" s="160">
        <v>40</v>
      </c>
      <c r="BX22" s="160">
        <v>43</v>
      </c>
      <c r="BY22" s="160">
        <v>15</v>
      </c>
      <c r="BZ22" s="165">
        <v>307</v>
      </c>
      <c r="CA22" s="164">
        <v>357</v>
      </c>
      <c r="CB22" s="159">
        <v>0</v>
      </c>
      <c r="CC22" s="160">
        <v>2</v>
      </c>
      <c r="CD22" s="165">
        <v>2</v>
      </c>
      <c r="CE22" s="162">
        <v>0</v>
      </c>
      <c r="CF22" s="160">
        <v>65</v>
      </c>
      <c r="CG22" s="160">
        <v>59</v>
      </c>
      <c r="CH22" s="160">
        <v>90</v>
      </c>
      <c r="CI22" s="160">
        <v>52</v>
      </c>
      <c r="CJ22" s="160">
        <v>24</v>
      </c>
      <c r="CK22" s="165">
        <v>290</v>
      </c>
      <c r="CL22" s="164">
        <v>292</v>
      </c>
      <c r="CM22" s="159">
        <v>0</v>
      </c>
      <c r="CN22" s="160">
        <v>0</v>
      </c>
      <c r="CO22" s="165">
        <v>0</v>
      </c>
      <c r="CP22" s="162">
        <v>0</v>
      </c>
      <c r="CQ22" s="160">
        <v>6</v>
      </c>
      <c r="CR22" s="160">
        <v>5</v>
      </c>
      <c r="CS22" s="160">
        <v>9</v>
      </c>
      <c r="CT22" s="160">
        <v>10</v>
      </c>
      <c r="CU22" s="160">
        <v>4</v>
      </c>
      <c r="CV22" s="165">
        <v>34</v>
      </c>
      <c r="CW22" s="164">
        <v>34</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70</v>
      </c>
      <c r="DU22" s="160">
        <v>336</v>
      </c>
      <c r="DV22" s="165">
        <v>506</v>
      </c>
      <c r="DW22" s="162">
        <v>0</v>
      </c>
      <c r="DX22" s="160">
        <v>608</v>
      </c>
      <c r="DY22" s="160">
        <v>512</v>
      </c>
      <c r="DZ22" s="160">
        <v>359</v>
      </c>
      <c r="EA22" s="160">
        <v>242</v>
      </c>
      <c r="EB22" s="160">
        <v>134</v>
      </c>
      <c r="EC22" s="165">
        <v>1855</v>
      </c>
      <c r="ED22" s="164">
        <v>2361</v>
      </c>
      <c r="EE22" s="159">
        <v>15</v>
      </c>
      <c r="EF22" s="160">
        <v>13</v>
      </c>
      <c r="EG22" s="165">
        <v>28</v>
      </c>
      <c r="EH22" s="162">
        <v>0</v>
      </c>
      <c r="EI22" s="160">
        <v>84</v>
      </c>
      <c r="EJ22" s="160">
        <v>61</v>
      </c>
      <c r="EK22" s="160">
        <v>63</v>
      </c>
      <c r="EL22" s="160">
        <v>64</v>
      </c>
      <c r="EM22" s="160">
        <v>34</v>
      </c>
      <c r="EN22" s="165">
        <v>306</v>
      </c>
      <c r="EO22" s="164">
        <v>334</v>
      </c>
      <c r="EP22" s="159">
        <v>226</v>
      </c>
      <c r="EQ22" s="160">
        <v>426</v>
      </c>
      <c r="ER22" s="165">
        <v>652</v>
      </c>
      <c r="ES22" s="162">
        <v>0</v>
      </c>
      <c r="ET22" s="160">
        <v>1153</v>
      </c>
      <c r="EU22" s="160">
        <v>713</v>
      </c>
      <c r="EV22" s="160">
        <v>437</v>
      </c>
      <c r="EW22" s="160">
        <v>277</v>
      </c>
      <c r="EX22" s="160">
        <v>146</v>
      </c>
      <c r="EY22" s="165">
        <v>2726</v>
      </c>
      <c r="EZ22" s="164">
        <v>3378</v>
      </c>
    </row>
    <row r="23" spans="2:156" ht="21" customHeight="1" x14ac:dyDescent="0.2">
      <c r="B23" s="166" t="s">
        <v>21</v>
      </c>
      <c r="C23" s="159">
        <v>0</v>
      </c>
      <c r="D23" s="160">
        <v>0</v>
      </c>
      <c r="E23" s="161">
        <v>0</v>
      </c>
      <c r="F23" s="162">
        <v>0</v>
      </c>
      <c r="G23" s="160">
        <v>287</v>
      </c>
      <c r="H23" s="160">
        <v>351</v>
      </c>
      <c r="I23" s="160">
        <v>219</v>
      </c>
      <c r="J23" s="160">
        <v>131</v>
      </c>
      <c r="K23" s="160">
        <v>115</v>
      </c>
      <c r="L23" s="163">
        <v>1103</v>
      </c>
      <c r="M23" s="164">
        <v>1103</v>
      </c>
      <c r="N23" s="159">
        <v>0</v>
      </c>
      <c r="O23" s="160">
        <v>0</v>
      </c>
      <c r="P23" s="165">
        <v>0</v>
      </c>
      <c r="Q23" s="162">
        <v>0</v>
      </c>
      <c r="R23" s="160">
        <v>0</v>
      </c>
      <c r="S23" s="160">
        <v>3</v>
      </c>
      <c r="T23" s="160">
        <v>10</v>
      </c>
      <c r="U23" s="160">
        <v>23</v>
      </c>
      <c r="V23" s="160">
        <v>45</v>
      </c>
      <c r="W23" s="165">
        <v>81</v>
      </c>
      <c r="X23" s="164">
        <v>81</v>
      </c>
      <c r="Y23" s="159">
        <v>62</v>
      </c>
      <c r="Z23" s="160">
        <v>104</v>
      </c>
      <c r="AA23" s="165">
        <v>166</v>
      </c>
      <c r="AB23" s="162">
        <v>0</v>
      </c>
      <c r="AC23" s="160">
        <v>247</v>
      </c>
      <c r="AD23" s="160">
        <v>270</v>
      </c>
      <c r="AE23" s="160">
        <v>181</v>
      </c>
      <c r="AF23" s="160">
        <v>120</v>
      </c>
      <c r="AG23" s="160">
        <v>87</v>
      </c>
      <c r="AH23" s="165">
        <v>905</v>
      </c>
      <c r="AI23" s="164">
        <v>1071</v>
      </c>
      <c r="AJ23" s="159">
        <v>18</v>
      </c>
      <c r="AK23" s="160">
        <v>31</v>
      </c>
      <c r="AL23" s="165">
        <v>49</v>
      </c>
      <c r="AM23" s="162">
        <v>0</v>
      </c>
      <c r="AN23" s="160">
        <v>23</v>
      </c>
      <c r="AO23" s="160">
        <v>45</v>
      </c>
      <c r="AP23" s="160">
        <v>26</v>
      </c>
      <c r="AQ23" s="160">
        <v>13</v>
      </c>
      <c r="AR23" s="160">
        <v>6</v>
      </c>
      <c r="AS23" s="165">
        <v>113</v>
      </c>
      <c r="AT23" s="164">
        <v>162</v>
      </c>
      <c r="AU23" s="159">
        <v>55</v>
      </c>
      <c r="AV23" s="160">
        <v>47</v>
      </c>
      <c r="AW23" s="165">
        <v>102</v>
      </c>
      <c r="AX23" s="162">
        <v>0</v>
      </c>
      <c r="AY23" s="160">
        <v>317</v>
      </c>
      <c r="AZ23" s="160">
        <v>384</v>
      </c>
      <c r="BA23" s="160">
        <v>320</v>
      </c>
      <c r="BB23" s="160">
        <v>260</v>
      </c>
      <c r="BC23" s="160">
        <v>208</v>
      </c>
      <c r="BD23" s="163">
        <v>1489</v>
      </c>
      <c r="BE23" s="164">
        <v>1591</v>
      </c>
      <c r="BF23" s="159">
        <v>0</v>
      </c>
      <c r="BG23" s="160">
        <v>0</v>
      </c>
      <c r="BH23" s="165">
        <v>0</v>
      </c>
      <c r="BI23" s="162">
        <v>0</v>
      </c>
      <c r="BJ23" s="160">
        <v>376</v>
      </c>
      <c r="BK23" s="160">
        <v>382</v>
      </c>
      <c r="BL23" s="160">
        <v>227</v>
      </c>
      <c r="BM23" s="160">
        <v>100</v>
      </c>
      <c r="BN23" s="160">
        <v>41</v>
      </c>
      <c r="BO23" s="165">
        <v>1126</v>
      </c>
      <c r="BP23" s="164">
        <v>1126</v>
      </c>
      <c r="BQ23" s="159">
        <v>27</v>
      </c>
      <c r="BR23" s="160">
        <v>34</v>
      </c>
      <c r="BS23" s="165">
        <v>61</v>
      </c>
      <c r="BT23" s="162">
        <v>0</v>
      </c>
      <c r="BU23" s="160">
        <v>65</v>
      </c>
      <c r="BV23" s="160">
        <v>64</v>
      </c>
      <c r="BW23" s="160">
        <v>46</v>
      </c>
      <c r="BX23" s="160">
        <v>14</v>
      </c>
      <c r="BY23" s="160">
        <v>11</v>
      </c>
      <c r="BZ23" s="165">
        <v>200</v>
      </c>
      <c r="CA23" s="164">
        <v>261</v>
      </c>
      <c r="CB23" s="159">
        <v>2</v>
      </c>
      <c r="CC23" s="160">
        <v>3</v>
      </c>
      <c r="CD23" s="165">
        <v>5</v>
      </c>
      <c r="CE23" s="162">
        <v>0</v>
      </c>
      <c r="CF23" s="160">
        <v>27</v>
      </c>
      <c r="CG23" s="160">
        <v>62</v>
      </c>
      <c r="CH23" s="160">
        <v>69</v>
      </c>
      <c r="CI23" s="160">
        <v>48</v>
      </c>
      <c r="CJ23" s="160">
        <v>29</v>
      </c>
      <c r="CK23" s="165">
        <v>235</v>
      </c>
      <c r="CL23" s="164">
        <v>240</v>
      </c>
      <c r="CM23" s="159">
        <v>0</v>
      </c>
      <c r="CN23" s="160">
        <v>1</v>
      </c>
      <c r="CO23" s="165">
        <v>1</v>
      </c>
      <c r="CP23" s="162">
        <v>0</v>
      </c>
      <c r="CQ23" s="160">
        <v>1</v>
      </c>
      <c r="CR23" s="160">
        <v>1</v>
      </c>
      <c r="CS23" s="160">
        <v>5</v>
      </c>
      <c r="CT23" s="160">
        <v>1</v>
      </c>
      <c r="CU23" s="160">
        <v>4</v>
      </c>
      <c r="CV23" s="165">
        <v>12</v>
      </c>
      <c r="CW23" s="164">
        <v>13</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221</v>
      </c>
      <c r="DU23" s="160">
        <v>349</v>
      </c>
      <c r="DV23" s="165">
        <v>570</v>
      </c>
      <c r="DW23" s="162">
        <v>0</v>
      </c>
      <c r="DX23" s="160">
        <v>436</v>
      </c>
      <c r="DY23" s="160">
        <v>691</v>
      </c>
      <c r="DZ23" s="160">
        <v>423</v>
      </c>
      <c r="EA23" s="160">
        <v>249</v>
      </c>
      <c r="EB23" s="160">
        <v>175</v>
      </c>
      <c r="EC23" s="165">
        <v>1974</v>
      </c>
      <c r="ED23" s="164">
        <v>2544</v>
      </c>
      <c r="EE23" s="159">
        <v>19</v>
      </c>
      <c r="EF23" s="160">
        <v>10</v>
      </c>
      <c r="EG23" s="165">
        <v>29</v>
      </c>
      <c r="EH23" s="162">
        <v>0</v>
      </c>
      <c r="EI23" s="160">
        <v>84</v>
      </c>
      <c r="EJ23" s="160">
        <v>64</v>
      </c>
      <c r="EK23" s="160">
        <v>62</v>
      </c>
      <c r="EL23" s="160">
        <v>75</v>
      </c>
      <c r="EM23" s="160">
        <v>45</v>
      </c>
      <c r="EN23" s="165">
        <v>330</v>
      </c>
      <c r="EO23" s="164">
        <v>359</v>
      </c>
      <c r="EP23" s="159">
        <v>295</v>
      </c>
      <c r="EQ23" s="160">
        <v>435</v>
      </c>
      <c r="ER23" s="165">
        <v>730</v>
      </c>
      <c r="ES23" s="162">
        <v>0</v>
      </c>
      <c r="ET23" s="160">
        <v>944</v>
      </c>
      <c r="EU23" s="160">
        <v>940</v>
      </c>
      <c r="EV23" s="160">
        <v>513</v>
      </c>
      <c r="EW23" s="160">
        <v>276</v>
      </c>
      <c r="EX23" s="160">
        <v>187</v>
      </c>
      <c r="EY23" s="165">
        <v>2860</v>
      </c>
      <c r="EZ23" s="164">
        <v>3590</v>
      </c>
    </row>
    <row r="24" spans="2:156" ht="21" customHeight="1" x14ac:dyDescent="0.2">
      <c r="B24" s="166" t="s">
        <v>22</v>
      </c>
      <c r="C24" s="159">
        <v>0</v>
      </c>
      <c r="D24" s="160">
        <v>0</v>
      </c>
      <c r="E24" s="161">
        <v>0</v>
      </c>
      <c r="F24" s="162">
        <v>0</v>
      </c>
      <c r="G24" s="160">
        <v>64</v>
      </c>
      <c r="H24" s="160">
        <v>81</v>
      </c>
      <c r="I24" s="160">
        <v>35</v>
      </c>
      <c r="J24" s="160">
        <v>42</v>
      </c>
      <c r="K24" s="160">
        <v>34</v>
      </c>
      <c r="L24" s="163">
        <v>256</v>
      </c>
      <c r="M24" s="164">
        <v>256</v>
      </c>
      <c r="N24" s="159">
        <v>0</v>
      </c>
      <c r="O24" s="160">
        <v>0</v>
      </c>
      <c r="P24" s="165">
        <v>0</v>
      </c>
      <c r="Q24" s="162">
        <v>0</v>
      </c>
      <c r="R24" s="160">
        <v>1</v>
      </c>
      <c r="S24" s="160">
        <v>1</v>
      </c>
      <c r="T24" s="160">
        <v>1</v>
      </c>
      <c r="U24" s="160">
        <v>6</v>
      </c>
      <c r="V24" s="160">
        <v>12</v>
      </c>
      <c r="W24" s="165">
        <v>21</v>
      </c>
      <c r="X24" s="164">
        <v>21</v>
      </c>
      <c r="Y24" s="159">
        <v>7</v>
      </c>
      <c r="Z24" s="160">
        <v>16</v>
      </c>
      <c r="AA24" s="165">
        <v>23</v>
      </c>
      <c r="AB24" s="162">
        <v>0</v>
      </c>
      <c r="AC24" s="160">
        <v>57</v>
      </c>
      <c r="AD24" s="160">
        <v>79</v>
      </c>
      <c r="AE24" s="160">
        <v>38</v>
      </c>
      <c r="AF24" s="160">
        <v>46</v>
      </c>
      <c r="AG24" s="160">
        <v>33</v>
      </c>
      <c r="AH24" s="165">
        <v>253</v>
      </c>
      <c r="AI24" s="164">
        <v>276</v>
      </c>
      <c r="AJ24" s="159">
        <v>1</v>
      </c>
      <c r="AK24" s="160">
        <v>1</v>
      </c>
      <c r="AL24" s="165">
        <v>2</v>
      </c>
      <c r="AM24" s="162">
        <v>0</v>
      </c>
      <c r="AN24" s="160">
        <v>13</v>
      </c>
      <c r="AO24" s="160">
        <v>9</v>
      </c>
      <c r="AP24" s="160">
        <v>4</v>
      </c>
      <c r="AQ24" s="160">
        <v>5</v>
      </c>
      <c r="AR24" s="160">
        <v>0</v>
      </c>
      <c r="AS24" s="165">
        <v>31</v>
      </c>
      <c r="AT24" s="164">
        <v>33</v>
      </c>
      <c r="AU24" s="159">
        <v>8</v>
      </c>
      <c r="AV24" s="160">
        <v>12</v>
      </c>
      <c r="AW24" s="165">
        <v>20</v>
      </c>
      <c r="AX24" s="162">
        <v>0</v>
      </c>
      <c r="AY24" s="160">
        <v>70</v>
      </c>
      <c r="AZ24" s="160">
        <v>97</v>
      </c>
      <c r="BA24" s="160">
        <v>75</v>
      </c>
      <c r="BB24" s="160">
        <v>81</v>
      </c>
      <c r="BC24" s="160">
        <v>46</v>
      </c>
      <c r="BD24" s="163">
        <v>369</v>
      </c>
      <c r="BE24" s="164">
        <v>389</v>
      </c>
      <c r="BF24" s="159">
        <v>0</v>
      </c>
      <c r="BG24" s="160">
        <v>0</v>
      </c>
      <c r="BH24" s="165">
        <v>0</v>
      </c>
      <c r="BI24" s="162">
        <v>0</v>
      </c>
      <c r="BJ24" s="160">
        <v>104</v>
      </c>
      <c r="BK24" s="160">
        <v>128</v>
      </c>
      <c r="BL24" s="160">
        <v>58</v>
      </c>
      <c r="BM24" s="160">
        <v>38</v>
      </c>
      <c r="BN24" s="160">
        <v>11</v>
      </c>
      <c r="BO24" s="165">
        <v>339</v>
      </c>
      <c r="BP24" s="164">
        <v>339</v>
      </c>
      <c r="BQ24" s="159">
        <v>6</v>
      </c>
      <c r="BR24" s="160">
        <v>9</v>
      </c>
      <c r="BS24" s="165">
        <v>15</v>
      </c>
      <c r="BT24" s="162">
        <v>0</v>
      </c>
      <c r="BU24" s="160">
        <v>32</v>
      </c>
      <c r="BV24" s="160">
        <v>40</v>
      </c>
      <c r="BW24" s="160">
        <v>12</v>
      </c>
      <c r="BX24" s="160">
        <v>15</v>
      </c>
      <c r="BY24" s="160">
        <v>6</v>
      </c>
      <c r="BZ24" s="165">
        <v>105</v>
      </c>
      <c r="CA24" s="164">
        <v>120</v>
      </c>
      <c r="CB24" s="159">
        <v>0</v>
      </c>
      <c r="CC24" s="160">
        <v>0</v>
      </c>
      <c r="CD24" s="165">
        <v>0</v>
      </c>
      <c r="CE24" s="162">
        <v>0</v>
      </c>
      <c r="CF24" s="160">
        <v>11</v>
      </c>
      <c r="CG24" s="160">
        <v>29</v>
      </c>
      <c r="CH24" s="160">
        <v>25</v>
      </c>
      <c r="CI24" s="160">
        <v>21</v>
      </c>
      <c r="CJ24" s="160">
        <v>4</v>
      </c>
      <c r="CK24" s="165">
        <v>90</v>
      </c>
      <c r="CL24" s="164">
        <v>90</v>
      </c>
      <c r="CM24" s="159">
        <v>0</v>
      </c>
      <c r="CN24" s="160">
        <v>0</v>
      </c>
      <c r="CO24" s="165">
        <v>0</v>
      </c>
      <c r="CP24" s="162">
        <v>0</v>
      </c>
      <c r="CQ24" s="160">
        <v>3</v>
      </c>
      <c r="CR24" s="160">
        <v>1</v>
      </c>
      <c r="CS24" s="160">
        <v>2</v>
      </c>
      <c r="CT24" s="160">
        <v>5</v>
      </c>
      <c r="CU24" s="160">
        <v>2</v>
      </c>
      <c r="CV24" s="165">
        <v>13</v>
      </c>
      <c r="CW24" s="164">
        <v>13</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57</v>
      </c>
      <c r="DU24" s="160">
        <v>168</v>
      </c>
      <c r="DV24" s="165">
        <v>225</v>
      </c>
      <c r="DW24" s="162">
        <v>0</v>
      </c>
      <c r="DX24" s="160">
        <v>221</v>
      </c>
      <c r="DY24" s="160">
        <v>263</v>
      </c>
      <c r="DZ24" s="160">
        <v>137</v>
      </c>
      <c r="EA24" s="160">
        <v>110</v>
      </c>
      <c r="EB24" s="160">
        <v>68</v>
      </c>
      <c r="EC24" s="165">
        <v>799</v>
      </c>
      <c r="ED24" s="164">
        <v>1024</v>
      </c>
      <c r="EE24" s="159">
        <v>7</v>
      </c>
      <c r="EF24" s="160">
        <v>10</v>
      </c>
      <c r="EG24" s="165">
        <v>17</v>
      </c>
      <c r="EH24" s="162">
        <v>0</v>
      </c>
      <c r="EI24" s="160">
        <v>35</v>
      </c>
      <c r="EJ24" s="160">
        <v>23</v>
      </c>
      <c r="EK24" s="160">
        <v>28</v>
      </c>
      <c r="EL24" s="160">
        <v>26</v>
      </c>
      <c r="EM24" s="160">
        <v>12</v>
      </c>
      <c r="EN24" s="165">
        <v>124</v>
      </c>
      <c r="EO24" s="164">
        <v>141</v>
      </c>
      <c r="EP24" s="159">
        <v>65</v>
      </c>
      <c r="EQ24" s="160">
        <v>172</v>
      </c>
      <c r="ER24" s="165">
        <v>237</v>
      </c>
      <c r="ES24" s="162">
        <v>0</v>
      </c>
      <c r="ET24" s="160">
        <v>364</v>
      </c>
      <c r="EU24" s="160">
        <v>345</v>
      </c>
      <c r="EV24" s="160">
        <v>163</v>
      </c>
      <c r="EW24" s="160">
        <v>116</v>
      </c>
      <c r="EX24" s="160">
        <v>60</v>
      </c>
      <c r="EY24" s="165">
        <v>1048</v>
      </c>
      <c r="EZ24" s="164">
        <v>1285</v>
      </c>
    </row>
    <row r="25" spans="2:156" ht="21" customHeight="1" x14ac:dyDescent="0.2">
      <c r="B25" s="166" t="s">
        <v>23</v>
      </c>
      <c r="C25" s="159">
        <v>0</v>
      </c>
      <c r="D25" s="160">
        <v>0</v>
      </c>
      <c r="E25" s="161">
        <v>0</v>
      </c>
      <c r="F25" s="162">
        <v>0</v>
      </c>
      <c r="G25" s="160">
        <v>140</v>
      </c>
      <c r="H25" s="160">
        <v>147</v>
      </c>
      <c r="I25" s="160">
        <v>77</v>
      </c>
      <c r="J25" s="160">
        <v>65</v>
      </c>
      <c r="K25" s="160">
        <v>53</v>
      </c>
      <c r="L25" s="163">
        <v>482</v>
      </c>
      <c r="M25" s="164">
        <v>482</v>
      </c>
      <c r="N25" s="159">
        <v>0</v>
      </c>
      <c r="O25" s="160">
        <v>0</v>
      </c>
      <c r="P25" s="165">
        <v>0</v>
      </c>
      <c r="Q25" s="162">
        <v>0</v>
      </c>
      <c r="R25" s="160">
        <v>0</v>
      </c>
      <c r="S25" s="160">
        <v>6</v>
      </c>
      <c r="T25" s="160">
        <v>5</v>
      </c>
      <c r="U25" s="160">
        <v>18</v>
      </c>
      <c r="V25" s="160">
        <v>23</v>
      </c>
      <c r="W25" s="165">
        <v>52</v>
      </c>
      <c r="X25" s="164">
        <v>52</v>
      </c>
      <c r="Y25" s="159">
        <v>44</v>
      </c>
      <c r="Z25" s="160">
        <v>73</v>
      </c>
      <c r="AA25" s="165">
        <v>117</v>
      </c>
      <c r="AB25" s="162">
        <v>0</v>
      </c>
      <c r="AC25" s="160">
        <v>95</v>
      </c>
      <c r="AD25" s="160">
        <v>175</v>
      </c>
      <c r="AE25" s="160">
        <v>78</v>
      </c>
      <c r="AF25" s="160">
        <v>86</v>
      </c>
      <c r="AG25" s="160">
        <v>52</v>
      </c>
      <c r="AH25" s="165">
        <v>486</v>
      </c>
      <c r="AI25" s="164">
        <v>603</v>
      </c>
      <c r="AJ25" s="159">
        <v>4</v>
      </c>
      <c r="AK25" s="160">
        <v>17</v>
      </c>
      <c r="AL25" s="165">
        <v>21</v>
      </c>
      <c r="AM25" s="162">
        <v>0</v>
      </c>
      <c r="AN25" s="160">
        <v>8</v>
      </c>
      <c r="AO25" s="160">
        <v>23</v>
      </c>
      <c r="AP25" s="160">
        <v>12</v>
      </c>
      <c r="AQ25" s="160">
        <v>8</v>
      </c>
      <c r="AR25" s="160">
        <v>2</v>
      </c>
      <c r="AS25" s="165">
        <v>53</v>
      </c>
      <c r="AT25" s="164">
        <v>74</v>
      </c>
      <c r="AU25" s="159">
        <v>29</v>
      </c>
      <c r="AV25" s="160">
        <v>15</v>
      </c>
      <c r="AW25" s="165">
        <v>44</v>
      </c>
      <c r="AX25" s="162">
        <v>0</v>
      </c>
      <c r="AY25" s="160">
        <v>173</v>
      </c>
      <c r="AZ25" s="160">
        <v>182</v>
      </c>
      <c r="BA25" s="160">
        <v>141</v>
      </c>
      <c r="BB25" s="160">
        <v>182</v>
      </c>
      <c r="BC25" s="160">
        <v>122</v>
      </c>
      <c r="BD25" s="163">
        <v>800</v>
      </c>
      <c r="BE25" s="164">
        <v>844</v>
      </c>
      <c r="BF25" s="159">
        <v>0</v>
      </c>
      <c r="BG25" s="160">
        <v>0</v>
      </c>
      <c r="BH25" s="165">
        <v>0</v>
      </c>
      <c r="BI25" s="162">
        <v>0</v>
      </c>
      <c r="BJ25" s="160">
        <v>282</v>
      </c>
      <c r="BK25" s="160">
        <v>267</v>
      </c>
      <c r="BL25" s="160">
        <v>131</v>
      </c>
      <c r="BM25" s="160">
        <v>68</v>
      </c>
      <c r="BN25" s="160">
        <v>31</v>
      </c>
      <c r="BO25" s="165">
        <v>779</v>
      </c>
      <c r="BP25" s="164">
        <v>779</v>
      </c>
      <c r="BQ25" s="159">
        <v>3</v>
      </c>
      <c r="BR25" s="160">
        <v>12</v>
      </c>
      <c r="BS25" s="165">
        <v>15</v>
      </c>
      <c r="BT25" s="162">
        <v>0</v>
      </c>
      <c r="BU25" s="160">
        <v>28</v>
      </c>
      <c r="BV25" s="160">
        <v>43</v>
      </c>
      <c r="BW25" s="160">
        <v>28</v>
      </c>
      <c r="BX25" s="160">
        <v>23</v>
      </c>
      <c r="BY25" s="160">
        <v>4</v>
      </c>
      <c r="BZ25" s="165">
        <v>126</v>
      </c>
      <c r="CA25" s="164">
        <v>141</v>
      </c>
      <c r="CB25" s="159">
        <v>1</v>
      </c>
      <c r="CC25" s="160">
        <v>1</v>
      </c>
      <c r="CD25" s="165">
        <v>2</v>
      </c>
      <c r="CE25" s="162">
        <v>0</v>
      </c>
      <c r="CF25" s="160">
        <v>30</v>
      </c>
      <c r="CG25" s="160">
        <v>30</v>
      </c>
      <c r="CH25" s="160">
        <v>52</v>
      </c>
      <c r="CI25" s="160">
        <v>37</v>
      </c>
      <c r="CJ25" s="160">
        <v>18</v>
      </c>
      <c r="CK25" s="165">
        <v>167</v>
      </c>
      <c r="CL25" s="164">
        <v>169</v>
      </c>
      <c r="CM25" s="159">
        <v>0</v>
      </c>
      <c r="CN25" s="160">
        <v>0</v>
      </c>
      <c r="CO25" s="165">
        <v>0</v>
      </c>
      <c r="CP25" s="162">
        <v>0</v>
      </c>
      <c r="CQ25" s="160">
        <v>1</v>
      </c>
      <c r="CR25" s="160">
        <v>2</v>
      </c>
      <c r="CS25" s="160">
        <v>1</v>
      </c>
      <c r="CT25" s="160">
        <v>3</v>
      </c>
      <c r="CU25" s="160">
        <v>2</v>
      </c>
      <c r="CV25" s="165">
        <v>9</v>
      </c>
      <c r="CW25" s="164">
        <v>9</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105</v>
      </c>
      <c r="DU25" s="160">
        <v>265</v>
      </c>
      <c r="DV25" s="165">
        <v>370</v>
      </c>
      <c r="DW25" s="162">
        <v>0</v>
      </c>
      <c r="DX25" s="160">
        <v>236</v>
      </c>
      <c r="DY25" s="160">
        <v>410</v>
      </c>
      <c r="DZ25" s="160">
        <v>226</v>
      </c>
      <c r="EA25" s="160">
        <v>196</v>
      </c>
      <c r="EB25" s="160">
        <v>99</v>
      </c>
      <c r="EC25" s="165">
        <v>1167</v>
      </c>
      <c r="ED25" s="164">
        <v>1537</v>
      </c>
      <c r="EE25" s="159">
        <v>12</v>
      </c>
      <c r="EF25" s="160">
        <v>3</v>
      </c>
      <c r="EG25" s="165">
        <v>15</v>
      </c>
      <c r="EH25" s="162">
        <v>0</v>
      </c>
      <c r="EI25" s="160">
        <v>54</v>
      </c>
      <c r="EJ25" s="160">
        <v>47</v>
      </c>
      <c r="EK25" s="160">
        <v>36</v>
      </c>
      <c r="EL25" s="160">
        <v>55</v>
      </c>
      <c r="EM25" s="160">
        <v>34</v>
      </c>
      <c r="EN25" s="165">
        <v>226</v>
      </c>
      <c r="EO25" s="164">
        <v>241</v>
      </c>
      <c r="EP25" s="159">
        <v>142</v>
      </c>
      <c r="EQ25" s="160">
        <v>313</v>
      </c>
      <c r="ER25" s="165">
        <v>455</v>
      </c>
      <c r="ES25" s="162">
        <v>0</v>
      </c>
      <c r="ET25" s="160">
        <v>520</v>
      </c>
      <c r="EU25" s="160">
        <v>558</v>
      </c>
      <c r="EV25" s="160">
        <v>282</v>
      </c>
      <c r="EW25" s="160">
        <v>206</v>
      </c>
      <c r="EX25" s="160">
        <v>104</v>
      </c>
      <c r="EY25" s="165">
        <v>1670</v>
      </c>
      <c r="EZ25" s="164">
        <v>2125</v>
      </c>
    </row>
    <row r="26" spans="2:156" ht="21" customHeight="1" x14ac:dyDescent="0.2">
      <c r="B26" s="166" t="s">
        <v>24</v>
      </c>
      <c r="C26" s="159">
        <v>0</v>
      </c>
      <c r="D26" s="160">
        <v>0</v>
      </c>
      <c r="E26" s="161">
        <v>0</v>
      </c>
      <c r="F26" s="162">
        <v>0</v>
      </c>
      <c r="G26" s="160">
        <v>76</v>
      </c>
      <c r="H26" s="160">
        <v>63</v>
      </c>
      <c r="I26" s="160">
        <v>46</v>
      </c>
      <c r="J26" s="160">
        <v>38</v>
      </c>
      <c r="K26" s="160">
        <v>38</v>
      </c>
      <c r="L26" s="163">
        <v>261</v>
      </c>
      <c r="M26" s="164">
        <v>261</v>
      </c>
      <c r="N26" s="159">
        <v>0</v>
      </c>
      <c r="O26" s="160">
        <v>0</v>
      </c>
      <c r="P26" s="165">
        <v>0</v>
      </c>
      <c r="Q26" s="162">
        <v>0</v>
      </c>
      <c r="R26" s="160">
        <v>0</v>
      </c>
      <c r="S26" s="160">
        <v>2</v>
      </c>
      <c r="T26" s="160">
        <v>4</v>
      </c>
      <c r="U26" s="160">
        <v>6</v>
      </c>
      <c r="V26" s="160">
        <v>18</v>
      </c>
      <c r="W26" s="165">
        <v>30</v>
      </c>
      <c r="X26" s="164">
        <v>30</v>
      </c>
      <c r="Y26" s="159">
        <v>13</v>
      </c>
      <c r="Z26" s="160">
        <v>27</v>
      </c>
      <c r="AA26" s="165">
        <v>40</v>
      </c>
      <c r="AB26" s="162">
        <v>0</v>
      </c>
      <c r="AC26" s="160">
        <v>69</v>
      </c>
      <c r="AD26" s="160">
        <v>74</v>
      </c>
      <c r="AE26" s="160">
        <v>52</v>
      </c>
      <c r="AF26" s="160">
        <v>40</v>
      </c>
      <c r="AG26" s="160">
        <v>29</v>
      </c>
      <c r="AH26" s="165">
        <v>264</v>
      </c>
      <c r="AI26" s="164">
        <v>304</v>
      </c>
      <c r="AJ26" s="159">
        <v>1</v>
      </c>
      <c r="AK26" s="160">
        <v>1</v>
      </c>
      <c r="AL26" s="165">
        <v>2</v>
      </c>
      <c r="AM26" s="162">
        <v>0</v>
      </c>
      <c r="AN26" s="160">
        <v>3</v>
      </c>
      <c r="AO26" s="160">
        <v>4</v>
      </c>
      <c r="AP26" s="160">
        <v>3</v>
      </c>
      <c r="AQ26" s="160">
        <v>3</v>
      </c>
      <c r="AR26" s="160">
        <v>3</v>
      </c>
      <c r="AS26" s="165">
        <v>16</v>
      </c>
      <c r="AT26" s="164">
        <v>18</v>
      </c>
      <c r="AU26" s="159">
        <v>24</v>
      </c>
      <c r="AV26" s="160">
        <v>18</v>
      </c>
      <c r="AW26" s="165">
        <v>42</v>
      </c>
      <c r="AX26" s="162">
        <v>0</v>
      </c>
      <c r="AY26" s="160">
        <v>93</v>
      </c>
      <c r="AZ26" s="160">
        <v>92</v>
      </c>
      <c r="BA26" s="160">
        <v>92</v>
      </c>
      <c r="BB26" s="160">
        <v>94</v>
      </c>
      <c r="BC26" s="160">
        <v>77</v>
      </c>
      <c r="BD26" s="163">
        <v>448</v>
      </c>
      <c r="BE26" s="164">
        <v>490</v>
      </c>
      <c r="BF26" s="159">
        <v>0</v>
      </c>
      <c r="BG26" s="160">
        <v>0</v>
      </c>
      <c r="BH26" s="165">
        <v>0</v>
      </c>
      <c r="BI26" s="162">
        <v>0</v>
      </c>
      <c r="BJ26" s="160">
        <v>129</v>
      </c>
      <c r="BK26" s="160">
        <v>78</v>
      </c>
      <c r="BL26" s="160">
        <v>39</v>
      </c>
      <c r="BM26" s="160">
        <v>28</v>
      </c>
      <c r="BN26" s="160">
        <v>12</v>
      </c>
      <c r="BO26" s="165">
        <v>286</v>
      </c>
      <c r="BP26" s="164">
        <v>286</v>
      </c>
      <c r="BQ26" s="159">
        <v>9</v>
      </c>
      <c r="BR26" s="160">
        <v>19</v>
      </c>
      <c r="BS26" s="165">
        <v>28</v>
      </c>
      <c r="BT26" s="162">
        <v>0</v>
      </c>
      <c r="BU26" s="160">
        <v>45</v>
      </c>
      <c r="BV26" s="160">
        <v>34</v>
      </c>
      <c r="BW26" s="160">
        <v>23</v>
      </c>
      <c r="BX26" s="160">
        <v>15</v>
      </c>
      <c r="BY26" s="160">
        <v>9</v>
      </c>
      <c r="BZ26" s="165">
        <v>126</v>
      </c>
      <c r="CA26" s="164">
        <v>154</v>
      </c>
      <c r="CB26" s="159">
        <v>3</v>
      </c>
      <c r="CC26" s="160">
        <v>2</v>
      </c>
      <c r="CD26" s="165">
        <v>5</v>
      </c>
      <c r="CE26" s="162">
        <v>0</v>
      </c>
      <c r="CF26" s="160">
        <v>14</v>
      </c>
      <c r="CG26" s="160">
        <v>23</v>
      </c>
      <c r="CH26" s="160">
        <v>24</v>
      </c>
      <c r="CI26" s="160">
        <v>20</v>
      </c>
      <c r="CJ26" s="160">
        <v>7</v>
      </c>
      <c r="CK26" s="165">
        <v>88</v>
      </c>
      <c r="CL26" s="164">
        <v>93</v>
      </c>
      <c r="CM26" s="159">
        <v>0</v>
      </c>
      <c r="CN26" s="160">
        <v>0</v>
      </c>
      <c r="CO26" s="165">
        <v>0</v>
      </c>
      <c r="CP26" s="162">
        <v>0</v>
      </c>
      <c r="CQ26" s="160">
        <v>2</v>
      </c>
      <c r="CR26" s="160">
        <v>3</v>
      </c>
      <c r="CS26" s="160">
        <v>4</v>
      </c>
      <c r="CT26" s="160">
        <v>1</v>
      </c>
      <c r="CU26" s="160">
        <v>2</v>
      </c>
      <c r="CV26" s="165">
        <v>12</v>
      </c>
      <c r="CW26" s="164">
        <v>12</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78</v>
      </c>
      <c r="DU26" s="160">
        <v>97</v>
      </c>
      <c r="DV26" s="165">
        <v>175</v>
      </c>
      <c r="DW26" s="162">
        <v>0</v>
      </c>
      <c r="DX26" s="160">
        <v>158</v>
      </c>
      <c r="DY26" s="160">
        <v>158</v>
      </c>
      <c r="DZ26" s="160">
        <v>118</v>
      </c>
      <c r="EA26" s="160">
        <v>79</v>
      </c>
      <c r="EB26" s="160">
        <v>58</v>
      </c>
      <c r="EC26" s="165">
        <v>571</v>
      </c>
      <c r="ED26" s="164">
        <v>746</v>
      </c>
      <c r="EE26" s="159">
        <v>14</v>
      </c>
      <c r="EF26" s="160">
        <v>8</v>
      </c>
      <c r="EG26" s="165">
        <v>22</v>
      </c>
      <c r="EH26" s="162">
        <v>0</v>
      </c>
      <c r="EI26" s="160">
        <v>44</v>
      </c>
      <c r="EJ26" s="160">
        <v>32</v>
      </c>
      <c r="EK26" s="160">
        <v>31</v>
      </c>
      <c r="EL26" s="160">
        <v>38</v>
      </c>
      <c r="EM26" s="160">
        <v>26</v>
      </c>
      <c r="EN26" s="165">
        <v>171</v>
      </c>
      <c r="EO26" s="164">
        <v>193</v>
      </c>
      <c r="EP26" s="159">
        <v>91</v>
      </c>
      <c r="EQ26" s="160">
        <v>121</v>
      </c>
      <c r="ER26" s="165">
        <v>212</v>
      </c>
      <c r="ES26" s="162">
        <v>0</v>
      </c>
      <c r="ET26" s="160">
        <v>287</v>
      </c>
      <c r="EU26" s="160">
        <v>201</v>
      </c>
      <c r="EV26" s="160">
        <v>138</v>
      </c>
      <c r="EW26" s="160">
        <v>92</v>
      </c>
      <c r="EX26" s="160">
        <v>62</v>
      </c>
      <c r="EY26" s="165">
        <v>780</v>
      </c>
      <c r="EZ26" s="164">
        <v>992</v>
      </c>
    </row>
    <row r="27" spans="2:156" ht="21" customHeight="1" x14ac:dyDescent="0.2">
      <c r="B27" s="166" t="s">
        <v>25</v>
      </c>
      <c r="C27" s="159">
        <v>0</v>
      </c>
      <c r="D27" s="160">
        <v>0</v>
      </c>
      <c r="E27" s="161">
        <v>0</v>
      </c>
      <c r="F27" s="162">
        <v>0</v>
      </c>
      <c r="G27" s="160">
        <v>110</v>
      </c>
      <c r="H27" s="160">
        <v>93</v>
      </c>
      <c r="I27" s="160">
        <v>54</v>
      </c>
      <c r="J27" s="160">
        <v>53</v>
      </c>
      <c r="K27" s="160">
        <v>37</v>
      </c>
      <c r="L27" s="163">
        <v>347</v>
      </c>
      <c r="M27" s="164">
        <v>347</v>
      </c>
      <c r="N27" s="159">
        <v>0</v>
      </c>
      <c r="O27" s="160">
        <v>0</v>
      </c>
      <c r="P27" s="165">
        <v>0</v>
      </c>
      <c r="Q27" s="162">
        <v>0</v>
      </c>
      <c r="R27" s="160">
        <v>2</v>
      </c>
      <c r="S27" s="160">
        <v>9</v>
      </c>
      <c r="T27" s="160">
        <v>9</v>
      </c>
      <c r="U27" s="160">
        <v>11</v>
      </c>
      <c r="V27" s="160">
        <v>16</v>
      </c>
      <c r="W27" s="165">
        <v>47</v>
      </c>
      <c r="X27" s="164">
        <v>47</v>
      </c>
      <c r="Y27" s="159">
        <v>24</v>
      </c>
      <c r="Z27" s="160">
        <v>55</v>
      </c>
      <c r="AA27" s="165">
        <v>79</v>
      </c>
      <c r="AB27" s="162">
        <v>0</v>
      </c>
      <c r="AC27" s="160">
        <v>88</v>
      </c>
      <c r="AD27" s="160">
        <v>101</v>
      </c>
      <c r="AE27" s="160">
        <v>54</v>
      </c>
      <c r="AF27" s="160">
        <v>45</v>
      </c>
      <c r="AG27" s="160">
        <v>32</v>
      </c>
      <c r="AH27" s="165">
        <v>320</v>
      </c>
      <c r="AI27" s="164">
        <v>399</v>
      </c>
      <c r="AJ27" s="159">
        <v>2</v>
      </c>
      <c r="AK27" s="160">
        <v>3</v>
      </c>
      <c r="AL27" s="165">
        <v>5</v>
      </c>
      <c r="AM27" s="162">
        <v>0</v>
      </c>
      <c r="AN27" s="160">
        <v>0</v>
      </c>
      <c r="AO27" s="160">
        <v>13</v>
      </c>
      <c r="AP27" s="160">
        <v>2</v>
      </c>
      <c r="AQ27" s="160">
        <v>2</v>
      </c>
      <c r="AR27" s="160">
        <v>2</v>
      </c>
      <c r="AS27" s="165">
        <v>19</v>
      </c>
      <c r="AT27" s="164">
        <v>24</v>
      </c>
      <c r="AU27" s="159">
        <v>8</v>
      </c>
      <c r="AV27" s="160">
        <v>18</v>
      </c>
      <c r="AW27" s="165">
        <v>26</v>
      </c>
      <c r="AX27" s="162">
        <v>0</v>
      </c>
      <c r="AY27" s="160">
        <v>74</v>
      </c>
      <c r="AZ27" s="160">
        <v>81</v>
      </c>
      <c r="BA27" s="160">
        <v>64</v>
      </c>
      <c r="BB27" s="160">
        <v>77</v>
      </c>
      <c r="BC27" s="160">
        <v>55</v>
      </c>
      <c r="BD27" s="163">
        <v>351</v>
      </c>
      <c r="BE27" s="164">
        <v>377</v>
      </c>
      <c r="BF27" s="159">
        <v>0</v>
      </c>
      <c r="BG27" s="160">
        <v>0</v>
      </c>
      <c r="BH27" s="165">
        <v>0</v>
      </c>
      <c r="BI27" s="162">
        <v>0</v>
      </c>
      <c r="BJ27" s="160">
        <v>175</v>
      </c>
      <c r="BK27" s="160">
        <v>99</v>
      </c>
      <c r="BL27" s="160">
        <v>53</v>
      </c>
      <c r="BM27" s="160">
        <v>33</v>
      </c>
      <c r="BN27" s="160">
        <v>17</v>
      </c>
      <c r="BO27" s="165">
        <v>377</v>
      </c>
      <c r="BP27" s="164">
        <v>377</v>
      </c>
      <c r="BQ27" s="159">
        <v>0</v>
      </c>
      <c r="BR27" s="160">
        <v>6</v>
      </c>
      <c r="BS27" s="165">
        <v>6</v>
      </c>
      <c r="BT27" s="162">
        <v>0</v>
      </c>
      <c r="BU27" s="160">
        <v>29</v>
      </c>
      <c r="BV27" s="160">
        <v>56</v>
      </c>
      <c r="BW27" s="160">
        <v>22</v>
      </c>
      <c r="BX27" s="160">
        <v>13</v>
      </c>
      <c r="BY27" s="160">
        <v>3</v>
      </c>
      <c r="BZ27" s="165">
        <v>123</v>
      </c>
      <c r="CA27" s="164">
        <v>129</v>
      </c>
      <c r="CB27" s="159">
        <v>0</v>
      </c>
      <c r="CC27" s="160">
        <v>1</v>
      </c>
      <c r="CD27" s="165">
        <v>1</v>
      </c>
      <c r="CE27" s="162">
        <v>0</v>
      </c>
      <c r="CF27" s="160">
        <v>22</v>
      </c>
      <c r="CG27" s="160">
        <v>32</v>
      </c>
      <c r="CH27" s="160">
        <v>22</v>
      </c>
      <c r="CI27" s="160">
        <v>14</v>
      </c>
      <c r="CJ27" s="160">
        <v>5</v>
      </c>
      <c r="CK27" s="165">
        <v>95</v>
      </c>
      <c r="CL27" s="164">
        <v>96</v>
      </c>
      <c r="CM27" s="159">
        <v>0</v>
      </c>
      <c r="CN27" s="160">
        <v>0</v>
      </c>
      <c r="CO27" s="165">
        <v>0</v>
      </c>
      <c r="CP27" s="162">
        <v>0</v>
      </c>
      <c r="CQ27" s="160">
        <v>3</v>
      </c>
      <c r="CR27" s="160">
        <v>5</v>
      </c>
      <c r="CS27" s="160">
        <v>7</v>
      </c>
      <c r="CT27" s="160">
        <v>4</v>
      </c>
      <c r="CU27" s="160">
        <v>0</v>
      </c>
      <c r="CV27" s="165">
        <v>19</v>
      </c>
      <c r="CW27" s="164">
        <v>19</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91</v>
      </c>
      <c r="DU27" s="160">
        <v>169</v>
      </c>
      <c r="DV27" s="165">
        <v>260</v>
      </c>
      <c r="DW27" s="162">
        <v>0</v>
      </c>
      <c r="DX27" s="160">
        <v>138</v>
      </c>
      <c r="DY27" s="160">
        <v>265</v>
      </c>
      <c r="DZ27" s="160">
        <v>117</v>
      </c>
      <c r="EA27" s="160">
        <v>101</v>
      </c>
      <c r="EB27" s="160">
        <v>57</v>
      </c>
      <c r="EC27" s="165">
        <v>678</v>
      </c>
      <c r="ED27" s="164">
        <v>938</v>
      </c>
      <c r="EE27" s="159">
        <v>3</v>
      </c>
      <c r="EF27" s="160">
        <v>6</v>
      </c>
      <c r="EG27" s="165">
        <v>9</v>
      </c>
      <c r="EH27" s="162">
        <v>0</v>
      </c>
      <c r="EI27" s="160">
        <v>23</v>
      </c>
      <c r="EJ27" s="160">
        <v>11</v>
      </c>
      <c r="EK27" s="160">
        <v>13</v>
      </c>
      <c r="EL27" s="160">
        <v>17</v>
      </c>
      <c r="EM27" s="160">
        <v>12</v>
      </c>
      <c r="EN27" s="165">
        <v>76</v>
      </c>
      <c r="EO27" s="164">
        <v>85</v>
      </c>
      <c r="EP27" s="159">
        <v>111</v>
      </c>
      <c r="EQ27" s="160">
        <v>196</v>
      </c>
      <c r="ER27" s="165">
        <v>307</v>
      </c>
      <c r="ES27" s="162">
        <v>0</v>
      </c>
      <c r="ET27" s="160">
        <v>364</v>
      </c>
      <c r="EU27" s="160">
        <v>321</v>
      </c>
      <c r="EV27" s="160">
        <v>149</v>
      </c>
      <c r="EW27" s="160">
        <v>110</v>
      </c>
      <c r="EX27" s="160">
        <v>62</v>
      </c>
      <c r="EY27" s="165">
        <v>1006</v>
      </c>
      <c r="EZ27" s="164">
        <v>1313</v>
      </c>
    </row>
    <row r="28" spans="2:156" ht="21" customHeight="1" x14ac:dyDescent="0.2">
      <c r="B28" s="166" t="s">
        <v>26</v>
      </c>
      <c r="C28" s="159">
        <v>0</v>
      </c>
      <c r="D28" s="160">
        <v>0</v>
      </c>
      <c r="E28" s="161">
        <v>0</v>
      </c>
      <c r="F28" s="162">
        <v>0</v>
      </c>
      <c r="G28" s="160">
        <v>72</v>
      </c>
      <c r="H28" s="160">
        <v>108</v>
      </c>
      <c r="I28" s="160">
        <v>66</v>
      </c>
      <c r="J28" s="160">
        <v>34</v>
      </c>
      <c r="K28" s="160">
        <v>53</v>
      </c>
      <c r="L28" s="163">
        <v>333</v>
      </c>
      <c r="M28" s="164">
        <v>333</v>
      </c>
      <c r="N28" s="159">
        <v>0</v>
      </c>
      <c r="O28" s="160">
        <v>0</v>
      </c>
      <c r="P28" s="165">
        <v>0</v>
      </c>
      <c r="Q28" s="162">
        <v>0</v>
      </c>
      <c r="R28" s="160">
        <v>0</v>
      </c>
      <c r="S28" s="160">
        <v>1</v>
      </c>
      <c r="T28" s="160">
        <v>5</v>
      </c>
      <c r="U28" s="160">
        <v>8</v>
      </c>
      <c r="V28" s="160">
        <v>14</v>
      </c>
      <c r="W28" s="165">
        <v>28</v>
      </c>
      <c r="X28" s="164">
        <v>28</v>
      </c>
      <c r="Y28" s="159">
        <v>20</v>
      </c>
      <c r="Z28" s="160">
        <v>19</v>
      </c>
      <c r="AA28" s="165">
        <v>39</v>
      </c>
      <c r="AB28" s="162">
        <v>0</v>
      </c>
      <c r="AC28" s="160">
        <v>78</v>
      </c>
      <c r="AD28" s="160">
        <v>89</v>
      </c>
      <c r="AE28" s="160">
        <v>49</v>
      </c>
      <c r="AF28" s="160">
        <v>38</v>
      </c>
      <c r="AG28" s="160">
        <v>49</v>
      </c>
      <c r="AH28" s="165">
        <v>303</v>
      </c>
      <c r="AI28" s="164">
        <v>342</v>
      </c>
      <c r="AJ28" s="159">
        <v>2</v>
      </c>
      <c r="AK28" s="160">
        <v>2</v>
      </c>
      <c r="AL28" s="165">
        <v>4</v>
      </c>
      <c r="AM28" s="162">
        <v>0</v>
      </c>
      <c r="AN28" s="160">
        <v>3</v>
      </c>
      <c r="AO28" s="160">
        <v>4</v>
      </c>
      <c r="AP28" s="160">
        <v>5</v>
      </c>
      <c r="AQ28" s="160">
        <v>2</v>
      </c>
      <c r="AR28" s="160">
        <v>2</v>
      </c>
      <c r="AS28" s="165">
        <v>16</v>
      </c>
      <c r="AT28" s="164">
        <v>20</v>
      </c>
      <c r="AU28" s="159">
        <v>10</v>
      </c>
      <c r="AV28" s="160">
        <v>4</v>
      </c>
      <c r="AW28" s="165">
        <v>14</v>
      </c>
      <c r="AX28" s="162">
        <v>0</v>
      </c>
      <c r="AY28" s="160">
        <v>55</v>
      </c>
      <c r="AZ28" s="160">
        <v>94</v>
      </c>
      <c r="BA28" s="160">
        <v>86</v>
      </c>
      <c r="BB28" s="160">
        <v>61</v>
      </c>
      <c r="BC28" s="160">
        <v>57</v>
      </c>
      <c r="BD28" s="163">
        <v>353</v>
      </c>
      <c r="BE28" s="164">
        <v>367</v>
      </c>
      <c r="BF28" s="159">
        <v>0</v>
      </c>
      <c r="BG28" s="160">
        <v>0</v>
      </c>
      <c r="BH28" s="165">
        <v>0</v>
      </c>
      <c r="BI28" s="162">
        <v>0</v>
      </c>
      <c r="BJ28" s="160">
        <v>118</v>
      </c>
      <c r="BK28" s="160">
        <v>113</v>
      </c>
      <c r="BL28" s="160">
        <v>48</v>
      </c>
      <c r="BM28" s="160">
        <v>17</v>
      </c>
      <c r="BN28" s="160">
        <v>22</v>
      </c>
      <c r="BO28" s="165">
        <v>318</v>
      </c>
      <c r="BP28" s="164">
        <v>318</v>
      </c>
      <c r="BQ28" s="159">
        <v>5</v>
      </c>
      <c r="BR28" s="160">
        <v>7</v>
      </c>
      <c r="BS28" s="165">
        <v>12</v>
      </c>
      <c r="BT28" s="162">
        <v>0</v>
      </c>
      <c r="BU28" s="160">
        <v>21</v>
      </c>
      <c r="BV28" s="160">
        <v>30</v>
      </c>
      <c r="BW28" s="160">
        <v>14</v>
      </c>
      <c r="BX28" s="160">
        <v>10</v>
      </c>
      <c r="BY28" s="160">
        <v>6</v>
      </c>
      <c r="BZ28" s="165">
        <v>81</v>
      </c>
      <c r="CA28" s="164">
        <v>93</v>
      </c>
      <c r="CB28" s="159">
        <v>1</v>
      </c>
      <c r="CC28" s="160">
        <v>2</v>
      </c>
      <c r="CD28" s="165">
        <v>3</v>
      </c>
      <c r="CE28" s="162">
        <v>0</v>
      </c>
      <c r="CF28" s="160">
        <v>12</v>
      </c>
      <c r="CG28" s="160">
        <v>26</v>
      </c>
      <c r="CH28" s="160">
        <v>21</v>
      </c>
      <c r="CI28" s="160">
        <v>15</v>
      </c>
      <c r="CJ28" s="160">
        <v>15</v>
      </c>
      <c r="CK28" s="165">
        <v>89</v>
      </c>
      <c r="CL28" s="164">
        <v>92</v>
      </c>
      <c r="CM28" s="159">
        <v>0</v>
      </c>
      <c r="CN28" s="160">
        <v>0</v>
      </c>
      <c r="CO28" s="165">
        <v>0</v>
      </c>
      <c r="CP28" s="162">
        <v>0</v>
      </c>
      <c r="CQ28" s="160">
        <v>2</v>
      </c>
      <c r="CR28" s="160">
        <v>3</v>
      </c>
      <c r="CS28" s="160">
        <v>5</v>
      </c>
      <c r="CT28" s="160">
        <v>2</v>
      </c>
      <c r="CU28" s="160">
        <v>4</v>
      </c>
      <c r="CV28" s="165">
        <v>16</v>
      </c>
      <c r="CW28" s="164">
        <v>16</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68</v>
      </c>
      <c r="DU28" s="160">
        <v>117</v>
      </c>
      <c r="DV28" s="165">
        <v>185</v>
      </c>
      <c r="DW28" s="162">
        <v>0</v>
      </c>
      <c r="DX28" s="160">
        <v>137</v>
      </c>
      <c r="DY28" s="160">
        <v>221</v>
      </c>
      <c r="DZ28" s="160">
        <v>118</v>
      </c>
      <c r="EA28" s="160">
        <v>76</v>
      </c>
      <c r="EB28" s="160">
        <v>78</v>
      </c>
      <c r="EC28" s="165">
        <v>630</v>
      </c>
      <c r="ED28" s="164">
        <v>815</v>
      </c>
      <c r="EE28" s="159">
        <v>8</v>
      </c>
      <c r="EF28" s="160">
        <v>3</v>
      </c>
      <c r="EG28" s="165">
        <v>11</v>
      </c>
      <c r="EH28" s="162">
        <v>0</v>
      </c>
      <c r="EI28" s="160">
        <v>28</v>
      </c>
      <c r="EJ28" s="160">
        <v>22</v>
      </c>
      <c r="EK28" s="160">
        <v>25</v>
      </c>
      <c r="EL28" s="160">
        <v>22</v>
      </c>
      <c r="EM28" s="160">
        <v>12</v>
      </c>
      <c r="EN28" s="165">
        <v>109</v>
      </c>
      <c r="EO28" s="164">
        <v>120</v>
      </c>
      <c r="EP28" s="159">
        <v>89</v>
      </c>
      <c r="EQ28" s="160">
        <v>133</v>
      </c>
      <c r="ER28" s="165">
        <v>222</v>
      </c>
      <c r="ES28" s="162">
        <v>0</v>
      </c>
      <c r="ET28" s="160">
        <v>263</v>
      </c>
      <c r="EU28" s="160">
        <v>295</v>
      </c>
      <c r="EV28" s="160">
        <v>144</v>
      </c>
      <c r="EW28" s="160">
        <v>81</v>
      </c>
      <c r="EX28" s="160">
        <v>79</v>
      </c>
      <c r="EY28" s="165">
        <v>862</v>
      </c>
      <c r="EZ28" s="164">
        <v>1084</v>
      </c>
    </row>
    <row r="29" spans="2:156" ht="21" customHeight="1" x14ac:dyDescent="0.2">
      <c r="B29" s="166" t="s">
        <v>27</v>
      </c>
      <c r="C29" s="159">
        <v>0</v>
      </c>
      <c r="D29" s="160">
        <v>0</v>
      </c>
      <c r="E29" s="161">
        <v>0</v>
      </c>
      <c r="F29" s="162">
        <v>0</v>
      </c>
      <c r="G29" s="160">
        <v>62</v>
      </c>
      <c r="H29" s="160">
        <v>54</v>
      </c>
      <c r="I29" s="160">
        <v>39</v>
      </c>
      <c r="J29" s="160">
        <v>40</v>
      </c>
      <c r="K29" s="160">
        <v>33</v>
      </c>
      <c r="L29" s="163">
        <v>228</v>
      </c>
      <c r="M29" s="164">
        <v>228</v>
      </c>
      <c r="N29" s="159">
        <v>0</v>
      </c>
      <c r="O29" s="160">
        <v>0</v>
      </c>
      <c r="P29" s="165">
        <v>0</v>
      </c>
      <c r="Q29" s="162">
        <v>0</v>
      </c>
      <c r="R29" s="160">
        <v>1</v>
      </c>
      <c r="S29" s="160">
        <v>1</v>
      </c>
      <c r="T29" s="160">
        <v>4</v>
      </c>
      <c r="U29" s="160">
        <v>9</v>
      </c>
      <c r="V29" s="160">
        <v>11</v>
      </c>
      <c r="W29" s="165">
        <v>26</v>
      </c>
      <c r="X29" s="164">
        <v>26</v>
      </c>
      <c r="Y29" s="159">
        <v>27</v>
      </c>
      <c r="Z29" s="160">
        <v>46</v>
      </c>
      <c r="AA29" s="165">
        <v>73</v>
      </c>
      <c r="AB29" s="162">
        <v>0</v>
      </c>
      <c r="AC29" s="160">
        <v>40</v>
      </c>
      <c r="AD29" s="160">
        <v>53</v>
      </c>
      <c r="AE29" s="160">
        <v>42</v>
      </c>
      <c r="AF29" s="160">
        <v>36</v>
      </c>
      <c r="AG29" s="160">
        <v>29</v>
      </c>
      <c r="AH29" s="165">
        <v>200</v>
      </c>
      <c r="AI29" s="164">
        <v>273</v>
      </c>
      <c r="AJ29" s="159">
        <v>1</v>
      </c>
      <c r="AK29" s="160">
        <v>2</v>
      </c>
      <c r="AL29" s="165">
        <v>3</v>
      </c>
      <c r="AM29" s="162">
        <v>0</v>
      </c>
      <c r="AN29" s="160">
        <v>1</v>
      </c>
      <c r="AO29" s="160">
        <v>0</v>
      </c>
      <c r="AP29" s="160">
        <v>1</v>
      </c>
      <c r="AQ29" s="160">
        <v>1</v>
      </c>
      <c r="AR29" s="160">
        <v>2</v>
      </c>
      <c r="AS29" s="165">
        <v>5</v>
      </c>
      <c r="AT29" s="164">
        <v>8</v>
      </c>
      <c r="AU29" s="159">
        <v>13</v>
      </c>
      <c r="AV29" s="160">
        <v>21</v>
      </c>
      <c r="AW29" s="165">
        <v>34</v>
      </c>
      <c r="AX29" s="162">
        <v>0</v>
      </c>
      <c r="AY29" s="160">
        <v>76</v>
      </c>
      <c r="AZ29" s="160">
        <v>59</v>
      </c>
      <c r="BA29" s="160">
        <v>63</v>
      </c>
      <c r="BB29" s="160">
        <v>70</v>
      </c>
      <c r="BC29" s="160">
        <v>50</v>
      </c>
      <c r="BD29" s="163">
        <v>318</v>
      </c>
      <c r="BE29" s="164">
        <v>352</v>
      </c>
      <c r="BF29" s="159">
        <v>0</v>
      </c>
      <c r="BG29" s="160">
        <v>0</v>
      </c>
      <c r="BH29" s="165">
        <v>0</v>
      </c>
      <c r="BI29" s="162">
        <v>0</v>
      </c>
      <c r="BJ29" s="160">
        <v>108</v>
      </c>
      <c r="BK29" s="160">
        <v>58</v>
      </c>
      <c r="BL29" s="160">
        <v>37</v>
      </c>
      <c r="BM29" s="160">
        <v>41</v>
      </c>
      <c r="BN29" s="160">
        <v>9</v>
      </c>
      <c r="BO29" s="165">
        <v>253</v>
      </c>
      <c r="BP29" s="164">
        <v>253</v>
      </c>
      <c r="BQ29" s="159">
        <v>20</v>
      </c>
      <c r="BR29" s="160">
        <v>33</v>
      </c>
      <c r="BS29" s="165">
        <v>53</v>
      </c>
      <c r="BT29" s="162">
        <v>0</v>
      </c>
      <c r="BU29" s="160">
        <v>24</v>
      </c>
      <c r="BV29" s="160">
        <v>30</v>
      </c>
      <c r="BW29" s="160">
        <v>19</v>
      </c>
      <c r="BX29" s="160">
        <v>6</v>
      </c>
      <c r="BY29" s="160">
        <v>7</v>
      </c>
      <c r="BZ29" s="165">
        <v>86</v>
      </c>
      <c r="CA29" s="164">
        <v>139</v>
      </c>
      <c r="CB29" s="159">
        <v>0</v>
      </c>
      <c r="CC29" s="160">
        <v>1</v>
      </c>
      <c r="CD29" s="165">
        <v>1</v>
      </c>
      <c r="CE29" s="162">
        <v>0</v>
      </c>
      <c r="CF29" s="160">
        <v>18</v>
      </c>
      <c r="CG29" s="160">
        <v>11</v>
      </c>
      <c r="CH29" s="160">
        <v>15</v>
      </c>
      <c r="CI29" s="160">
        <v>11</v>
      </c>
      <c r="CJ29" s="160">
        <v>5</v>
      </c>
      <c r="CK29" s="165">
        <v>60</v>
      </c>
      <c r="CL29" s="164">
        <v>61</v>
      </c>
      <c r="CM29" s="159">
        <v>1</v>
      </c>
      <c r="CN29" s="160">
        <v>1</v>
      </c>
      <c r="CO29" s="165">
        <v>2</v>
      </c>
      <c r="CP29" s="162">
        <v>0</v>
      </c>
      <c r="CQ29" s="160">
        <v>1</v>
      </c>
      <c r="CR29" s="160">
        <v>1</v>
      </c>
      <c r="CS29" s="160">
        <v>4</v>
      </c>
      <c r="CT29" s="160">
        <v>1</v>
      </c>
      <c r="CU29" s="160">
        <v>2</v>
      </c>
      <c r="CV29" s="165">
        <v>9</v>
      </c>
      <c r="CW29" s="164">
        <v>11</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103</v>
      </c>
      <c r="DU29" s="160">
        <v>159</v>
      </c>
      <c r="DV29" s="165">
        <v>262</v>
      </c>
      <c r="DW29" s="162">
        <v>0</v>
      </c>
      <c r="DX29" s="160">
        <v>82</v>
      </c>
      <c r="DY29" s="160">
        <v>121</v>
      </c>
      <c r="DZ29" s="160">
        <v>90</v>
      </c>
      <c r="EA29" s="160">
        <v>73</v>
      </c>
      <c r="EB29" s="160">
        <v>48</v>
      </c>
      <c r="EC29" s="165">
        <v>414</v>
      </c>
      <c r="ED29" s="164">
        <v>676</v>
      </c>
      <c r="EE29" s="159">
        <v>14</v>
      </c>
      <c r="EF29" s="160">
        <v>16</v>
      </c>
      <c r="EG29" s="165">
        <v>30</v>
      </c>
      <c r="EH29" s="162">
        <v>0</v>
      </c>
      <c r="EI29" s="160">
        <v>50</v>
      </c>
      <c r="EJ29" s="160">
        <v>30</v>
      </c>
      <c r="EK29" s="160">
        <v>28</v>
      </c>
      <c r="EL29" s="160">
        <v>28</v>
      </c>
      <c r="EM29" s="160">
        <v>15</v>
      </c>
      <c r="EN29" s="165">
        <v>151</v>
      </c>
      <c r="EO29" s="164">
        <v>181</v>
      </c>
      <c r="EP29" s="159">
        <v>137</v>
      </c>
      <c r="EQ29" s="160">
        <v>188</v>
      </c>
      <c r="ER29" s="165">
        <v>325</v>
      </c>
      <c r="ES29" s="162">
        <v>0</v>
      </c>
      <c r="ET29" s="160">
        <v>225</v>
      </c>
      <c r="EU29" s="160">
        <v>151</v>
      </c>
      <c r="EV29" s="160">
        <v>99</v>
      </c>
      <c r="EW29" s="160">
        <v>83</v>
      </c>
      <c r="EX29" s="160">
        <v>47</v>
      </c>
      <c r="EY29" s="165">
        <v>605</v>
      </c>
      <c r="EZ29" s="164">
        <v>930</v>
      </c>
    </row>
    <row r="30" spans="2:156" ht="21" customHeight="1" x14ac:dyDescent="0.2">
      <c r="B30" s="166" t="s">
        <v>28</v>
      </c>
      <c r="C30" s="159">
        <v>0</v>
      </c>
      <c r="D30" s="160">
        <v>0</v>
      </c>
      <c r="E30" s="161">
        <v>0</v>
      </c>
      <c r="F30" s="162">
        <v>0</v>
      </c>
      <c r="G30" s="160">
        <v>14</v>
      </c>
      <c r="H30" s="160">
        <v>17</v>
      </c>
      <c r="I30" s="160">
        <v>3</v>
      </c>
      <c r="J30" s="160">
        <v>7</v>
      </c>
      <c r="K30" s="160">
        <v>6</v>
      </c>
      <c r="L30" s="163">
        <v>47</v>
      </c>
      <c r="M30" s="164">
        <v>47</v>
      </c>
      <c r="N30" s="159">
        <v>0</v>
      </c>
      <c r="O30" s="160">
        <v>0</v>
      </c>
      <c r="P30" s="165">
        <v>0</v>
      </c>
      <c r="Q30" s="162">
        <v>0</v>
      </c>
      <c r="R30" s="160">
        <v>0</v>
      </c>
      <c r="S30" s="160">
        <v>0</v>
      </c>
      <c r="T30" s="160">
        <v>0</v>
      </c>
      <c r="U30" s="160">
        <v>2</v>
      </c>
      <c r="V30" s="160">
        <v>2</v>
      </c>
      <c r="W30" s="165">
        <v>4</v>
      </c>
      <c r="X30" s="164">
        <v>4</v>
      </c>
      <c r="Y30" s="159">
        <v>2</v>
      </c>
      <c r="Z30" s="160">
        <v>6</v>
      </c>
      <c r="AA30" s="165">
        <v>8</v>
      </c>
      <c r="AB30" s="162">
        <v>0</v>
      </c>
      <c r="AC30" s="160">
        <v>10</v>
      </c>
      <c r="AD30" s="160">
        <v>15</v>
      </c>
      <c r="AE30" s="160">
        <v>9</v>
      </c>
      <c r="AF30" s="160">
        <v>16</v>
      </c>
      <c r="AG30" s="160">
        <v>8</v>
      </c>
      <c r="AH30" s="165">
        <v>58</v>
      </c>
      <c r="AI30" s="164">
        <v>66</v>
      </c>
      <c r="AJ30" s="159">
        <v>0</v>
      </c>
      <c r="AK30" s="160">
        <v>0</v>
      </c>
      <c r="AL30" s="165">
        <v>0</v>
      </c>
      <c r="AM30" s="162">
        <v>0</v>
      </c>
      <c r="AN30" s="160">
        <v>1</v>
      </c>
      <c r="AO30" s="160">
        <v>0</v>
      </c>
      <c r="AP30" s="160">
        <v>1</v>
      </c>
      <c r="AQ30" s="160">
        <v>1</v>
      </c>
      <c r="AR30" s="160">
        <v>1</v>
      </c>
      <c r="AS30" s="165">
        <v>4</v>
      </c>
      <c r="AT30" s="164">
        <v>4</v>
      </c>
      <c r="AU30" s="159">
        <v>1</v>
      </c>
      <c r="AV30" s="160">
        <v>1</v>
      </c>
      <c r="AW30" s="165">
        <v>2</v>
      </c>
      <c r="AX30" s="162">
        <v>0</v>
      </c>
      <c r="AY30" s="160">
        <v>13</v>
      </c>
      <c r="AZ30" s="160">
        <v>18</v>
      </c>
      <c r="BA30" s="160">
        <v>14</v>
      </c>
      <c r="BB30" s="160">
        <v>16</v>
      </c>
      <c r="BC30" s="160">
        <v>18</v>
      </c>
      <c r="BD30" s="163">
        <v>79</v>
      </c>
      <c r="BE30" s="164">
        <v>81</v>
      </c>
      <c r="BF30" s="159">
        <v>0</v>
      </c>
      <c r="BG30" s="160">
        <v>0</v>
      </c>
      <c r="BH30" s="165">
        <v>0</v>
      </c>
      <c r="BI30" s="162">
        <v>0</v>
      </c>
      <c r="BJ30" s="160">
        <v>30</v>
      </c>
      <c r="BK30" s="160">
        <v>37</v>
      </c>
      <c r="BL30" s="160">
        <v>20</v>
      </c>
      <c r="BM30" s="160">
        <v>8</v>
      </c>
      <c r="BN30" s="160">
        <v>5</v>
      </c>
      <c r="BO30" s="165">
        <v>100</v>
      </c>
      <c r="BP30" s="164">
        <v>100</v>
      </c>
      <c r="BQ30" s="159">
        <v>1</v>
      </c>
      <c r="BR30" s="160">
        <v>4</v>
      </c>
      <c r="BS30" s="165">
        <v>5</v>
      </c>
      <c r="BT30" s="162">
        <v>0</v>
      </c>
      <c r="BU30" s="160">
        <v>11</v>
      </c>
      <c r="BV30" s="160">
        <v>13</v>
      </c>
      <c r="BW30" s="160">
        <v>5</v>
      </c>
      <c r="BX30" s="160">
        <v>10</v>
      </c>
      <c r="BY30" s="160">
        <v>3</v>
      </c>
      <c r="BZ30" s="165">
        <v>42</v>
      </c>
      <c r="CA30" s="164">
        <v>47</v>
      </c>
      <c r="CB30" s="159">
        <v>0</v>
      </c>
      <c r="CC30" s="160">
        <v>0</v>
      </c>
      <c r="CD30" s="165">
        <v>0</v>
      </c>
      <c r="CE30" s="162">
        <v>0</v>
      </c>
      <c r="CF30" s="160">
        <v>4</v>
      </c>
      <c r="CG30" s="160">
        <v>9</v>
      </c>
      <c r="CH30" s="160">
        <v>7</v>
      </c>
      <c r="CI30" s="160">
        <v>7</v>
      </c>
      <c r="CJ30" s="160">
        <v>4</v>
      </c>
      <c r="CK30" s="165">
        <v>31</v>
      </c>
      <c r="CL30" s="164">
        <v>31</v>
      </c>
      <c r="CM30" s="159">
        <v>0</v>
      </c>
      <c r="CN30" s="160">
        <v>0</v>
      </c>
      <c r="CO30" s="165">
        <v>0</v>
      </c>
      <c r="CP30" s="162">
        <v>0</v>
      </c>
      <c r="CQ30" s="160">
        <v>1</v>
      </c>
      <c r="CR30" s="160">
        <v>0</v>
      </c>
      <c r="CS30" s="160">
        <v>3</v>
      </c>
      <c r="CT30" s="160">
        <v>1</v>
      </c>
      <c r="CU30" s="160">
        <v>1</v>
      </c>
      <c r="CV30" s="165">
        <v>6</v>
      </c>
      <c r="CW30" s="164">
        <v>6</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5</v>
      </c>
      <c r="DU30" s="160">
        <v>24</v>
      </c>
      <c r="DV30" s="165">
        <v>29</v>
      </c>
      <c r="DW30" s="162">
        <v>0</v>
      </c>
      <c r="DX30" s="160">
        <v>48</v>
      </c>
      <c r="DY30" s="160">
        <v>61</v>
      </c>
      <c r="DZ30" s="160">
        <v>35</v>
      </c>
      <c r="EA30" s="160">
        <v>27</v>
      </c>
      <c r="EB30" s="160">
        <v>12</v>
      </c>
      <c r="EC30" s="165">
        <v>183</v>
      </c>
      <c r="ED30" s="164">
        <v>212</v>
      </c>
      <c r="EE30" s="159">
        <v>0</v>
      </c>
      <c r="EF30" s="160">
        <v>0</v>
      </c>
      <c r="EG30" s="165">
        <v>0</v>
      </c>
      <c r="EH30" s="162">
        <v>0</v>
      </c>
      <c r="EI30" s="160">
        <v>6</v>
      </c>
      <c r="EJ30" s="160">
        <v>7</v>
      </c>
      <c r="EK30" s="160">
        <v>3</v>
      </c>
      <c r="EL30" s="160">
        <v>2</v>
      </c>
      <c r="EM30" s="160">
        <v>6</v>
      </c>
      <c r="EN30" s="165">
        <v>24</v>
      </c>
      <c r="EO30" s="164">
        <v>24</v>
      </c>
      <c r="EP30" s="159">
        <v>8</v>
      </c>
      <c r="EQ30" s="160">
        <v>28</v>
      </c>
      <c r="ER30" s="165">
        <v>36</v>
      </c>
      <c r="ES30" s="162">
        <v>0</v>
      </c>
      <c r="ET30" s="160">
        <v>89</v>
      </c>
      <c r="EU30" s="160">
        <v>87</v>
      </c>
      <c r="EV30" s="160">
        <v>44</v>
      </c>
      <c r="EW30" s="160">
        <v>31</v>
      </c>
      <c r="EX30" s="160">
        <v>14</v>
      </c>
      <c r="EY30" s="165">
        <v>265</v>
      </c>
      <c r="EZ30" s="164">
        <v>301</v>
      </c>
    </row>
    <row r="31" spans="2:156" ht="21" customHeight="1" x14ac:dyDescent="0.2">
      <c r="B31" s="166" t="s">
        <v>29</v>
      </c>
      <c r="C31" s="159">
        <v>0</v>
      </c>
      <c r="D31" s="160">
        <v>0</v>
      </c>
      <c r="E31" s="161">
        <v>0</v>
      </c>
      <c r="F31" s="162">
        <v>0</v>
      </c>
      <c r="G31" s="160">
        <v>26</v>
      </c>
      <c r="H31" s="160">
        <v>32</v>
      </c>
      <c r="I31" s="160">
        <v>19</v>
      </c>
      <c r="J31" s="160">
        <v>19</v>
      </c>
      <c r="K31" s="160">
        <v>15</v>
      </c>
      <c r="L31" s="163">
        <v>111</v>
      </c>
      <c r="M31" s="164">
        <v>111</v>
      </c>
      <c r="N31" s="159">
        <v>0</v>
      </c>
      <c r="O31" s="160">
        <v>0</v>
      </c>
      <c r="P31" s="165">
        <v>0</v>
      </c>
      <c r="Q31" s="162">
        <v>0</v>
      </c>
      <c r="R31" s="160">
        <v>0</v>
      </c>
      <c r="S31" s="160">
        <v>2</v>
      </c>
      <c r="T31" s="160">
        <v>1</v>
      </c>
      <c r="U31" s="160">
        <v>4</v>
      </c>
      <c r="V31" s="160">
        <v>4</v>
      </c>
      <c r="W31" s="165">
        <v>11</v>
      </c>
      <c r="X31" s="164">
        <v>11</v>
      </c>
      <c r="Y31" s="159">
        <v>3</v>
      </c>
      <c r="Z31" s="160">
        <v>5</v>
      </c>
      <c r="AA31" s="165">
        <v>8</v>
      </c>
      <c r="AB31" s="162">
        <v>0</v>
      </c>
      <c r="AC31" s="160">
        <v>23</v>
      </c>
      <c r="AD31" s="160">
        <v>24</v>
      </c>
      <c r="AE31" s="160">
        <v>18</v>
      </c>
      <c r="AF31" s="160">
        <v>18</v>
      </c>
      <c r="AG31" s="160">
        <v>13</v>
      </c>
      <c r="AH31" s="165">
        <v>96</v>
      </c>
      <c r="AI31" s="164">
        <v>104</v>
      </c>
      <c r="AJ31" s="159">
        <v>0</v>
      </c>
      <c r="AK31" s="160">
        <v>2</v>
      </c>
      <c r="AL31" s="165">
        <v>2</v>
      </c>
      <c r="AM31" s="162">
        <v>0</v>
      </c>
      <c r="AN31" s="160">
        <v>3</v>
      </c>
      <c r="AO31" s="160">
        <v>3</v>
      </c>
      <c r="AP31" s="160">
        <v>2</v>
      </c>
      <c r="AQ31" s="160">
        <v>1</v>
      </c>
      <c r="AR31" s="160">
        <v>1</v>
      </c>
      <c r="AS31" s="165">
        <v>10</v>
      </c>
      <c r="AT31" s="164">
        <v>12</v>
      </c>
      <c r="AU31" s="159">
        <v>6</v>
      </c>
      <c r="AV31" s="160">
        <v>1</v>
      </c>
      <c r="AW31" s="165">
        <v>7</v>
      </c>
      <c r="AX31" s="162">
        <v>0</v>
      </c>
      <c r="AY31" s="160">
        <v>24</v>
      </c>
      <c r="AZ31" s="160">
        <v>21</v>
      </c>
      <c r="BA31" s="160">
        <v>22</v>
      </c>
      <c r="BB31" s="160">
        <v>29</v>
      </c>
      <c r="BC31" s="160">
        <v>19</v>
      </c>
      <c r="BD31" s="163">
        <v>115</v>
      </c>
      <c r="BE31" s="164">
        <v>122</v>
      </c>
      <c r="BF31" s="159">
        <v>0</v>
      </c>
      <c r="BG31" s="160">
        <v>0</v>
      </c>
      <c r="BH31" s="165">
        <v>0</v>
      </c>
      <c r="BI31" s="162">
        <v>0</v>
      </c>
      <c r="BJ31" s="160">
        <v>32</v>
      </c>
      <c r="BK31" s="160">
        <v>43</v>
      </c>
      <c r="BL31" s="160">
        <v>22</v>
      </c>
      <c r="BM31" s="160">
        <v>13</v>
      </c>
      <c r="BN31" s="160">
        <v>6</v>
      </c>
      <c r="BO31" s="165">
        <v>116</v>
      </c>
      <c r="BP31" s="164">
        <v>116</v>
      </c>
      <c r="BQ31" s="159">
        <v>3</v>
      </c>
      <c r="BR31" s="160">
        <v>6</v>
      </c>
      <c r="BS31" s="165">
        <v>9</v>
      </c>
      <c r="BT31" s="162">
        <v>0</v>
      </c>
      <c r="BU31" s="160">
        <v>12</v>
      </c>
      <c r="BV31" s="160">
        <v>15</v>
      </c>
      <c r="BW31" s="160">
        <v>13</v>
      </c>
      <c r="BX31" s="160">
        <v>5</v>
      </c>
      <c r="BY31" s="160">
        <v>1</v>
      </c>
      <c r="BZ31" s="165">
        <v>46</v>
      </c>
      <c r="CA31" s="164">
        <v>55</v>
      </c>
      <c r="CB31" s="159">
        <v>0</v>
      </c>
      <c r="CC31" s="160">
        <v>0</v>
      </c>
      <c r="CD31" s="165">
        <v>0</v>
      </c>
      <c r="CE31" s="162">
        <v>0</v>
      </c>
      <c r="CF31" s="160">
        <v>4</v>
      </c>
      <c r="CG31" s="160">
        <v>9</v>
      </c>
      <c r="CH31" s="160">
        <v>16</v>
      </c>
      <c r="CI31" s="160">
        <v>8</v>
      </c>
      <c r="CJ31" s="160">
        <v>7</v>
      </c>
      <c r="CK31" s="165">
        <v>44</v>
      </c>
      <c r="CL31" s="164">
        <v>44</v>
      </c>
      <c r="CM31" s="159">
        <v>0</v>
      </c>
      <c r="CN31" s="160">
        <v>0</v>
      </c>
      <c r="CO31" s="165">
        <v>0</v>
      </c>
      <c r="CP31" s="162">
        <v>0</v>
      </c>
      <c r="CQ31" s="160">
        <v>3</v>
      </c>
      <c r="CR31" s="160">
        <v>1</v>
      </c>
      <c r="CS31" s="160">
        <v>2</v>
      </c>
      <c r="CT31" s="160">
        <v>0</v>
      </c>
      <c r="CU31" s="160">
        <v>1</v>
      </c>
      <c r="CV31" s="165">
        <v>7</v>
      </c>
      <c r="CW31" s="164">
        <v>7</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32</v>
      </c>
      <c r="DU31" s="160">
        <v>34</v>
      </c>
      <c r="DV31" s="165">
        <v>66</v>
      </c>
      <c r="DW31" s="162">
        <v>0</v>
      </c>
      <c r="DX31" s="160">
        <v>45</v>
      </c>
      <c r="DY31" s="160">
        <v>82</v>
      </c>
      <c r="DZ31" s="160">
        <v>52</v>
      </c>
      <c r="EA31" s="160">
        <v>41</v>
      </c>
      <c r="EB31" s="160">
        <v>24</v>
      </c>
      <c r="EC31" s="165">
        <v>244</v>
      </c>
      <c r="ED31" s="164">
        <v>310</v>
      </c>
      <c r="EE31" s="159">
        <v>3</v>
      </c>
      <c r="EF31" s="160">
        <v>0</v>
      </c>
      <c r="EG31" s="165">
        <v>3</v>
      </c>
      <c r="EH31" s="162">
        <v>0</v>
      </c>
      <c r="EI31" s="160">
        <v>9</v>
      </c>
      <c r="EJ31" s="160">
        <v>5</v>
      </c>
      <c r="EK31" s="160">
        <v>4</v>
      </c>
      <c r="EL31" s="160">
        <v>10</v>
      </c>
      <c r="EM31" s="160">
        <v>4</v>
      </c>
      <c r="EN31" s="165">
        <v>32</v>
      </c>
      <c r="EO31" s="164">
        <v>35</v>
      </c>
      <c r="EP31" s="159">
        <v>35</v>
      </c>
      <c r="EQ31" s="160">
        <v>40</v>
      </c>
      <c r="ER31" s="165">
        <v>75</v>
      </c>
      <c r="ES31" s="162">
        <v>0</v>
      </c>
      <c r="ET31" s="160">
        <v>90</v>
      </c>
      <c r="EU31" s="160">
        <v>108</v>
      </c>
      <c r="EV31" s="160">
        <v>63</v>
      </c>
      <c r="EW31" s="160">
        <v>42</v>
      </c>
      <c r="EX31" s="160">
        <v>24</v>
      </c>
      <c r="EY31" s="165">
        <v>327</v>
      </c>
      <c r="EZ31" s="164">
        <v>402</v>
      </c>
    </row>
    <row r="32" spans="2:156" ht="21" customHeight="1" x14ac:dyDescent="0.2">
      <c r="B32" s="166" t="s">
        <v>30</v>
      </c>
      <c r="C32" s="159">
        <v>0</v>
      </c>
      <c r="D32" s="160">
        <v>0</v>
      </c>
      <c r="E32" s="161">
        <v>0</v>
      </c>
      <c r="F32" s="162">
        <v>0</v>
      </c>
      <c r="G32" s="160">
        <v>25</v>
      </c>
      <c r="H32" s="160">
        <v>23</v>
      </c>
      <c r="I32" s="160">
        <v>15</v>
      </c>
      <c r="J32" s="160">
        <v>11</v>
      </c>
      <c r="K32" s="160">
        <v>11</v>
      </c>
      <c r="L32" s="163">
        <v>85</v>
      </c>
      <c r="M32" s="164">
        <v>85</v>
      </c>
      <c r="N32" s="159">
        <v>0</v>
      </c>
      <c r="O32" s="160">
        <v>0</v>
      </c>
      <c r="P32" s="165">
        <v>0</v>
      </c>
      <c r="Q32" s="162">
        <v>0</v>
      </c>
      <c r="R32" s="160">
        <v>0</v>
      </c>
      <c r="S32" s="160">
        <v>0</v>
      </c>
      <c r="T32" s="160">
        <v>0</v>
      </c>
      <c r="U32" s="160">
        <v>4</v>
      </c>
      <c r="V32" s="160">
        <v>3</v>
      </c>
      <c r="W32" s="165">
        <v>7</v>
      </c>
      <c r="X32" s="164">
        <v>7</v>
      </c>
      <c r="Y32" s="159">
        <v>4</v>
      </c>
      <c r="Z32" s="160">
        <v>10</v>
      </c>
      <c r="AA32" s="165">
        <v>14</v>
      </c>
      <c r="AB32" s="162">
        <v>0</v>
      </c>
      <c r="AC32" s="160">
        <v>27</v>
      </c>
      <c r="AD32" s="160">
        <v>19</v>
      </c>
      <c r="AE32" s="160">
        <v>17</v>
      </c>
      <c r="AF32" s="160">
        <v>10</v>
      </c>
      <c r="AG32" s="160">
        <v>7</v>
      </c>
      <c r="AH32" s="165">
        <v>80</v>
      </c>
      <c r="AI32" s="164">
        <v>94</v>
      </c>
      <c r="AJ32" s="159">
        <v>1</v>
      </c>
      <c r="AK32" s="160">
        <v>0</v>
      </c>
      <c r="AL32" s="165">
        <v>1</v>
      </c>
      <c r="AM32" s="162">
        <v>0</v>
      </c>
      <c r="AN32" s="160">
        <v>4</v>
      </c>
      <c r="AO32" s="160">
        <v>3</v>
      </c>
      <c r="AP32" s="160">
        <v>4</v>
      </c>
      <c r="AQ32" s="160">
        <v>0</v>
      </c>
      <c r="AR32" s="160">
        <v>0</v>
      </c>
      <c r="AS32" s="165">
        <v>11</v>
      </c>
      <c r="AT32" s="164">
        <v>12</v>
      </c>
      <c r="AU32" s="159">
        <v>1</v>
      </c>
      <c r="AV32" s="160">
        <v>1</v>
      </c>
      <c r="AW32" s="165">
        <v>2</v>
      </c>
      <c r="AX32" s="162">
        <v>0</v>
      </c>
      <c r="AY32" s="160">
        <v>28</v>
      </c>
      <c r="AZ32" s="160">
        <v>25</v>
      </c>
      <c r="BA32" s="160">
        <v>23</v>
      </c>
      <c r="BB32" s="160">
        <v>20</v>
      </c>
      <c r="BC32" s="160">
        <v>7</v>
      </c>
      <c r="BD32" s="163">
        <v>103</v>
      </c>
      <c r="BE32" s="164">
        <v>105</v>
      </c>
      <c r="BF32" s="159">
        <v>0</v>
      </c>
      <c r="BG32" s="160">
        <v>0</v>
      </c>
      <c r="BH32" s="165">
        <v>0</v>
      </c>
      <c r="BI32" s="162">
        <v>0</v>
      </c>
      <c r="BJ32" s="160">
        <v>31</v>
      </c>
      <c r="BK32" s="160">
        <v>21</v>
      </c>
      <c r="BL32" s="160">
        <v>17</v>
      </c>
      <c r="BM32" s="160">
        <v>12</v>
      </c>
      <c r="BN32" s="160">
        <v>3</v>
      </c>
      <c r="BO32" s="165">
        <v>84</v>
      </c>
      <c r="BP32" s="164">
        <v>84</v>
      </c>
      <c r="BQ32" s="159">
        <v>6</v>
      </c>
      <c r="BR32" s="160">
        <v>6</v>
      </c>
      <c r="BS32" s="165">
        <v>12</v>
      </c>
      <c r="BT32" s="162">
        <v>0</v>
      </c>
      <c r="BU32" s="160">
        <v>9</v>
      </c>
      <c r="BV32" s="160">
        <v>11</v>
      </c>
      <c r="BW32" s="160">
        <v>6</v>
      </c>
      <c r="BX32" s="160">
        <v>4</v>
      </c>
      <c r="BY32" s="160">
        <v>1</v>
      </c>
      <c r="BZ32" s="165">
        <v>31</v>
      </c>
      <c r="CA32" s="164">
        <v>43</v>
      </c>
      <c r="CB32" s="159">
        <v>0</v>
      </c>
      <c r="CC32" s="160">
        <v>0</v>
      </c>
      <c r="CD32" s="165">
        <v>0</v>
      </c>
      <c r="CE32" s="162">
        <v>0</v>
      </c>
      <c r="CF32" s="160">
        <v>10</v>
      </c>
      <c r="CG32" s="160">
        <v>8</v>
      </c>
      <c r="CH32" s="160">
        <v>10</v>
      </c>
      <c r="CI32" s="160">
        <v>5</v>
      </c>
      <c r="CJ32" s="160">
        <v>1</v>
      </c>
      <c r="CK32" s="165">
        <v>34</v>
      </c>
      <c r="CL32" s="164">
        <v>34</v>
      </c>
      <c r="CM32" s="159">
        <v>0</v>
      </c>
      <c r="CN32" s="160">
        <v>0</v>
      </c>
      <c r="CO32" s="165">
        <v>0</v>
      </c>
      <c r="CP32" s="162">
        <v>0</v>
      </c>
      <c r="CQ32" s="160">
        <v>1</v>
      </c>
      <c r="CR32" s="160">
        <v>3</v>
      </c>
      <c r="CS32" s="160">
        <v>1</v>
      </c>
      <c r="CT32" s="160">
        <v>1</v>
      </c>
      <c r="CU32" s="160">
        <v>0</v>
      </c>
      <c r="CV32" s="165">
        <v>6</v>
      </c>
      <c r="CW32" s="164">
        <v>6</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36</v>
      </c>
      <c r="DU32" s="160">
        <v>27</v>
      </c>
      <c r="DV32" s="165">
        <v>63</v>
      </c>
      <c r="DW32" s="162">
        <v>0</v>
      </c>
      <c r="DX32" s="160">
        <v>53</v>
      </c>
      <c r="DY32" s="160">
        <v>54</v>
      </c>
      <c r="DZ32" s="160">
        <v>50</v>
      </c>
      <c r="EA32" s="160">
        <v>22</v>
      </c>
      <c r="EB32" s="160">
        <v>14</v>
      </c>
      <c r="EC32" s="165">
        <v>193</v>
      </c>
      <c r="ED32" s="164">
        <v>256</v>
      </c>
      <c r="EE32" s="159">
        <v>1</v>
      </c>
      <c r="EF32" s="160">
        <v>0</v>
      </c>
      <c r="EG32" s="165">
        <v>1</v>
      </c>
      <c r="EH32" s="162">
        <v>0</v>
      </c>
      <c r="EI32" s="160">
        <v>9</v>
      </c>
      <c r="EJ32" s="160">
        <v>10</v>
      </c>
      <c r="EK32" s="160">
        <v>7</v>
      </c>
      <c r="EL32" s="160">
        <v>5</v>
      </c>
      <c r="EM32" s="160">
        <v>2</v>
      </c>
      <c r="EN32" s="165">
        <v>33</v>
      </c>
      <c r="EO32" s="164">
        <v>34</v>
      </c>
      <c r="EP32" s="159">
        <v>40</v>
      </c>
      <c r="EQ32" s="160">
        <v>31</v>
      </c>
      <c r="ER32" s="165">
        <v>71</v>
      </c>
      <c r="ES32" s="162">
        <v>0</v>
      </c>
      <c r="ET32" s="160">
        <v>99</v>
      </c>
      <c r="EU32" s="160">
        <v>67</v>
      </c>
      <c r="EV32" s="160">
        <v>52</v>
      </c>
      <c r="EW32" s="160">
        <v>25</v>
      </c>
      <c r="EX32" s="160">
        <v>13</v>
      </c>
      <c r="EY32" s="165">
        <v>256</v>
      </c>
      <c r="EZ32" s="164">
        <v>327</v>
      </c>
    </row>
    <row r="33" spans="2:156" ht="21" customHeight="1" x14ac:dyDescent="0.2">
      <c r="B33" s="166" t="s">
        <v>31</v>
      </c>
      <c r="C33" s="159">
        <v>0</v>
      </c>
      <c r="D33" s="160">
        <v>0</v>
      </c>
      <c r="E33" s="161">
        <v>0</v>
      </c>
      <c r="F33" s="162">
        <v>0</v>
      </c>
      <c r="G33" s="160">
        <v>13</v>
      </c>
      <c r="H33" s="160">
        <v>13</v>
      </c>
      <c r="I33" s="160">
        <v>10</v>
      </c>
      <c r="J33" s="160">
        <v>8</v>
      </c>
      <c r="K33" s="160">
        <v>3</v>
      </c>
      <c r="L33" s="163">
        <v>47</v>
      </c>
      <c r="M33" s="164">
        <v>47</v>
      </c>
      <c r="N33" s="159">
        <v>0</v>
      </c>
      <c r="O33" s="160">
        <v>0</v>
      </c>
      <c r="P33" s="165">
        <v>0</v>
      </c>
      <c r="Q33" s="162">
        <v>0</v>
      </c>
      <c r="R33" s="160">
        <v>0</v>
      </c>
      <c r="S33" s="160">
        <v>1</v>
      </c>
      <c r="T33" s="160">
        <v>1</v>
      </c>
      <c r="U33" s="160">
        <v>3</v>
      </c>
      <c r="V33" s="160">
        <v>2</v>
      </c>
      <c r="W33" s="165">
        <v>7</v>
      </c>
      <c r="X33" s="164">
        <v>7</v>
      </c>
      <c r="Y33" s="159">
        <v>2</v>
      </c>
      <c r="Z33" s="160">
        <v>4</v>
      </c>
      <c r="AA33" s="165">
        <v>6</v>
      </c>
      <c r="AB33" s="162">
        <v>0</v>
      </c>
      <c r="AC33" s="160">
        <v>11</v>
      </c>
      <c r="AD33" s="160">
        <v>16</v>
      </c>
      <c r="AE33" s="160">
        <v>20</v>
      </c>
      <c r="AF33" s="160">
        <v>15</v>
      </c>
      <c r="AG33" s="160">
        <v>5</v>
      </c>
      <c r="AH33" s="165">
        <v>67</v>
      </c>
      <c r="AI33" s="164">
        <v>73</v>
      </c>
      <c r="AJ33" s="159">
        <v>0</v>
      </c>
      <c r="AK33" s="160">
        <v>2</v>
      </c>
      <c r="AL33" s="165">
        <v>2</v>
      </c>
      <c r="AM33" s="162">
        <v>0</v>
      </c>
      <c r="AN33" s="160">
        <v>3</v>
      </c>
      <c r="AO33" s="160">
        <v>1</v>
      </c>
      <c r="AP33" s="160">
        <v>1</v>
      </c>
      <c r="AQ33" s="160">
        <v>3</v>
      </c>
      <c r="AR33" s="160">
        <v>0</v>
      </c>
      <c r="AS33" s="165">
        <v>8</v>
      </c>
      <c r="AT33" s="164">
        <v>10</v>
      </c>
      <c r="AU33" s="159">
        <v>2</v>
      </c>
      <c r="AV33" s="160">
        <v>0</v>
      </c>
      <c r="AW33" s="165">
        <v>2</v>
      </c>
      <c r="AX33" s="162">
        <v>0</v>
      </c>
      <c r="AY33" s="160">
        <v>9</v>
      </c>
      <c r="AZ33" s="160">
        <v>16</v>
      </c>
      <c r="BA33" s="160">
        <v>17</v>
      </c>
      <c r="BB33" s="160">
        <v>21</v>
      </c>
      <c r="BC33" s="160">
        <v>9</v>
      </c>
      <c r="BD33" s="163">
        <v>72</v>
      </c>
      <c r="BE33" s="164">
        <v>74</v>
      </c>
      <c r="BF33" s="159">
        <v>0</v>
      </c>
      <c r="BG33" s="160">
        <v>0</v>
      </c>
      <c r="BH33" s="165">
        <v>0</v>
      </c>
      <c r="BI33" s="162">
        <v>0</v>
      </c>
      <c r="BJ33" s="160">
        <v>44</v>
      </c>
      <c r="BK33" s="160">
        <v>35</v>
      </c>
      <c r="BL33" s="160">
        <v>16</v>
      </c>
      <c r="BM33" s="160">
        <v>10</v>
      </c>
      <c r="BN33" s="160">
        <v>4</v>
      </c>
      <c r="BO33" s="165">
        <v>109</v>
      </c>
      <c r="BP33" s="164">
        <v>109</v>
      </c>
      <c r="BQ33" s="159">
        <v>5</v>
      </c>
      <c r="BR33" s="160">
        <v>2</v>
      </c>
      <c r="BS33" s="165">
        <v>7</v>
      </c>
      <c r="BT33" s="162">
        <v>0</v>
      </c>
      <c r="BU33" s="160">
        <v>8</v>
      </c>
      <c r="BV33" s="160">
        <v>6</v>
      </c>
      <c r="BW33" s="160">
        <v>6</v>
      </c>
      <c r="BX33" s="160">
        <v>5</v>
      </c>
      <c r="BY33" s="160">
        <v>1</v>
      </c>
      <c r="BZ33" s="165">
        <v>26</v>
      </c>
      <c r="CA33" s="164">
        <v>33</v>
      </c>
      <c r="CB33" s="159">
        <v>0</v>
      </c>
      <c r="CC33" s="160">
        <v>1</v>
      </c>
      <c r="CD33" s="165">
        <v>1</v>
      </c>
      <c r="CE33" s="162">
        <v>0</v>
      </c>
      <c r="CF33" s="160">
        <v>6</v>
      </c>
      <c r="CG33" s="160">
        <v>4</v>
      </c>
      <c r="CH33" s="160">
        <v>12</v>
      </c>
      <c r="CI33" s="160">
        <v>5</v>
      </c>
      <c r="CJ33" s="160">
        <v>1</v>
      </c>
      <c r="CK33" s="165">
        <v>28</v>
      </c>
      <c r="CL33" s="164">
        <v>29</v>
      </c>
      <c r="CM33" s="159">
        <v>0</v>
      </c>
      <c r="CN33" s="160">
        <v>0</v>
      </c>
      <c r="CO33" s="165">
        <v>0</v>
      </c>
      <c r="CP33" s="162">
        <v>0</v>
      </c>
      <c r="CQ33" s="160">
        <v>2</v>
      </c>
      <c r="CR33" s="160">
        <v>1</v>
      </c>
      <c r="CS33" s="160">
        <v>2</v>
      </c>
      <c r="CT33" s="160">
        <v>1</v>
      </c>
      <c r="CU33" s="160">
        <v>2</v>
      </c>
      <c r="CV33" s="165">
        <v>8</v>
      </c>
      <c r="CW33" s="164">
        <v>8</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26</v>
      </c>
      <c r="DU33" s="160">
        <v>61</v>
      </c>
      <c r="DV33" s="165">
        <v>87</v>
      </c>
      <c r="DW33" s="162">
        <v>0</v>
      </c>
      <c r="DX33" s="160">
        <v>50</v>
      </c>
      <c r="DY33" s="160">
        <v>67</v>
      </c>
      <c r="DZ33" s="160">
        <v>42</v>
      </c>
      <c r="EA33" s="160">
        <v>33</v>
      </c>
      <c r="EB33" s="160">
        <v>12</v>
      </c>
      <c r="EC33" s="165">
        <v>204</v>
      </c>
      <c r="ED33" s="164">
        <v>291</v>
      </c>
      <c r="EE33" s="159">
        <v>2</v>
      </c>
      <c r="EF33" s="160">
        <v>0</v>
      </c>
      <c r="EG33" s="165">
        <v>2</v>
      </c>
      <c r="EH33" s="162">
        <v>0</v>
      </c>
      <c r="EI33" s="160">
        <v>6</v>
      </c>
      <c r="EJ33" s="160">
        <v>8</v>
      </c>
      <c r="EK33" s="160">
        <v>6</v>
      </c>
      <c r="EL33" s="160">
        <v>7</v>
      </c>
      <c r="EM33" s="160">
        <v>2</v>
      </c>
      <c r="EN33" s="165">
        <v>29</v>
      </c>
      <c r="EO33" s="164">
        <v>31</v>
      </c>
      <c r="EP33" s="159">
        <v>32</v>
      </c>
      <c r="EQ33" s="160">
        <v>63</v>
      </c>
      <c r="ER33" s="165">
        <v>95</v>
      </c>
      <c r="ES33" s="162">
        <v>0</v>
      </c>
      <c r="ET33" s="160">
        <v>95</v>
      </c>
      <c r="EU33" s="160">
        <v>80</v>
      </c>
      <c r="EV33" s="160">
        <v>53</v>
      </c>
      <c r="EW33" s="160">
        <v>32</v>
      </c>
      <c r="EX33" s="160">
        <v>11</v>
      </c>
      <c r="EY33" s="165">
        <v>271</v>
      </c>
      <c r="EZ33" s="164">
        <v>366</v>
      </c>
    </row>
    <row r="34" spans="2:156" ht="21" customHeight="1" x14ac:dyDescent="0.2">
      <c r="B34" s="166" t="s">
        <v>32</v>
      </c>
      <c r="C34" s="159">
        <v>0</v>
      </c>
      <c r="D34" s="160">
        <v>0</v>
      </c>
      <c r="E34" s="161">
        <v>0</v>
      </c>
      <c r="F34" s="162">
        <v>0</v>
      </c>
      <c r="G34" s="160">
        <v>30</v>
      </c>
      <c r="H34" s="160">
        <v>23</v>
      </c>
      <c r="I34" s="160">
        <v>10</v>
      </c>
      <c r="J34" s="160">
        <v>10</v>
      </c>
      <c r="K34" s="160">
        <v>9</v>
      </c>
      <c r="L34" s="163">
        <v>82</v>
      </c>
      <c r="M34" s="164">
        <v>82</v>
      </c>
      <c r="N34" s="159">
        <v>0</v>
      </c>
      <c r="O34" s="160">
        <v>0</v>
      </c>
      <c r="P34" s="165">
        <v>0</v>
      </c>
      <c r="Q34" s="162">
        <v>0</v>
      </c>
      <c r="R34" s="160">
        <v>0</v>
      </c>
      <c r="S34" s="160">
        <v>0</v>
      </c>
      <c r="T34" s="160">
        <v>0</v>
      </c>
      <c r="U34" s="160">
        <v>6</v>
      </c>
      <c r="V34" s="160">
        <v>3</v>
      </c>
      <c r="W34" s="165">
        <v>9</v>
      </c>
      <c r="X34" s="164">
        <v>9</v>
      </c>
      <c r="Y34" s="159">
        <v>9</v>
      </c>
      <c r="Z34" s="160">
        <v>9</v>
      </c>
      <c r="AA34" s="165">
        <v>18</v>
      </c>
      <c r="AB34" s="162">
        <v>0</v>
      </c>
      <c r="AC34" s="160">
        <v>30</v>
      </c>
      <c r="AD34" s="160">
        <v>30</v>
      </c>
      <c r="AE34" s="160">
        <v>13</v>
      </c>
      <c r="AF34" s="160">
        <v>13</v>
      </c>
      <c r="AG34" s="160">
        <v>9</v>
      </c>
      <c r="AH34" s="165">
        <v>95</v>
      </c>
      <c r="AI34" s="164">
        <v>113</v>
      </c>
      <c r="AJ34" s="159">
        <v>0</v>
      </c>
      <c r="AK34" s="160">
        <v>1</v>
      </c>
      <c r="AL34" s="165">
        <v>1</v>
      </c>
      <c r="AM34" s="162">
        <v>0</v>
      </c>
      <c r="AN34" s="160">
        <v>4</v>
      </c>
      <c r="AO34" s="160">
        <v>0</v>
      </c>
      <c r="AP34" s="160">
        <v>0</v>
      </c>
      <c r="AQ34" s="160">
        <v>4</v>
      </c>
      <c r="AR34" s="160">
        <v>2</v>
      </c>
      <c r="AS34" s="165">
        <v>10</v>
      </c>
      <c r="AT34" s="164">
        <v>11</v>
      </c>
      <c r="AU34" s="159">
        <v>2</v>
      </c>
      <c r="AV34" s="160">
        <v>5</v>
      </c>
      <c r="AW34" s="165">
        <v>7</v>
      </c>
      <c r="AX34" s="162">
        <v>0</v>
      </c>
      <c r="AY34" s="160">
        <v>26</v>
      </c>
      <c r="AZ34" s="160">
        <v>28</v>
      </c>
      <c r="BA34" s="160">
        <v>25</v>
      </c>
      <c r="BB34" s="160">
        <v>35</v>
      </c>
      <c r="BC34" s="160">
        <v>19</v>
      </c>
      <c r="BD34" s="163">
        <v>133</v>
      </c>
      <c r="BE34" s="164">
        <v>140</v>
      </c>
      <c r="BF34" s="159">
        <v>0</v>
      </c>
      <c r="BG34" s="160">
        <v>0</v>
      </c>
      <c r="BH34" s="165">
        <v>0</v>
      </c>
      <c r="BI34" s="162">
        <v>0</v>
      </c>
      <c r="BJ34" s="160">
        <v>49</v>
      </c>
      <c r="BK34" s="160">
        <v>49</v>
      </c>
      <c r="BL34" s="160">
        <v>18</v>
      </c>
      <c r="BM34" s="160">
        <v>14</v>
      </c>
      <c r="BN34" s="160">
        <v>5</v>
      </c>
      <c r="BO34" s="165">
        <v>135</v>
      </c>
      <c r="BP34" s="164">
        <v>135</v>
      </c>
      <c r="BQ34" s="159">
        <v>7</v>
      </c>
      <c r="BR34" s="160">
        <v>4</v>
      </c>
      <c r="BS34" s="165">
        <v>11</v>
      </c>
      <c r="BT34" s="162">
        <v>0</v>
      </c>
      <c r="BU34" s="160">
        <v>11</v>
      </c>
      <c r="BV34" s="160">
        <v>15</v>
      </c>
      <c r="BW34" s="160">
        <v>4</v>
      </c>
      <c r="BX34" s="160">
        <v>4</v>
      </c>
      <c r="BY34" s="160">
        <v>3</v>
      </c>
      <c r="BZ34" s="165">
        <v>37</v>
      </c>
      <c r="CA34" s="164">
        <v>48</v>
      </c>
      <c r="CB34" s="159">
        <v>0</v>
      </c>
      <c r="CC34" s="160">
        <v>0</v>
      </c>
      <c r="CD34" s="165">
        <v>0</v>
      </c>
      <c r="CE34" s="162">
        <v>0</v>
      </c>
      <c r="CF34" s="160">
        <v>4</v>
      </c>
      <c r="CG34" s="160">
        <v>10</v>
      </c>
      <c r="CH34" s="160">
        <v>7</v>
      </c>
      <c r="CI34" s="160">
        <v>3</v>
      </c>
      <c r="CJ34" s="160">
        <v>2</v>
      </c>
      <c r="CK34" s="165">
        <v>26</v>
      </c>
      <c r="CL34" s="164">
        <v>26</v>
      </c>
      <c r="CM34" s="159">
        <v>0</v>
      </c>
      <c r="CN34" s="160">
        <v>0</v>
      </c>
      <c r="CO34" s="165">
        <v>0</v>
      </c>
      <c r="CP34" s="162">
        <v>0</v>
      </c>
      <c r="CQ34" s="160">
        <v>0</v>
      </c>
      <c r="CR34" s="160">
        <v>2</v>
      </c>
      <c r="CS34" s="160">
        <v>0</v>
      </c>
      <c r="CT34" s="160">
        <v>0</v>
      </c>
      <c r="CU34" s="160">
        <v>2</v>
      </c>
      <c r="CV34" s="165">
        <v>4</v>
      </c>
      <c r="CW34" s="164">
        <v>4</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27</v>
      </c>
      <c r="DU34" s="160">
        <v>56</v>
      </c>
      <c r="DV34" s="165">
        <v>83</v>
      </c>
      <c r="DW34" s="162">
        <v>0</v>
      </c>
      <c r="DX34" s="160">
        <v>88</v>
      </c>
      <c r="DY34" s="160">
        <v>85</v>
      </c>
      <c r="DZ34" s="160">
        <v>39</v>
      </c>
      <c r="EA34" s="160">
        <v>35</v>
      </c>
      <c r="EB34" s="160">
        <v>19</v>
      </c>
      <c r="EC34" s="165">
        <v>266</v>
      </c>
      <c r="ED34" s="164">
        <v>349</v>
      </c>
      <c r="EE34" s="159">
        <v>4</v>
      </c>
      <c r="EF34" s="160">
        <v>4</v>
      </c>
      <c r="EG34" s="165">
        <v>8</v>
      </c>
      <c r="EH34" s="162">
        <v>0</v>
      </c>
      <c r="EI34" s="160">
        <v>5</v>
      </c>
      <c r="EJ34" s="160">
        <v>8</v>
      </c>
      <c r="EK34" s="160">
        <v>4</v>
      </c>
      <c r="EL34" s="160">
        <v>13</v>
      </c>
      <c r="EM34" s="160">
        <v>6</v>
      </c>
      <c r="EN34" s="165">
        <v>36</v>
      </c>
      <c r="EO34" s="164">
        <v>44</v>
      </c>
      <c r="EP34" s="159">
        <v>37</v>
      </c>
      <c r="EQ34" s="160">
        <v>62</v>
      </c>
      <c r="ER34" s="165">
        <v>99</v>
      </c>
      <c r="ES34" s="162">
        <v>0</v>
      </c>
      <c r="ET34" s="160">
        <v>149</v>
      </c>
      <c r="EU34" s="160">
        <v>117</v>
      </c>
      <c r="EV34" s="160">
        <v>47</v>
      </c>
      <c r="EW34" s="160">
        <v>34</v>
      </c>
      <c r="EX34" s="160">
        <v>21</v>
      </c>
      <c r="EY34" s="165">
        <v>368</v>
      </c>
      <c r="EZ34" s="164">
        <v>467</v>
      </c>
    </row>
    <row r="35" spans="2:156" ht="21" customHeight="1" x14ac:dyDescent="0.2">
      <c r="B35" s="166" t="s">
        <v>33</v>
      </c>
      <c r="C35" s="159">
        <v>0</v>
      </c>
      <c r="D35" s="160">
        <v>0</v>
      </c>
      <c r="E35" s="161">
        <v>0</v>
      </c>
      <c r="F35" s="162">
        <v>0</v>
      </c>
      <c r="G35" s="160">
        <v>25</v>
      </c>
      <c r="H35" s="160">
        <v>12</v>
      </c>
      <c r="I35" s="160">
        <v>8</v>
      </c>
      <c r="J35" s="160">
        <v>3</v>
      </c>
      <c r="K35" s="160">
        <v>7</v>
      </c>
      <c r="L35" s="163">
        <v>55</v>
      </c>
      <c r="M35" s="164">
        <v>55</v>
      </c>
      <c r="N35" s="159">
        <v>0</v>
      </c>
      <c r="O35" s="160">
        <v>0</v>
      </c>
      <c r="P35" s="165">
        <v>0</v>
      </c>
      <c r="Q35" s="162">
        <v>0</v>
      </c>
      <c r="R35" s="160">
        <v>0</v>
      </c>
      <c r="S35" s="160">
        <v>0</v>
      </c>
      <c r="T35" s="160">
        <v>0</v>
      </c>
      <c r="U35" s="160">
        <v>1</v>
      </c>
      <c r="V35" s="160">
        <v>1</v>
      </c>
      <c r="W35" s="165">
        <v>2</v>
      </c>
      <c r="X35" s="164">
        <v>2</v>
      </c>
      <c r="Y35" s="159">
        <v>0</v>
      </c>
      <c r="Z35" s="160">
        <v>5</v>
      </c>
      <c r="AA35" s="165">
        <v>5</v>
      </c>
      <c r="AB35" s="162">
        <v>0</v>
      </c>
      <c r="AC35" s="160">
        <v>18</v>
      </c>
      <c r="AD35" s="160">
        <v>9</v>
      </c>
      <c r="AE35" s="160">
        <v>7</v>
      </c>
      <c r="AF35" s="160">
        <v>3</v>
      </c>
      <c r="AG35" s="160">
        <v>2</v>
      </c>
      <c r="AH35" s="165">
        <v>39</v>
      </c>
      <c r="AI35" s="164">
        <v>44</v>
      </c>
      <c r="AJ35" s="159">
        <v>11</v>
      </c>
      <c r="AK35" s="160">
        <v>19</v>
      </c>
      <c r="AL35" s="165">
        <v>30</v>
      </c>
      <c r="AM35" s="162">
        <v>0</v>
      </c>
      <c r="AN35" s="160">
        <v>16</v>
      </c>
      <c r="AO35" s="160">
        <v>6</v>
      </c>
      <c r="AP35" s="160">
        <v>3</v>
      </c>
      <c r="AQ35" s="160">
        <v>0</v>
      </c>
      <c r="AR35" s="160">
        <v>0</v>
      </c>
      <c r="AS35" s="165">
        <v>25</v>
      </c>
      <c r="AT35" s="164">
        <v>55</v>
      </c>
      <c r="AU35" s="159">
        <v>8</v>
      </c>
      <c r="AV35" s="160">
        <v>5</v>
      </c>
      <c r="AW35" s="165">
        <v>13</v>
      </c>
      <c r="AX35" s="162">
        <v>0</v>
      </c>
      <c r="AY35" s="160">
        <v>37</v>
      </c>
      <c r="AZ35" s="160">
        <v>35</v>
      </c>
      <c r="BA35" s="160">
        <v>36</v>
      </c>
      <c r="BB35" s="160">
        <v>16</v>
      </c>
      <c r="BC35" s="160">
        <v>16</v>
      </c>
      <c r="BD35" s="163">
        <v>140</v>
      </c>
      <c r="BE35" s="164">
        <v>153</v>
      </c>
      <c r="BF35" s="159">
        <v>0</v>
      </c>
      <c r="BG35" s="160">
        <v>0</v>
      </c>
      <c r="BH35" s="165">
        <v>0</v>
      </c>
      <c r="BI35" s="162">
        <v>0</v>
      </c>
      <c r="BJ35" s="160">
        <v>10</v>
      </c>
      <c r="BK35" s="160">
        <v>9</v>
      </c>
      <c r="BL35" s="160">
        <v>5</v>
      </c>
      <c r="BM35" s="160">
        <v>0</v>
      </c>
      <c r="BN35" s="160">
        <v>3</v>
      </c>
      <c r="BO35" s="165">
        <v>27</v>
      </c>
      <c r="BP35" s="164">
        <v>27</v>
      </c>
      <c r="BQ35" s="159">
        <v>6</v>
      </c>
      <c r="BR35" s="160">
        <v>9</v>
      </c>
      <c r="BS35" s="165">
        <v>15</v>
      </c>
      <c r="BT35" s="162">
        <v>0</v>
      </c>
      <c r="BU35" s="160">
        <v>18</v>
      </c>
      <c r="BV35" s="160">
        <v>6</v>
      </c>
      <c r="BW35" s="160">
        <v>0</v>
      </c>
      <c r="BX35" s="160">
        <v>2</v>
      </c>
      <c r="BY35" s="160">
        <v>1</v>
      </c>
      <c r="BZ35" s="165">
        <v>27</v>
      </c>
      <c r="CA35" s="164">
        <v>42</v>
      </c>
      <c r="CB35" s="159">
        <v>0</v>
      </c>
      <c r="CC35" s="160">
        <v>0</v>
      </c>
      <c r="CD35" s="165">
        <v>0</v>
      </c>
      <c r="CE35" s="162">
        <v>0</v>
      </c>
      <c r="CF35" s="160">
        <v>4</v>
      </c>
      <c r="CG35" s="160">
        <v>6</v>
      </c>
      <c r="CH35" s="160">
        <v>4</v>
      </c>
      <c r="CI35" s="160">
        <v>0</v>
      </c>
      <c r="CJ35" s="160">
        <v>2</v>
      </c>
      <c r="CK35" s="165">
        <v>16</v>
      </c>
      <c r="CL35" s="164">
        <v>16</v>
      </c>
      <c r="CM35" s="159">
        <v>0</v>
      </c>
      <c r="CN35" s="160">
        <v>0</v>
      </c>
      <c r="CO35" s="165">
        <v>0</v>
      </c>
      <c r="CP35" s="162">
        <v>0</v>
      </c>
      <c r="CQ35" s="160">
        <v>1</v>
      </c>
      <c r="CR35" s="160">
        <v>1</v>
      </c>
      <c r="CS35" s="160">
        <v>0</v>
      </c>
      <c r="CT35" s="160">
        <v>0</v>
      </c>
      <c r="CU35" s="160">
        <v>0</v>
      </c>
      <c r="CV35" s="165">
        <v>2</v>
      </c>
      <c r="CW35" s="164">
        <v>2</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1</v>
      </c>
      <c r="DN35" s="160">
        <v>0</v>
      </c>
      <c r="DO35" s="160">
        <v>0</v>
      </c>
      <c r="DP35" s="160">
        <v>0</v>
      </c>
      <c r="DQ35" s="160">
        <v>0</v>
      </c>
      <c r="DR35" s="165">
        <v>1</v>
      </c>
      <c r="DS35" s="164">
        <v>1</v>
      </c>
      <c r="DT35" s="159">
        <v>19</v>
      </c>
      <c r="DU35" s="160">
        <v>26</v>
      </c>
      <c r="DV35" s="165">
        <v>45</v>
      </c>
      <c r="DW35" s="162">
        <v>0</v>
      </c>
      <c r="DX35" s="160">
        <v>45</v>
      </c>
      <c r="DY35" s="160">
        <v>32</v>
      </c>
      <c r="DZ35" s="160">
        <v>19</v>
      </c>
      <c r="EA35" s="160">
        <v>9</v>
      </c>
      <c r="EB35" s="160">
        <v>8</v>
      </c>
      <c r="EC35" s="165">
        <v>113</v>
      </c>
      <c r="ED35" s="164">
        <v>158</v>
      </c>
      <c r="EE35" s="159">
        <v>2</v>
      </c>
      <c r="EF35" s="160">
        <v>1</v>
      </c>
      <c r="EG35" s="165">
        <v>3</v>
      </c>
      <c r="EH35" s="162">
        <v>0</v>
      </c>
      <c r="EI35" s="160">
        <v>16</v>
      </c>
      <c r="EJ35" s="160">
        <v>16</v>
      </c>
      <c r="EK35" s="160">
        <v>22</v>
      </c>
      <c r="EL35" s="160">
        <v>6</v>
      </c>
      <c r="EM35" s="160">
        <v>7</v>
      </c>
      <c r="EN35" s="165">
        <v>67</v>
      </c>
      <c r="EO35" s="164">
        <v>70</v>
      </c>
      <c r="EP35" s="159">
        <v>30</v>
      </c>
      <c r="EQ35" s="160">
        <v>45</v>
      </c>
      <c r="ER35" s="165">
        <v>75</v>
      </c>
      <c r="ES35" s="162">
        <v>0</v>
      </c>
      <c r="ET35" s="160">
        <v>86</v>
      </c>
      <c r="EU35" s="160">
        <v>39</v>
      </c>
      <c r="EV35" s="160">
        <v>21</v>
      </c>
      <c r="EW35" s="160">
        <v>9</v>
      </c>
      <c r="EX35" s="160">
        <v>10</v>
      </c>
      <c r="EY35" s="165">
        <v>165</v>
      </c>
      <c r="EZ35" s="164">
        <v>240</v>
      </c>
    </row>
    <row r="36" spans="2:156" ht="21" customHeight="1" x14ac:dyDescent="0.2">
      <c r="B36" s="166" t="s">
        <v>34</v>
      </c>
      <c r="C36" s="159">
        <v>0</v>
      </c>
      <c r="D36" s="160">
        <v>0</v>
      </c>
      <c r="E36" s="161">
        <v>0</v>
      </c>
      <c r="F36" s="162">
        <v>0</v>
      </c>
      <c r="G36" s="160">
        <v>17</v>
      </c>
      <c r="H36" s="160">
        <v>11</v>
      </c>
      <c r="I36" s="160">
        <v>5</v>
      </c>
      <c r="J36" s="160">
        <v>7</v>
      </c>
      <c r="K36" s="160">
        <v>3</v>
      </c>
      <c r="L36" s="163">
        <v>43</v>
      </c>
      <c r="M36" s="164">
        <v>43</v>
      </c>
      <c r="N36" s="159">
        <v>0</v>
      </c>
      <c r="O36" s="160">
        <v>0</v>
      </c>
      <c r="P36" s="165">
        <v>0</v>
      </c>
      <c r="Q36" s="162">
        <v>0</v>
      </c>
      <c r="R36" s="160">
        <v>0</v>
      </c>
      <c r="S36" s="160">
        <v>1</v>
      </c>
      <c r="T36" s="160">
        <v>0</v>
      </c>
      <c r="U36" s="160">
        <v>0</v>
      </c>
      <c r="V36" s="160">
        <v>2</v>
      </c>
      <c r="W36" s="165">
        <v>3</v>
      </c>
      <c r="X36" s="164">
        <v>3</v>
      </c>
      <c r="Y36" s="159">
        <v>4</v>
      </c>
      <c r="Z36" s="160">
        <v>6</v>
      </c>
      <c r="AA36" s="165">
        <v>10</v>
      </c>
      <c r="AB36" s="162">
        <v>0</v>
      </c>
      <c r="AC36" s="160">
        <v>22</v>
      </c>
      <c r="AD36" s="160">
        <v>10</v>
      </c>
      <c r="AE36" s="160">
        <v>5</v>
      </c>
      <c r="AF36" s="160">
        <v>6</v>
      </c>
      <c r="AG36" s="160">
        <v>9</v>
      </c>
      <c r="AH36" s="165">
        <v>52</v>
      </c>
      <c r="AI36" s="164">
        <v>62</v>
      </c>
      <c r="AJ36" s="159">
        <v>0</v>
      </c>
      <c r="AK36" s="160">
        <v>0</v>
      </c>
      <c r="AL36" s="165">
        <v>0</v>
      </c>
      <c r="AM36" s="162">
        <v>0</v>
      </c>
      <c r="AN36" s="160">
        <v>4</v>
      </c>
      <c r="AO36" s="160">
        <v>3</v>
      </c>
      <c r="AP36" s="160">
        <v>2</v>
      </c>
      <c r="AQ36" s="160">
        <v>3</v>
      </c>
      <c r="AR36" s="160">
        <v>2</v>
      </c>
      <c r="AS36" s="165">
        <v>14</v>
      </c>
      <c r="AT36" s="164">
        <v>14</v>
      </c>
      <c r="AU36" s="159">
        <v>8</v>
      </c>
      <c r="AV36" s="160">
        <v>6</v>
      </c>
      <c r="AW36" s="165">
        <v>14</v>
      </c>
      <c r="AX36" s="162">
        <v>0</v>
      </c>
      <c r="AY36" s="160">
        <v>34</v>
      </c>
      <c r="AZ36" s="160">
        <v>29</v>
      </c>
      <c r="BA36" s="160">
        <v>15</v>
      </c>
      <c r="BB36" s="160">
        <v>24</v>
      </c>
      <c r="BC36" s="160">
        <v>18</v>
      </c>
      <c r="BD36" s="163">
        <v>120</v>
      </c>
      <c r="BE36" s="164">
        <v>134</v>
      </c>
      <c r="BF36" s="159">
        <v>0</v>
      </c>
      <c r="BG36" s="160">
        <v>0</v>
      </c>
      <c r="BH36" s="165">
        <v>0</v>
      </c>
      <c r="BI36" s="162">
        <v>0</v>
      </c>
      <c r="BJ36" s="160">
        <v>32</v>
      </c>
      <c r="BK36" s="160">
        <v>12</v>
      </c>
      <c r="BL36" s="160">
        <v>12</v>
      </c>
      <c r="BM36" s="160">
        <v>12</v>
      </c>
      <c r="BN36" s="160">
        <v>1</v>
      </c>
      <c r="BO36" s="165">
        <v>69</v>
      </c>
      <c r="BP36" s="164">
        <v>69</v>
      </c>
      <c r="BQ36" s="159">
        <v>0</v>
      </c>
      <c r="BR36" s="160">
        <v>2</v>
      </c>
      <c r="BS36" s="165">
        <v>2</v>
      </c>
      <c r="BT36" s="162">
        <v>0</v>
      </c>
      <c r="BU36" s="160">
        <v>10</v>
      </c>
      <c r="BV36" s="160">
        <v>1</v>
      </c>
      <c r="BW36" s="160">
        <v>1</v>
      </c>
      <c r="BX36" s="160">
        <v>2</v>
      </c>
      <c r="BY36" s="160">
        <v>0</v>
      </c>
      <c r="BZ36" s="165">
        <v>14</v>
      </c>
      <c r="CA36" s="164">
        <v>16</v>
      </c>
      <c r="CB36" s="159">
        <v>0</v>
      </c>
      <c r="CC36" s="160">
        <v>0</v>
      </c>
      <c r="CD36" s="165">
        <v>0</v>
      </c>
      <c r="CE36" s="162">
        <v>0</v>
      </c>
      <c r="CF36" s="160">
        <v>4</v>
      </c>
      <c r="CG36" s="160">
        <v>0</v>
      </c>
      <c r="CH36" s="160">
        <v>3</v>
      </c>
      <c r="CI36" s="160">
        <v>3</v>
      </c>
      <c r="CJ36" s="160">
        <v>1</v>
      </c>
      <c r="CK36" s="165">
        <v>11</v>
      </c>
      <c r="CL36" s="164">
        <v>11</v>
      </c>
      <c r="CM36" s="159">
        <v>0</v>
      </c>
      <c r="CN36" s="160">
        <v>0</v>
      </c>
      <c r="CO36" s="165">
        <v>0</v>
      </c>
      <c r="CP36" s="162">
        <v>0</v>
      </c>
      <c r="CQ36" s="160">
        <v>2</v>
      </c>
      <c r="CR36" s="160">
        <v>0</v>
      </c>
      <c r="CS36" s="160">
        <v>0</v>
      </c>
      <c r="CT36" s="160">
        <v>0</v>
      </c>
      <c r="CU36" s="160">
        <v>0</v>
      </c>
      <c r="CV36" s="165">
        <v>2</v>
      </c>
      <c r="CW36" s="164">
        <v>2</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14</v>
      </c>
      <c r="DU36" s="160">
        <v>24</v>
      </c>
      <c r="DV36" s="165">
        <v>38</v>
      </c>
      <c r="DW36" s="162">
        <v>0</v>
      </c>
      <c r="DX36" s="160">
        <v>61</v>
      </c>
      <c r="DY36" s="160">
        <v>49</v>
      </c>
      <c r="DZ36" s="160">
        <v>21</v>
      </c>
      <c r="EA36" s="160">
        <v>22</v>
      </c>
      <c r="EB36" s="160">
        <v>14</v>
      </c>
      <c r="EC36" s="165">
        <v>167</v>
      </c>
      <c r="ED36" s="164">
        <v>205</v>
      </c>
      <c r="EE36" s="159">
        <v>6</v>
      </c>
      <c r="EF36" s="160">
        <v>3</v>
      </c>
      <c r="EG36" s="165">
        <v>9</v>
      </c>
      <c r="EH36" s="162">
        <v>0</v>
      </c>
      <c r="EI36" s="160">
        <v>11</v>
      </c>
      <c r="EJ36" s="160">
        <v>6</v>
      </c>
      <c r="EK36" s="160">
        <v>2</v>
      </c>
      <c r="EL36" s="160">
        <v>7</v>
      </c>
      <c r="EM36" s="160">
        <v>4</v>
      </c>
      <c r="EN36" s="165">
        <v>30</v>
      </c>
      <c r="EO36" s="164">
        <v>39</v>
      </c>
      <c r="EP36" s="159">
        <v>16</v>
      </c>
      <c r="EQ36" s="160">
        <v>26</v>
      </c>
      <c r="ER36" s="165">
        <v>42</v>
      </c>
      <c r="ES36" s="162">
        <v>0</v>
      </c>
      <c r="ET36" s="160">
        <v>96</v>
      </c>
      <c r="EU36" s="160">
        <v>43</v>
      </c>
      <c r="EV36" s="160">
        <v>20</v>
      </c>
      <c r="EW36" s="160">
        <v>23</v>
      </c>
      <c r="EX36" s="160">
        <v>11</v>
      </c>
      <c r="EY36" s="165">
        <v>193</v>
      </c>
      <c r="EZ36" s="164">
        <v>235</v>
      </c>
    </row>
    <row r="37" spans="2:156" ht="21" customHeight="1" x14ac:dyDescent="0.2">
      <c r="B37" s="166" t="s">
        <v>35</v>
      </c>
      <c r="C37" s="159">
        <v>0</v>
      </c>
      <c r="D37" s="160">
        <v>0</v>
      </c>
      <c r="E37" s="161">
        <v>0</v>
      </c>
      <c r="F37" s="162">
        <v>0</v>
      </c>
      <c r="G37" s="160">
        <v>124</v>
      </c>
      <c r="H37" s="160">
        <v>60</v>
      </c>
      <c r="I37" s="160">
        <v>32</v>
      </c>
      <c r="J37" s="160">
        <v>33</v>
      </c>
      <c r="K37" s="160">
        <v>27</v>
      </c>
      <c r="L37" s="163">
        <v>276</v>
      </c>
      <c r="M37" s="164">
        <v>276</v>
      </c>
      <c r="N37" s="159">
        <v>0</v>
      </c>
      <c r="O37" s="160">
        <v>0</v>
      </c>
      <c r="P37" s="165">
        <v>0</v>
      </c>
      <c r="Q37" s="162">
        <v>0</v>
      </c>
      <c r="R37" s="160">
        <v>0</v>
      </c>
      <c r="S37" s="160">
        <v>0</v>
      </c>
      <c r="T37" s="160">
        <v>0</v>
      </c>
      <c r="U37" s="160">
        <v>1</v>
      </c>
      <c r="V37" s="160">
        <v>0</v>
      </c>
      <c r="W37" s="165">
        <v>1</v>
      </c>
      <c r="X37" s="164">
        <v>1</v>
      </c>
      <c r="Y37" s="159">
        <v>6</v>
      </c>
      <c r="Z37" s="160">
        <v>17</v>
      </c>
      <c r="AA37" s="165">
        <v>23</v>
      </c>
      <c r="AB37" s="162">
        <v>0</v>
      </c>
      <c r="AC37" s="160">
        <v>59</v>
      </c>
      <c r="AD37" s="160">
        <v>39</v>
      </c>
      <c r="AE37" s="160">
        <v>32</v>
      </c>
      <c r="AF37" s="160">
        <v>27</v>
      </c>
      <c r="AG37" s="160">
        <v>20</v>
      </c>
      <c r="AH37" s="165">
        <v>177</v>
      </c>
      <c r="AI37" s="164">
        <v>200</v>
      </c>
      <c r="AJ37" s="159">
        <v>6</v>
      </c>
      <c r="AK37" s="160">
        <v>17</v>
      </c>
      <c r="AL37" s="165">
        <v>23</v>
      </c>
      <c r="AM37" s="162">
        <v>0</v>
      </c>
      <c r="AN37" s="160">
        <v>19</v>
      </c>
      <c r="AO37" s="160">
        <v>14</v>
      </c>
      <c r="AP37" s="160">
        <v>7</v>
      </c>
      <c r="AQ37" s="160">
        <v>9</v>
      </c>
      <c r="AR37" s="160">
        <v>8</v>
      </c>
      <c r="AS37" s="165">
        <v>57</v>
      </c>
      <c r="AT37" s="164">
        <v>80</v>
      </c>
      <c r="AU37" s="159">
        <v>15</v>
      </c>
      <c r="AV37" s="160">
        <v>19</v>
      </c>
      <c r="AW37" s="165">
        <v>34</v>
      </c>
      <c r="AX37" s="162">
        <v>0</v>
      </c>
      <c r="AY37" s="160">
        <v>97</v>
      </c>
      <c r="AZ37" s="160">
        <v>72</v>
      </c>
      <c r="BA37" s="160">
        <v>72</v>
      </c>
      <c r="BB37" s="160">
        <v>89</v>
      </c>
      <c r="BC37" s="160">
        <v>56</v>
      </c>
      <c r="BD37" s="163">
        <v>386</v>
      </c>
      <c r="BE37" s="164">
        <v>420</v>
      </c>
      <c r="BF37" s="159">
        <v>0</v>
      </c>
      <c r="BG37" s="160">
        <v>0</v>
      </c>
      <c r="BH37" s="165">
        <v>0</v>
      </c>
      <c r="BI37" s="162">
        <v>0</v>
      </c>
      <c r="BJ37" s="160">
        <v>139</v>
      </c>
      <c r="BK37" s="160">
        <v>75</v>
      </c>
      <c r="BL37" s="160">
        <v>52</v>
      </c>
      <c r="BM37" s="160">
        <v>30</v>
      </c>
      <c r="BN37" s="160">
        <v>19</v>
      </c>
      <c r="BO37" s="165">
        <v>315</v>
      </c>
      <c r="BP37" s="164">
        <v>315</v>
      </c>
      <c r="BQ37" s="159">
        <v>11</v>
      </c>
      <c r="BR37" s="160">
        <v>21</v>
      </c>
      <c r="BS37" s="165">
        <v>32</v>
      </c>
      <c r="BT37" s="162">
        <v>0</v>
      </c>
      <c r="BU37" s="160">
        <v>60</v>
      </c>
      <c r="BV37" s="160">
        <v>33</v>
      </c>
      <c r="BW37" s="160">
        <v>16</v>
      </c>
      <c r="BX37" s="160">
        <v>6</v>
      </c>
      <c r="BY37" s="160">
        <v>1</v>
      </c>
      <c r="BZ37" s="165">
        <v>116</v>
      </c>
      <c r="CA37" s="164">
        <v>148</v>
      </c>
      <c r="CB37" s="159">
        <v>1</v>
      </c>
      <c r="CC37" s="160">
        <v>0</v>
      </c>
      <c r="CD37" s="165">
        <v>1</v>
      </c>
      <c r="CE37" s="162">
        <v>0</v>
      </c>
      <c r="CF37" s="160">
        <v>11</v>
      </c>
      <c r="CG37" s="160">
        <v>6</v>
      </c>
      <c r="CH37" s="160">
        <v>12</v>
      </c>
      <c r="CI37" s="160">
        <v>18</v>
      </c>
      <c r="CJ37" s="160">
        <v>4</v>
      </c>
      <c r="CK37" s="165">
        <v>51</v>
      </c>
      <c r="CL37" s="164">
        <v>52</v>
      </c>
      <c r="CM37" s="159">
        <v>0</v>
      </c>
      <c r="CN37" s="160">
        <v>0</v>
      </c>
      <c r="CO37" s="165">
        <v>0</v>
      </c>
      <c r="CP37" s="162">
        <v>0</v>
      </c>
      <c r="CQ37" s="160">
        <v>2</v>
      </c>
      <c r="CR37" s="160">
        <v>1</v>
      </c>
      <c r="CS37" s="160">
        <v>2</v>
      </c>
      <c r="CT37" s="160">
        <v>1</v>
      </c>
      <c r="CU37" s="160">
        <v>2</v>
      </c>
      <c r="CV37" s="165">
        <v>8</v>
      </c>
      <c r="CW37" s="164">
        <v>8</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69</v>
      </c>
      <c r="DU37" s="160">
        <v>101</v>
      </c>
      <c r="DV37" s="165">
        <v>170</v>
      </c>
      <c r="DW37" s="162">
        <v>0</v>
      </c>
      <c r="DX37" s="160">
        <v>176</v>
      </c>
      <c r="DY37" s="160">
        <v>143</v>
      </c>
      <c r="DZ37" s="160">
        <v>87</v>
      </c>
      <c r="EA37" s="160">
        <v>64</v>
      </c>
      <c r="EB37" s="160">
        <v>47</v>
      </c>
      <c r="EC37" s="165">
        <v>517</v>
      </c>
      <c r="ED37" s="164">
        <v>687</v>
      </c>
      <c r="EE37" s="159">
        <v>15</v>
      </c>
      <c r="EF37" s="160">
        <v>11</v>
      </c>
      <c r="EG37" s="165">
        <v>26</v>
      </c>
      <c r="EH37" s="162">
        <v>0</v>
      </c>
      <c r="EI37" s="160">
        <v>38</v>
      </c>
      <c r="EJ37" s="160">
        <v>14</v>
      </c>
      <c r="EK37" s="160">
        <v>18</v>
      </c>
      <c r="EL37" s="160">
        <v>37</v>
      </c>
      <c r="EM37" s="160">
        <v>11</v>
      </c>
      <c r="EN37" s="165">
        <v>118</v>
      </c>
      <c r="EO37" s="164">
        <v>144</v>
      </c>
      <c r="EP37" s="159">
        <v>78</v>
      </c>
      <c r="EQ37" s="160">
        <v>129</v>
      </c>
      <c r="ER37" s="165">
        <v>207</v>
      </c>
      <c r="ES37" s="162">
        <v>0</v>
      </c>
      <c r="ET37" s="160">
        <v>307</v>
      </c>
      <c r="EU37" s="160">
        <v>172</v>
      </c>
      <c r="EV37" s="160">
        <v>98</v>
      </c>
      <c r="EW37" s="160">
        <v>75</v>
      </c>
      <c r="EX37" s="160">
        <v>46</v>
      </c>
      <c r="EY37" s="165">
        <v>698</v>
      </c>
      <c r="EZ37" s="164">
        <v>905</v>
      </c>
    </row>
    <row r="38" spans="2:156" ht="21" customHeight="1" x14ac:dyDescent="0.2">
      <c r="B38" s="166" t="s">
        <v>36</v>
      </c>
      <c r="C38" s="159">
        <v>0</v>
      </c>
      <c r="D38" s="160">
        <v>0</v>
      </c>
      <c r="E38" s="161">
        <v>0</v>
      </c>
      <c r="F38" s="162">
        <v>0</v>
      </c>
      <c r="G38" s="160">
        <v>55</v>
      </c>
      <c r="H38" s="160">
        <v>76</v>
      </c>
      <c r="I38" s="160">
        <v>41</v>
      </c>
      <c r="J38" s="160">
        <v>28</v>
      </c>
      <c r="K38" s="160">
        <v>35</v>
      </c>
      <c r="L38" s="163">
        <v>235</v>
      </c>
      <c r="M38" s="164">
        <v>235</v>
      </c>
      <c r="N38" s="159">
        <v>0</v>
      </c>
      <c r="O38" s="160">
        <v>1</v>
      </c>
      <c r="P38" s="165">
        <v>1</v>
      </c>
      <c r="Q38" s="162">
        <v>0</v>
      </c>
      <c r="R38" s="160">
        <v>1</v>
      </c>
      <c r="S38" s="160">
        <v>3</v>
      </c>
      <c r="T38" s="160">
        <v>7</v>
      </c>
      <c r="U38" s="160">
        <v>7</v>
      </c>
      <c r="V38" s="160">
        <v>12</v>
      </c>
      <c r="W38" s="165">
        <v>30</v>
      </c>
      <c r="X38" s="164">
        <v>31</v>
      </c>
      <c r="Y38" s="159">
        <v>6</v>
      </c>
      <c r="Z38" s="160">
        <v>24</v>
      </c>
      <c r="AA38" s="165">
        <v>30</v>
      </c>
      <c r="AB38" s="162">
        <v>0</v>
      </c>
      <c r="AC38" s="160">
        <v>58</v>
      </c>
      <c r="AD38" s="160">
        <v>57</v>
      </c>
      <c r="AE38" s="160">
        <v>41</v>
      </c>
      <c r="AF38" s="160">
        <v>25</v>
      </c>
      <c r="AG38" s="160">
        <v>34</v>
      </c>
      <c r="AH38" s="165">
        <v>215</v>
      </c>
      <c r="AI38" s="164">
        <v>245</v>
      </c>
      <c r="AJ38" s="159">
        <v>2</v>
      </c>
      <c r="AK38" s="160">
        <v>13</v>
      </c>
      <c r="AL38" s="165">
        <v>15</v>
      </c>
      <c r="AM38" s="162">
        <v>0</v>
      </c>
      <c r="AN38" s="160">
        <v>21</v>
      </c>
      <c r="AO38" s="160">
        <v>19</v>
      </c>
      <c r="AP38" s="160">
        <v>6</v>
      </c>
      <c r="AQ38" s="160">
        <v>5</v>
      </c>
      <c r="AR38" s="160">
        <v>6</v>
      </c>
      <c r="AS38" s="165">
        <v>57</v>
      </c>
      <c r="AT38" s="164">
        <v>72</v>
      </c>
      <c r="AU38" s="159">
        <v>5</v>
      </c>
      <c r="AV38" s="160">
        <v>7</v>
      </c>
      <c r="AW38" s="165">
        <v>12</v>
      </c>
      <c r="AX38" s="162">
        <v>0</v>
      </c>
      <c r="AY38" s="160">
        <v>58</v>
      </c>
      <c r="AZ38" s="160">
        <v>109</v>
      </c>
      <c r="BA38" s="160">
        <v>66</v>
      </c>
      <c r="BB38" s="160">
        <v>48</v>
      </c>
      <c r="BC38" s="160">
        <v>58</v>
      </c>
      <c r="BD38" s="163">
        <v>339</v>
      </c>
      <c r="BE38" s="164">
        <v>351</v>
      </c>
      <c r="BF38" s="159">
        <v>0</v>
      </c>
      <c r="BG38" s="160">
        <v>0</v>
      </c>
      <c r="BH38" s="165">
        <v>0</v>
      </c>
      <c r="BI38" s="162">
        <v>0</v>
      </c>
      <c r="BJ38" s="160">
        <v>76</v>
      </c>
      <c r="BK38" s="160">
        <v>91</v>
      </c>
      <c r="BL38" s="160">
        <v>46</v>
      </c>
      <c r="BM38" s="160">
        <v>33</v>
      </c>
      <c r="BN38" s="160">
        <v>20</v>
      </c>
      <c r="BO38" s="165">
        <v>266</v>
      </c>
      <c r="BP38" s="164">
        <v>266</v>
      </c>
      <c r="BQ38" s="159">
        <v>9</v>
      </c>
      <c r="BR38" s="160">
        <v>8</v>
      </c>
      <c r="BS38" s="165">
        <v>17</v>
      </c>
      <c r="BT38" s="162">
        <v>0</v>
      </c>
      <c r="BU38" s="160">
        <v>30</v>
      </c>
      <c r="BV38" s="160">
        <v>36</v>
      </c>
      <c r="BW38" s="160">
        <v>20</v>
      </c>
      <c r="BX38" s="160">
        <v>10</v>
      </c>
      <c r="BY38" s="160">
        <v>4</v>
      </c>
      <c r="BZ38" s="165">
        <v>100</v>
      </c>
      <c r="CA38" s="164">
        <v>117</v>
      </c>
      <c r="CB38" s="159">
        <v>2</v>
      </c>
      <c r="CC38" s="160">
        <v>1</v>
      </c>
      <c r="CD38" s="165">
        <v>3</v>
      </c>
      <c r="CE38" s="162">
        <v>0</v>
      </c>
      <c r="CF38" s="160">
        <v>11</v>
      </c>
      <c r="CG38" s="160">
        <v>24</v>
      </c>
      <c r="CH38" s="160">
        <v>19</v>
      </c>
      <c r="CI38" s="160">
        <v>14</v>
      </c>
      <c r="CJ38" s="160">
        <v>17</v>
      </c>
      <c r="CK38" s="165">
        <v>85</v>
      </c>
      <c r="CL38" s="164">
        <v>88</v>
      </c>
      <c r="CM38" s="159">
        <v>0</v>
      </c>
      <c r="CN38" s="160">
        <v>0</v>
      </c>
      <c r="CO38" s="165">
        <v>0</v>
      </c>
      <c r="CP38" s="162">
        <v>0</v>
      </c>
      <c r="CQ38" s="160">
        <v>1</v>
      </c>
      <c r="CR38" s="160">
        <v>2</v>
      </c>
      <c r="CS38" s="160">
        <v>0</v>
      </c>
      <c r="CT38" s="160">
        <v>2</v>
      </c>
      <c r="CU38" s="160">
        <v>0</v>
      </c>
      <c r="CV38" s="165">
        <v>5</v>
      </c>
      <c r="CW38" s="164">
        <v>5</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37</v>
      </c>
      <c r="DU38" s="160">
        <v>121</v>
      </c>
      <c r="DV38" s="165">
        <v>158</v>
      </c>
      <c r="DW38" s="162">
        <v>0</v>
      </c>
      <c r="DX38" s="160">
        <v>154</v>
      </c>
      <c r="DY38" s="160">
        <v>203</v>
      </c>
      <c r="DZ38" s="160">
        <v>116</v>
      </c>
      <c r="EA38" s="160">
        <v>75</v>
      </c>
      <c r="EB38" s="160">
        <v>55</v>
      </c>
      <c r="EC38" s="165">
        <v>603</v>
      </c>
      <c r="ED38" s="164">
        <v>761</v>
      </c>
      <c r="EE38" s="159">
        <v>3</v>
      </c>
      <c r="EF38" s="160">
        <v>1</v>
      </c>
      <c r="EG38" s="165">
        <v>4</v>
      </c>
      <c r="EH38" s="162">
        <v>0</v>
      </c>
      <c r="EI38" s="160">
        <v>21</v>
      </c>
      <c r="EJ38" s="160">
        <v>16</v>
      </c>
      <c r="EK38" s="160">
        <v>15</v>
      </c>
      <c r="EL38" s="160">
        <v>6</v>
      </c>
      <c r="EM38" s="160">
        <v>4</v>
      </c>
      <c r="EN38" s="165">
        <v>62</v>
      </c>
      <c r="EO38" s="164">
        <v>66</v>
      </c>
      <c r="EP38" s="159">
        <v>52</v>
      </c>
      <c r="EQ38" s="160">
        <v>145</v>
      </c>
      <c r="ER38" s="165">
        <v>197</v>
      </c>
      <c r="ES38" s="162">
        <v>0</v>
      </c>
      <c r="ET38" s="160">
        <v>265</v>
      </c>
      <c r="EU38" s="160">
        <v>269</v>
      </c>
      <c r="EV38" s="160">
        <v>143</v>
      </c>
      <c r="EW38" s="160">
        <v>85</v>
      </c>
      <c r="EX38" s="160">
        <v>73</v>
      </c>
      <c r="EY38" s="165">
        <v>835</v>
      </c>
      <c r="EZ38" s="164">
        <v>1032</v>
      </c>
    </row>
    <row r="39" spans="2:156" ht="21" customHeight="1" thickBot="1" x14ac:dyDescent="0.25">
      <c r="B39" s="167" t="s">
        <v>37</v>
      </c>
      <c r="C39" s="168">
        <v>0</v>
      </c>
      <c r="D39" s="169">
        <v>0</v>
      </c>
      <c r="E39" s="170">
        <v>0</v>
      </c>
      <c r="F39" s="171">
        <v>0</v>
      </c>
      <c r="G39" s="169">
        <v>7</v>
      </c>
      <c r="H39" s="169">
        <v>5</v>
      </c>
      <c r="I39" s="169">
        <v>7</v>
      </c>
      <c r="J39" s="169">
        <v>1</v>
      </c>
      <c r="K39" s="169">
        <v>4</v>
      </c>
      <c r="L39" s="172">
        <v>24</v>
      </c>
      <c r="M39" s="173">
        <v>24</v>
      </c>
      <c r="N39" s="168">
        <v>0</v>
      </c>
      <c r="O39" s="169">
        <v>0</v>
      </c>
      <c r="P39" s="174">
        <v>0</v>
      </c>
      <c r="Q39" s="171">
        <v>0</v>
      </c>
      <c r="R39" s="169">
        <v>0</v>
      </c>
      <c r="S39" s="169">
        <v>0</v>
      </c>
      <c r="T39" s="169">
        <v>0</v>
      </c>
      <c r="U39" s="169">
        <v>0</v>
      </c>
      <c r="V39" s="169">
        <v>1</v>
      </c>
      <c r="W39" s="174">
        <v>1</v>
      </c>
      <c r="X39" s="173">
        <v>1</v>
      </c>
      <c r="Y39" s="168">
        <v>1</v>
      </c>
      <c r="Z39" s="169">
        <v>1</v>
      </c>
      <c r="AA39" s="174">
        <v>2</v>
      </c>
      <c r="AB39" s="171">
        <v>0</v>
      </c>
      <c r="AC39" s="169">
        <v>6</v>
      </c>
      <c r="AD39" s="169">
        <v>5</v>
      </c>
      <c r="AE39" s="169">
        <v>5</v>
      </c>
      <c r="AF39" s="169">
        <v>4</v>
      </c>
      <c r="AG39" s="169">
        <v>5</v>
      </c>
      <c r="AH39" s="174">
        <v>25</v>
      </c>
      <c r="AI39" s="173">
        <v>27</v>
      </c>
      <c r="AJ39" s="168">
        <v>0</v>
      </c>
      <c r="AK39" s="169">
        <v>0</v>
      </c>
      <c r="AL39" s="174">
        <v>0</v>
      </c>
      <c r="AM39" s="171">
        <v>0</v>
      </c>
      <c r="AN39" s="169">
        <v>1</v>
      </c>
      <c r="AO39" s="169">
        <v>1</v>
      </c>
      <c r="AP39" s="169">
        <v>0</v>
      </c>
      <c r="AQ39" s="169">
        <v>0</v>
      </c>
      <c r="AR39" s="169">
        <v>1</v>
      </c>
      <c r="AS39" s="174">
        <v>3</v>
      </c>
      <c r="AT39" s="173">
        <v>3</v>
      </c>
      <c r="AU39" s="168">
        <v>1</v>
      </c>
      <c r="AV39" s="169">
        <v>0</v>
      </c>
      <c r="AW39" s="174">
        <v>1</v>
      </c>
      <c r="AX39" s="171">
        <v>0</v>
      </c>
      <c r="AY39" s="169">
        <v>4</v>
      </c>
      <c r="AZ39" s="169">
        <v>2</v>
      </c>
      <c r="BA39" s="169">
        <v>7</v>
      </c>
      <c r="BB39" s="169">
        <v>10</v>
      </c>
      <c r="BC39" s="169">
        <v>7</v>
      </c>
      <c r="BD39" s="172">
        <v>30</v>
      </c>
      <c r="BE39" s="173">
        <v>31</v>
      </c>
      <c r="BF39" s="168">
        <v>0</v>
      </c>
      <c r="BG39" s="169">
        <v>0</v>
      </c>
      <c r="BH39" s="174">
        <v>0</v>
      </c>
      <c r="BI39" s="171">
        <v>0</v>
      </c>
      <c r="BJ39" s="169">
        <v>5</v>
      </c>
      <c r="BK39" s="169">
        <v>7</v>
      </c>
      <c r="BL39" s="169">
        <v>5</v>
      </c>
      <c r="BM39" s="169">
        <v>1</v>
      </c>
      <c r="BN39" s="169">
        <v>1</v>
      </c>
      <c r="BO39" s="174">
        <v>19</v>
      </c>
      <c r="BP39" s="173">
        <v>19</v>
      </c>
      <c r="BQ39" s="168">
        <v>1</v>
      </c>
      <c r="BR39" s="169">
        <v>1</v>
      </c>
      <c r="BS39" s="174">
        <v>2</v>
      </c>
      <c r="BT39" s="171">
        <v>0</v>
      </c>
      <c r="BU39" s="169">
        <v>8</v>
      </c>
      <c r="BV39" s="169">
        <v>6</v>
      </c>
      <c r="BW39" s="169">
        <v>2</v>
      </c>
      <c r="BX39" s="169">
        <v>3</v>
      </c>
      <c r="BY39" s="169">
        <v>1</v>
      </c>
      <c r="BZ39" s="174">
        <v>20</v>
      </c>
      <c r="CA39" s="173">
        <v>22</v>
      </c>
      <c r="CB39" s="168">
        <v>0</v>
      </c>
      <c r="CC39" s="169">
        <v>0</v>
      </c>
      <c r="CD39" s="174">
        <v>0</v>
      </c>
      <c r="CE39" s="171">
        <v>0</v>
      </c>
      <c r="CF39" s="169">
        <v>1</v>
      </c>
      <c r="CG39" s="169">
        <v>3</v>
      </c>
      <c r="CH39" s="169">
        <v>3</v>
      </c>
      <c r="CI39" s="169">
        <v>1</v>
      </c>
      <c r="CJ39" s="169">
        <v>0</v>
      </c>
      <c r="CK39" s="174">
        <v>8</v>
      </c>
      <c r="CL39" s="173">
        <v>8</v>
      </c>
      <c r="CM39" s="168">
        <v>0</v>
      </c>
      <c r="CN39" s="169">
        <v>0</v>
      </c>
      <c r="CO39" s="174">
        <v>0</v>
      </c>
      <c r="CP39" s="171">
        <v>0</v>
      </c>
      <c r="CQ39" s="169">
        <v>0</v>
      </c>
      <c r="CR39" s="169">
        <v>0</v>
      </c>
      <c r="CS39" s="169">
        <v>0</v>
      </c>
      <c r="CT39" s="169">
        <v>0</v>
      </c>
      <c r="CU39" s="169">
        <v>1</v>
      </c>
      <c r="CV39" s="174">
        <v>1</v>
      </c>
      <c r="CW39" s="173">
        <v>1</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8</v>
      </c>
      <c r="DU39" s="169">
        <v>4</v>
      </c>
      <c r="DV39" s="174">
        <v>12</v>
      </c>
      <c r="DW39" s="171">
        <v>0</v>
      </c>
      <c r="DX39" s="169">
        <v>17</v>
      </c>
      <c r="DY39" s="169">
        <v>23</v>
      </c>
      <c r="DZ39" s="169">
        <v>16</v>
      </c>
      <c r="EA39" s="169">
        <v>6</v>
      </c>
      <c r="EB39" s="169">
        <v>6</v>
      </c>
      <c r="EC39" s="174">
        <v>68</v>
      </c>
      <c r="ED39" s="173">
        <v>80</v>
      </c>
      <c r="EE39" s="168">
        <v>0</v>
      </c>
      <c r="EF39" s="169">
        <v>0</v>
      </c>
      <c r="EG39" s="174">
        <v>0</v>
      </c>
      <c r="EH39" s="171">
        <v>0</v>
      </c>
      <c r="EI39" s="169">
        <v>0</v>
      </c>
      <c r="EJ39" s="169">
        <v>0</v>
      </c>
      <c r="EK39" s="169">
        <v>0</v>
      </c>
      <c r="EL39" s="169">
        <v>0</v>
      </c>
      <c r="EM39" s="169">
        <v>0</v>
      </c>
      <c r="EN39" s="174">
        <v>0</v>
      </c>
      <c r="EO39" s="173">
        <v>0</v>
      </c>
      <c r="EP39" s="168">
        <v>10</v>
      </c>
      <c r="EQ39" s="169">
        <v>5</v>
      </c>
      <c r="ER39" s="174">
        <v>15</v>
      </c>
      <c r="ES39" s="171">
        <v>0</v>
      </c>
      <c r="ET39" s="169">
        <v>25</v>
      </c>
      <c r="EU39" s="169">
        <v>25</v>
      </c>
      <c r="EV39" s="169">
        <v>19</v>
      </c>
      <c r="EW39" s="169">
        <v>7</v>
      </c>
      <c r="EX39" s="169">
        <v>6</v>
      </c>
      <c r="EY39" s="174">
        <v>82</v>
      </c>
      <c r="EZ39" s="173">
        <v>97</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0">
        <f>第１表!F2</f>
        <v>6</v>
      </c>
      <c r="J1" s="440"/>
      <c r="K1" s="18">
        <f>第１表!G2</f>
        <v>12</v>
      </c>
      <c r="L1" s="459">
        <f>IF(K1&lt;3,K1+12-2,K1-2)</f>
        <v>10</v>
      </c>
      <c r="M1" s="459"/>
    </row>
    <row r="2" spans="2:156" ht="24" customHeight="1" thickBot="1" x14ac:dyDescent="0.25">
      <c r="B2" s="142" t="s">
        <v>128</v>
      </c>
      <c r="G2" s="17"/>
      <c r="H2" s="18"/>
      <c r="J2" s="68"/>
      <c r="K2" s="68"/>
    </row>
    <row r="3" spans="2:156" ht="21" customHeight="1" thickBot="1" x14ac:dyDescent="0.25">
      <c r="B3" s="453"/>
      <c r="C3" s="456" t="s">
        <v>70</v>
      </c>
      <c r="D3" s="457"/>
      <c r="E3" s="457"/>
      <c r="F3" s="457"/>
      <c r="G3" s="457"/>
      <c r="H3" s="457"/>
      <c r="I3" s="457"/>
      <c r="J3" s="457"/>
      <c r="K3" s="457"/>
      <c r="L3" s="457"/>
      <c r="M3" s="458"/>
      <c r="N3" s="456" t="s">
        <v>71</v>
      </c>
      <c r="O3" s="457"/>
      <c r="P3" s="457"/>
      <c r="Q3" s="457"/>
      <c r="R3" s="457"/>
      <c r="S3" s="457"/>
      <c r="T3" s="457"/>
      <c r="U3" s="457"/>
      <c r="V3" s="457"/>
      <c r="W3" s="457"/>
      <c r="X3" s="458"/>
      <c r="Y3" s="456" t="s">
        <v>72</v>
      </c>
      <c r="Z3" s="457"/>
      <c r="AA3" s="457"/>
      <c r="AB3" s="457"/>
      <c r="AC3" s="457"/>
      <c r="AD3" s="457"/>
      <c r="AE3" s="457"/>
      <c r="AF3" s="457"/>
      <c r="AG3" s="457"/>
      <c r="AH3" s="457"/>
      <c r="AI3" s="458"/>
      <c r="AJ3" s="456" t="s">
        <v>73</v>
      </c>
      <c r="AK3" s="457"/>
      <c r="AL3" s="457"/>
      <c r="AM3" s="457"/>
      <c r="AN3" s="457"/>
      <c r="AO3" s="457"/>
      <c r="AP3" s="457"/>
      <c r="AQ3" s="457"/>
      <c r="AR3" s="457"/>
      <c r="AS3" s="457"/>
      <c r="AT3" s="458"/>
      <c r="AU3" s="456" t="s">
        <v>74</v>
      </c>
      <c r="AV3" s="457"/>
      <c r="AW3" s="457"/>
      <c r="AX3" s="457"/>
      <c r="AY3" s="457"/>
      <c r="AZ3" s="457"/>
      <c r="BA3" s="457"/>
      <c r="BB3" s="457"/>
      <c r="BC3" s="457"/>
      <c r="BD3" s="457"/>
      <c r="BE3" s="458"/>
      <c r="BF3" s="456" t="s">
        <v>75</v>
      </c>
      <c r="BG3" s="457"/>
      <c r="BH3" s="457"/>
      <c r="BI3" s="457"/>
      <c r="BJ3" s="457"/>
      <c r="BK3" s="457"/>
      <c r="BL3" s="457"/>
      <c r="BM3" s="457"/>
      <c r="BN3" s="457"/>
      <c r="BO3" s="457"/>
      <c r="BP3" s="458"/>
      <c r="BQ3" s="456" t="s">
        <v>76</v>
      </c>
      <c r="BR3" s="457"/>
      <c r="BS3" s="457"/>
      <c r="BT3" s="457"/>
      <c r="BU3" s="457"/>
      <c r="BV3" s="457"/>
      <c r="BW3" s="457"/>
      <c r="BX3" s="457"/>
      <c r="BY3" s="457"/>
      <c r="BZ3" s="457"/>
      <c r="CA3" s="458"/>
      <c r="CB3" s="456" t="s">
        <v>77</v>
      </c>
      <c r="CC3" s="457"/>
      <c r="CD3" s="457"/>
      <c r="CE3" s="457"/>
      <c r="CF3" s="457"/>
      <c r="CG3" s="457"/>
      <c r="CH3" s="457"/>
      <c r="CI3" s="457"/>
      <c r="CJ3" s="457"/>
      <c r="CK3" s="457"/>
      <c r="CL3" s="458"/>
      <c r="CM3" s="456" t="s">
        <v>78</v>
      </c>
      <c r="CN3" s="457"/>
      <c r="CO3" s="457"/>
      <c r="CP3" s="457"/>
      <c r="CQ3" s="457"/>
      <c r="CR3" s="457"/>
      <c r="CS3" s="457"/>
      <c r="CT3" s="457"/>
      <c r="CU3" s="457"/>
      <c r="CV3" s="457"/>
      <c r="CW3" s="458"/>
      <c r="CX3" s="456" t="s">
        <v>79</v>
      </c>
      <c r="CY3" s="457"/>
      <c r="CZ3" s="457"/>
      <c r="DA3" s="457"/>
      <c r="DB3" s="457"/>
      <c r="DC3" s="457"/>
      <c r="DD3" s="457"/>
      <c r="DE3" s="457"/>
      <c r="DF3" s="457"/>
      <c r="DG3" s="457"/>
      <c r="DH3" s="458"/>
      <c r="DI3" s="456" t="s">
        <v>149</v>
      </c>
      <c r="DJ3" s="457"/>
      <c r="DK3" s="457"/>
      <c r="DL3" s="457"/>
      <c r="DM3" s="457"/>
      <c r="DN3" s="457"/>
      <c r="DO3" s="457"/>
      <c r="DP3" s="457"/>
      <c r="DQ3" s="457"/>
      <c r="DR3" s="457"/>
      <c r="DS3" s="458"/>
      <c r="DT3" s="456" t="s">
        <v>80</v>
      </c>
      <c r="DU3" s="457"/>
      <c r="DV3" s="457"/>
      <c r="DW3" s="457"/>
      <c r="DX3" s="457"/>
      <c r="DY3" s="457"/>
      <c r="DZ3" s="457"/>
      <c r="EA3" s="457"/>
      <c r="EB3" s="457"/>
      <c r="EC3" s="457"/>
      <c r="ED3" s="458"/>
      <c r="EE3" s="456" t="s">
        <v>68</v>
      </c>
      <c r="EF3" s="457"/>
      <c r="EG3" s="457"/>
      <c r="EH3" s="457"/>
      <c r="EI3" s="457"/>
      <c r="EJ3" s="457"/>
      <c r="EK3" s="457"/>
      <c r="EL3" s="457"/>
      <c r="EM3" s="457"/>
      <c r="EN3" s="457"/>
      <c r="EO3" s="458"/>
      <c r="EP3" s="460" t="s">
        <v>69</v>
      </c>
      <c r="EQ3" s="461"/>
      <c r="ER3" s="461"/>
      <c r="ES3" s="461"/>
      <c r="ET3" s="461"/>
      <c r="EU3" s="461"/>
      <c r="EV3" s="461"/>
      <c r="EW3" s="461"/>
      <c r="EX3" s="461"/>
      <c r="EY3" s="461"/>
      <c r="EZ3" s="462"/>
    </row>
    <row r="4" spans="2:156" ht="21" customHeight="1" x14ac:dyDescent="0.2">
      <c r="B4" s="454"/>
      <c r="C4" s="448" t="s">
        <v>61</v>
      </c>
      <c r="D4" s="449"/>
      <c r="E4" s="450"/>
      <c r="F4" s="451" t="s">
        <v>62</v>
      </c>
      <c r="G4" s="449"/>
      <c r="H4" s="449"/>
      <c r="I4" s="449"/>
      <c r="J4" s="449"/>
      <c r="K4" s="449"/>
      <c r="L4" s="452"/>
      <c r="M4" s="446" t="s">
        <v>52</v>
      </c>
      <c r="N4" s="448" t="s">
        <v>61</v>
      </c>
      <c r="O4" s="449"/>
      <c r="P4" s="450"/>
      <c r="Q4" s="451" t="s">
        <v>62</v>
      </c>
      <c r="R4" s="449"/>
      <c r="S4" s="449"/>
      <c r="T4" s="449"/>
      <c r="U4" s="449"/>
      <c r="V4" s="449"/>
      <c r="W4" s="450"/>
      <c r="X4" s="446" t="s">
        <v>52</v>
      </c>
      <c r="Y4" s="448" t="s">
        <v>61</v>
      </c>
      <c r="Z4" s="449"/>
      <c r="AA4" s="450"/>
      <c r="AB4" s="451" t="s">
        <v>62</v>
      </c>
      <c r="AC4" s="449"/>
      <c r="AD4" s="449"/>
      <c r="AE4" s="449"/>
      <c r="AF4" s="449"/>
      <c r="AG4" s="449"/>
      <c r="AH4" s="450"/>
      <c r="AI4" s="446" t="s">
        <v>52</v>
      </c>
      <c r="AJ4" s="448" t="s">
        <v>61</v>
      </c>
      <c r="AK4" s="449"/>
      <c r="AL4" s="450"/>
      <c r="AM4" s="451" t="s">
        <v>62</v>
      </c>
      <c r="AN4" s="449"/>
      <c r="AO4" s="449"/>
      <c r="AP4" s="449"/>
      <c r="AQ4" s="449"/>
      <c r="AR4" s="449"/>
      <c r="AS4" s="450"/>
      <c r="AT4" s="446" t="s">
        <v>52</v>
      </c>
      <c r="AU4" s="448" t="s">
        <v>61</v>
      </c>
      <c r="AV4" s="449"/>
      <c r="AW4" s="450"/>
      <c r="AX4" s="451" t="s">
        <v>62</v>
      </c>
      <c r="AY4" s="449"/>
      <c r="AZ4" s="449"/>
      <c r="BA4" s="449"/>
      <c r="BB4" s="449"/>
      <c r="BC4" s="449"/>
      <c r="BD4" s="452"/>
      <c r="BE4" s="446" t="s">
        <v>52</v>
      </c>
      <c r="BF4" s="448" t="s">
        <v>61</v>
      </c>
      <c r="BG4" s="449"/>
      <c r="BH4" s="450"/>
      <c r="BI4" s="451" t="s">
        <v>62</v>
      </c>
      <c r="BJ4" s="449"/>
      <c r="BK4" s="449"/>
      <c r="BL4" s="449"/>
      <c r="BM4" s="449"/>
      <c r="BN4" s="449"/>
      <c r="BO4" s="450"/>
      <c r="BP4" s="446" t="s">
        <v>52</v>
      </c>
      <c r="BQ4" s="448" t="s">
        <v>61</v>
      </c>
      <c r="BR4" s="449"/>
      <c r="BS4" s="450"/>
      <c r="BT4" s="451" t="s">
        <v>62</v>
      </c>
      <c r="BU4" s="449"/>
      <c r="BV4" s="449"/>
      <c r="BW4" s="449"/>
      <c r="BX4" s="449"/>
      <c r="BY4" s="449"/>
      <c r="BZ4" s="450"/>
      <c r="CA4" s="446" t="s">
        <v>52</v>
      </c>
      <c r="CB4" s="448" t="s">
        <v>61</v>
      </c>
      <c r="CC4" s="449"/>
      <c r="CD4" s="450"/>
      <c r="CE4" s="451" t="s">
        <v>62</v>
      </c>
      <c r="CF4" s="449"/>
      <c r="CG4" s="449"/>
      <c r="CH4" s="449"/>
      <c r="CI4" s="449"/>
      <c r="CJ4" s="449"/>
      <c r="CK4" s="450"/>
      <c r="CL4" s="446" t="s">
        <v>52</v>
      </c>
      <c r="CM4" s="448" t="s">
        <v>61</v>
      </c>
      <c r="CN4" s="449"/>
      <c r="CO4" s="450"/>
      <c r="CP4" s="451" t="s">
        <v>62</v>
      </c>
      <c r="CQ4" s="449"/>
      <c r="CR4" s="449"/>
      <c r="CS4" s="449"/>
      <c r="CT4" s="449"/>
      <c r="CU4" s="449"/>
      <c r="CV4" s="450"/>
      <c r="CW4" s="446" t="s">
        <v>52</v>
      </c>
      <c r="CX4" s="448" t="s">
        <v>61</v>
      </c>
      <c r="CY4" s="449"/>
      <c r="CZ4" s="450"/>
      <c r="DA4" s="451" t="s">
        <v>62</v>
      </c>
      <c r="DB4" s="449"/>
      <c r="DC4" s="449"/>
      <c r="DD4" s="449"/>
      <c r="DE4" s="449"/>
      <c r="DF4" s="449"/>
      <c r="DG4" s="450"/>
      <c r="DH4" s="446" t="s">
        <v>52</v>
      </c>
      <c r="DI4" s="448" t="s">
        <v>61</v>
      </c>
      <c r="DJ4" s="449"/>
      <c r="DK4" s="450"/>
      <c r="DL4" s="451" t="s">
        <v>62</v>
      </c>
      <c r="DM4" s="449"/>
      <c r="DN4" s="449"/>
      <c r="DO4" s="449"/>
      <c r="DP4" s="449"/>
      <c r="DQ4" s="449"/>
      <c r="DR4" s="450"/>
      <c r="DS4" s="446" t="s">
        <v>52</v>
      </c>
      <c r="DT4" s="448" t="s">
        <v>61</v>
      </c>
      <c r="DU4" s="449"/>
      <c r="DV4" s="450"/>
      <c r="DW4" s="451" t="s">
        <v>62</v>
      </c>
      <c r="DX4" s="449"/>
      <c r="DY4" s="449"/>
      <c r="DZ4" s="449"/>
      <c r="EA4" s="449"/>
      <c r="EB4" s="449"/>
      <c r="EC4" s="450"/>
      <c r="ED4" s="446" t="s">
        <v>52</v>
      </c>
      <c r="EE4" s="448" t="s">
        <v>61</v>
      </c>
      <c r="EF4" s="449"/>
      <c r="EG4" s="450"/>
      <c r="EH4" s="451" t="s">
        <v>62</v>
      </c>
      <c r="EI4" s="449"/>
      <c r="EJ4" s="449"/>
      <c r="EK4" s="449"/>
      <c r="EL4" s="449"/>
      <c r="EM4" s="449"/>
      <c r="EN4" s="450"/>
      <c r="EO4" s="446" t="s">
        <v>52</v>
      </c>
      <c r="EP4" s="448" t="s">
        <v>61</v>
      </c>
      <c r="EQ4" s="449"/>
      <c r="ER4" s="450"/>
      <c r="ES4" s="451" t="s">
        <v>62</v>
      </c>
      <c r="ET4" s="449"/>
      <c r="EU4" s="449"/>
      <c r="EV4" s="449"/>
      <c r="EW4" s="449"/>
      <c r="EX4" s="449"/>
      <c r="EY4" s="450"/>
      <c r="EZ4" s="446" t="s">
        <v>52</v>
      </c>
    </row>
    <row r="5" spans="2:156" ht="30" customHeight="1" thickBot="1" x14ac:dyDescent="0.25">
      <c r="B5" s="455"/>
      <c r="C5" s="144" t="s">
        <v>43</v>
      </c>
      <c r="D5" s="145" t="s">
        <v>44</v>
      </c>
      <c r="E5" s="146" t="s">
        <v>45</v>
      </c>
      <c r="F5" s="147" t="s">
        <v>83</v>
      </c>
      <c r="G5" s="145" t="s">
        <v>47</v>
      </c>
      <c r="H5" s="145" t="s">
        <v>48</v>
      </c>
      <c r="I5" s="145" t="s">
        <v>49</v>
      </c>
      <c r="J5" s="145" t="s">
        <v>50</v>
      </c>
      <c r="K5" s="145" t="s">
        <v>51</v>
      </c>
      <c r="L5" s="148" t="s">
        <v>45</v>
      </c>
      <c r="M5" s="447"/>
      <c r="N5" s="144" t="s">
        <v>43</v>
      </c>
      <c r="O5" s="145" t="s">
        <v>44</v>
      </c>
      <c r="P5" s="149" t="s">
        <v>45</v>
      </c>
      <c r="Q5" s="147" t="s">
        <v>83</v>
      </c>
      <c r="R5" s="145" t="s">
        <v>47</v>
      </c>
      <c r="S5" s="145" t="s">
        <v>48</v>
      </c>
      <c r="T5" s="145" t="s">
        <v>49</v>
      </c>
      <c r="U5" s="145" t="s">
        <v>50</v>
      </c>
      <c r="V5" s="145" t="s">
        <v>51</v>
      </c>
      <c r="W5" s="149" t="s">
        <v>45</v>
      </c>
      <c r="X5" s="447"/>
      <c r="Y5" s="144" t="s">
        <v>43</v>
      </c>
      <c r="Z5" s="145" t="s">
        <v>44</v>
      </c>
      <c r="AA5" s="149" t="s">
        <v>45</v>
      </c>
      <c r="AB5" s="147" t="s">
        <v>83</v>
      </c>
      <c r="AC5" s="145" t="s">
        <v>47</v>
      </c>
      <c r="AD5" s="145" t="s">
        <v>48</v>
      </c>
      <c r="AE5" s="145" t="s">
        <v>49</v>
      </c>
      <c r="AF5" s="145" t="s">
        <v>50</v>
      </c>
      <c r="AG5" s="145" t="s">
        <v>51</v>
      </c>
      <c r="AH5" s="149" t="s">
        <v>45</v>
      </c>
      <c r="AI5" s="447"/>
      <c r="AJ5" s="144" t="s">
        <v>43</v>
      </c>
      <c r="AK5" s="145" t="s">
        <v>44</v>
      </c>
      <c r="AL5" s="149" t="s">
        <v>45</v>
      </c>
      <c r="AM5" s="147" t="s">
        <v>83</v>
      </c>
      <c r="AN5" s="145" t="s">
        <v>47</v>
      </c>
      <c r="AO5" s="145" t="s">
        <v>48</v>
      </c>
      <c r="AP5" s="145" t="s">
        <v>49</v>
      </c>
      <c r="AQ5" s="145" t="s">
        <v>50</v>
      </c>
      <c r="AR5" s="145" t="s">
        <v>51</v>
      </c>
      <c r="AS5" s="149" t="s">
        <v>45</v>
      </c>
      <c r="AT5" s="447"/>
      <c r="AU5" s="144" t="s">
        <v>43</v>
      </c>
      <c r="AV5" s="145" t="s">
        <v>44</v>
      </c>
      <c r="AW5" s="149" t="s">
        <v>45</v>
      </c>
      <c r="AX5" s="147" t="s">
        <v>83</v>
      </c>
      <c r="AY5" s="145" t="s">
        <v>47</v>
      </c>
      <c r="AZ5" s="145" t="s">
        <v>48</v>
      </c>
      <c r="BA5" s="145" t="s">
        <v>49</v>
      </c>
      <c r="BB5" s="145" t="s">
        <v>50</v>
      </c>
      <c r="BC5" s="145" t="s">
        <v>51</v>
      </c>
      <c r="BD5" s="148" t="s">
        <v>45</v>
      </c>
      <c r="BE5" s="447"/>
      <c r="BF5" s="144" t="s">
        <v>43</v>
      </c>
      <c r="BG5" s="145" t="s">
        <v>44</v>
      </c>
      <c r="BH5" s="149" t="s">
        <v>45</v>
      </c>
      <c r="BI5" s="147" t="s">
        <v>83</v>
      </c>
      <c r="BJ5" s="145" t="s">
        <v>47</v>
      </c>
      <c r="BK5" s="145" t="s">
        <v>48</v>
      </c>
      <c r="BL5" s="145" t="s">
        <v>49</v>
      </c>
      <c r="BM5" s="145" t="s">
        <v>50</v>
      </c>
      <c r="BN5" s="145" t="s">
        <v>51</v>
      </c>
      <c r="BO5" s="149" t="s">
        <v>45</v>
      </c>
      <c r="BP5" s="447"/>
      <c r="BQ5" s="144" t="s">
        <v>43</v>
      </c>
      <c r="BR5" s="145" t="s">
        <v>44</v>
      </c>
      <c r="BS5" s="149" t="s">
        <v>45</v>
      </c>
      <c r="BT5" s="147" t="s">
        <v>83</v>
      </c>
      <c r="BU5" s="145" t="s">
        <v>47</v>
      </c>
      <c r="BV5" s="145" t="s">
        <v>48</v>
      </c>
      <c r="BW5" s="145" t="s">
        <v>49</v>
      </c>
      <c r="BX5" s="145" t="s">
        <v>50</v>
      </c>
      <c r="BY5" s="145" t="s">
        <v>51</v>
      </c>
      <c r="BZ5" s="149" t="s">
        <v>45</v>
      </c>
      <c r="CA5" s="447"/>
      <c r="CB5" s="144" t="s">
        <v>43</v>
      </c>
      <c r="CC5" s="145" t="s">
        <v>44</v>
      </c>
      <c r="CD5" s="149" t="s">
        <v>45</v>
      </c>
      <c r="CE5" s="147" t="s">
        <v>83</v>
      </c>
      <c r="CF5" s="145" t="s">
        <v>47</v>
      </c>
      <c r="CG5" s="145" t="s">
        <v>48</v>
      </c>
      <c r="CH5" s="145" t="s">
        <v>49</v>
      </c>
      <c r="CI5" s="145" t="s">
        <v>50</v>
      </c>
      <c r="CJ5" s="145" t="s">
        <v>51</v>
      </c>
      <c r="CK5" s="149" t="s">
        <v>45</v>
      </c>
      <c r="CL5" s="447"/>
      <c r="CM5" s="144" t="s">
        <v>43</v>
      </c>
      <c r="CN5" s="145" t="s">
        <v>44</v>
      </c>
      <c r="CO5" s="149" t="s">
        <v>45</v>
      </c>
      <c r="CP5" s="147" t="s">
        <v>83</v>
      </c>
      <c r="CQ5" s="145" t="s">
        <v>47</v>
      </c>
      <c r="CR5" s="145" t="s">
        <v>48</v>
      </c>
      <c r="CS5" s="145" t="s">
        <v>49</v>
      </c>
      <c r="CT5" s="145" t="s">
        <v>50</v>
      </c>
      <c r="CU5" s="145" t="s">
        <v>51</v>
      </c>
      <c r="CV5" s="149" t="s">
        <v>45</v>
      </c>
      <c r="CW5" s="447"/>
      <c r="CX5" s="144" t="s">
        <v>43</v>
      </c>
      <c r="CY5" s="145" t="s">
        <v>44</v>
      </c>
      <c r="CZ5" s="149" t="s">
        <v>45</v>
      </c>
      <c r="DA5" s="147" t="s">
        <v>83</v>
      </c>
      <c r="DB5" s="145" t="s">
        <v>47</v>
      </c>
      <c r="DC5" s="145" t="s">
        <v>48</v>
      </c>
      <c r="DD5" s="145" t="s">
        <v>49</v>
      </c>
      <c r="DE5" s="145" t="s">
        <v>50</v>
      </c>
      <c r="DF5" s="145" t="s">
        <v>51</v>
      </c>
      <c r="DG5" s="149" t="s">
        <v>45</v>
      </c>
      <c r="DH5" s="447"/>
      <c r="DI5" s="144" t="s">
        <v>43</v>
      </c>
      <c r="DJ5" s="145" t="s">
        <v>44</v>
      </c>
      <c r="DK5" s="149" t="s">
        <v>45</v>
      </c>
      <c r="DL5" s="147" t="s">
        <v>83</v>
      </c>
      <c r="DM5" s="145" t="s">
        <v>47</v>
      </c>
      <c r="DN5" s="145" t="s">
        <v>48</v>
      </c>
      <c r="DO5" s="145" t="s">
        <v>49</v>
      </c>
      <c r="DP5" s="145" t="s">
        <v>50</v>
      </c>
      <c r="DQ5" s="145" t="s">
        <v>51</v>
      </c>
      <c r="DR5" s="149" t="s">
        <v>45</v>
      </c>
      <c r="DS5" s="447"/>
      <c r="DT5" s="144" t="s">
        <v>43</v>
      </c>
      <c r="DU5" s="145" t="s">
        <v>44</v>
      </c>
      <c r="DV5" s="149" t="s">
        <v>45</v>
      </c>
      <c r="DW5" s="147" t="s">
        <v>83</v>
      </c>
      <c r="DX5" s="145" t="s">
        <v>47</v>
      </c>
      <c r="DY5" s="145" t="s">
        <v>48</v>
      </c>
      <c r="DZ5" s="145" t="s">
        <v>49</v>
      </c>
      <c r="EA5" s="145" t="s">
        <v>50</v>
      </c>
      <c r="EB5" s="145" t="s">
        <v>51</v>
      </c>
      <c r="EC5" s="149" t="s">
        <v>45</v>
      </c>
      <c r="ED5" s="447"/>
      <c r="EE5" s="144" t="s">
        <v>43</v>
      </c>
      <c r="EF5" s="145" t="s">
        <v>44</v>
      </c>
      <c r="EG5" s="149" t="s">
        <v>45</v>
      </c>
      <c r="EH5" s="147" t="s">
        <v>83</v>
      </c>
      <c r="EI5" s="145" t="s">
        <v>47</v>
      </c>
      <c r="EJ5" s="145" t="s">
        <v>48</v>
      </c>
      <c r="EK5" s="145" t="s">
        <v>49</v>
      </c>
      <c r="EL5" s="145" t="s">
        <v>50</v>
      </c>
      <c r="EM5" s="145" t="s">
        <v>51</v>
      </c>
      <c r="EN5" s="149" t="s">
        <v>45</v>
      </c>
      <c r="EO5" s="447"/>
      <c r="EP5" s="144" t="s">
        <v>43</v>
      </c>
      <c r="EQ5" s="145" t="s">
        <v>44</v>
      </c>
      <c r="ER5" s="149" t="s">
        <v>45</v>
      </c>
      <c r="ES5" s="147" t="s">
        <v>83</v>
      </c>
      <c r="ET5" s="145" t="s">
        <v>47</v>
      </c>
      <c r="EU5" s="145" t="s">
        <v>48</v>
      </c>
      <c r="EV5" s="145" t="s">
        <v>49</v>
      </c>
      <c r="EW5" s="145" t="s">
        <v>50</v>
      </c>
      <c r="EX5" s="145" t="s">
        <v>51</v>
      </c>
      <c r="EY5" s="149" t="s">
        <v>45</v>
      </c>
      <c r="EZ5" s="447"/>
    </row>
    <row r="6" spans="2:156" ht="21" customHeight="1" x14ac:dyDescent="0.2">
      <c r="B6" s="150" t="s">
        <v>4</v>
      </c>
      <c r="C6" s="151">
        <v>0</v>
      </c>
      <c r="D6" s="152">
        <v>0</v>
      </c>
      <c r="E6" s="153">
        <v>0</v>
      </c>
      <c r="F6" s="154">
        <v>0</v>
      </c>
      <c r="G6" s="152">
        <v>1204</v>
      </c>
      <c r="H6" s="152">
        <v>1416</v>
      </c>
      <c r="I6" s="152">
        <v>753</v>
      </c>
      <c r="J6" s="152">
        <v>553</v>
      </c>
      <c r="K6" s="152">
        <v>389</v>
      </c>
      <c r="L6" s="155">
        <v>4315</v>
      </c>
      <c r="M6" s="156">
        <v>4315</v>
      </c>
      <c r="N6" s="151">
        <v>0</v>
      </c>
      <c r="O6" s="152">
        <v>2</v>
      </c>
      <c r="P6" s="157">
        <v>2</v>
      </c>
      <c r="Q6" s="154">
        <v>0</v>
      </c>
      <c r="R6" s="152">
        <v>5</v>
      </c>
      <c r="S6" s="152">
        <v>25</v>
      </c>
      <c r="T6" s="152">
        <v>43</v>
      </c>
      <c r="U6" s="152">
        <v>119</v>
      </c>
      <c r="V6" s="152">
        <v>164</v>
      </c>
      <c r="W6" s="157">
        <v>356</v>
      </c>
      <c r="X6" s="156">
        <v>358</v>
      </c>
      <c r="Y6" s="151">
        <v>213</v>
      </c>
      <c r="Z6" s="152">
        <v>477</v>
      </c>
      <c r="AA6" s="157">
        <v>690</v>
      </c>
      <c r="AB6" s="154">
        <v>0</v>
      </c>
      <c r="AC6" s="152">
        <v>975</v>
      </c>
      <c r="AD6" s="152">
        <v>1467</v>
      </c>
      <c r="AE6" s="152">
        <v>823</v>
      </c>
      <c r="AF6" s="152">
        <v>587</v>
      </c>
      <c r="AG6" s="152">
        <v>359</v>
      </c>
      <c r="AH6" s="157">
        <v>4211</v>
      </c>
      <c r="AI6" s="156">
        <v>4901</v>
      </c>
      <c r="AJ6" s="151">
        <v>27</v>
      </c>
      <c r="AK6" s="152">
        <v>51</v>
      </c>
      <c r="AL6" s="157">
        <v>78</v>
      </c>
      <c r="AM6" s="154">
        <v>0</v>
      </c>
      <c r="AN6" s="152">
        <v>96</v>
      </c>
      <c r="AO6" s="152">
        <v>114</v>
      </c>
      <c r="AP6" s="152">
        <v>85</v>
      </c>
      <c r="AQ6" s="152">
        <v>52</v>
      </c>
      <c r="AR6" s="152">
        <v>36</v>
      </c>
      <c r="AS6" s="157">
        <v>383</v>
      </c>
      <c r="AT6" s="156">
        <v>461</v>
      </c>
      <c r="AU6" s="151">
        <v>303</v>
      </c>
      <c r="AV6" s="152">
        <v>385</v>
      </c>
      <c r="AW6" s="157">
        <v>688</v>
      </c>
      <c r="AX6" s="154">
        <v>0</v>
      </c>
      <c r="AY6" s="152">
        <v>1522</v>
      </c>
      <c r="AZ6" s="152">
        <v>1877</v>
      </c>
      <c r="BA6" s="152">
        <v>1502</v>
      </c>
      <c r="BB6" s="152">
        <v>1380</v>
      </c>
      <c r="BC6" s="152">
        <v>850</v>
      </c>
      <c r="BD6" s="155">
        <v>7131</v>
      </c>
      <c r="BE6" s="156">
        <v>7819</v>
      </c>
      <c r="BF6" s="151">
        <v>0</v>
      </c>
      <c r="BG6" s="152">
        <v>0</v>
      </c>
      <c r="BH6" s="157">
        <v>0</v>
      </c>
      <c r="BI6" s="154">
        <v>0</v>
      </c>
      <c r="BJ6" s="152">
        <v>1707</v>
      </c>
      <c r="BK6" s="152">
        <v>1538</v>
      </c>
      <c r="BL6" s="152">
        <v>749</v>
      </c>
      <c r="BM6" s="152">
        <v>354</v>
      </c>
      <c r="BN6" s="152">
        <v>147</v>
      </c>
      <c r="BO6" s="157">
        <v>4495</v>
      </c>
      <c r="BP6" s="156">
        <v>4495</v>
      </c>
      <c r="BQ6" s="151">
        <v>151</v>
      </c>
      <c r="BR6" s="152">
        <v>202</v>
      </c>
      <c r="BS6" s="157">
        <v>353</v>
      </c>
      <c r="BT6" s="154">
        <v>0</v>
      </c>
      <c r="BU6" s="152">
        <v>406</v>
      </c>
      <c r="BV6" s="152">
        <v>537</v>
      </c>
      <c r="BW6" s="152">
        <v>299</v>
      </c>
      <c r="BX6" s="152">
        <v>157</v>
      </c>
      <c r="BY6" s="152">
        <v>54</v>
      </c>
      <c r="BZ6" s="157">
        <v>1453</v>
      </c>
      <c r="CA6" s="156">
        <v>1806</v>
      </c>
      <c r="CB6" s="151">
        <v>6</v>
      </c>
      <c r="CC6" s="152">
        <v>20</v>
      </c>
      <c r="CD6" s="157">
        <v>26</v>
      </c>
      <c r="CE6" s="154">
        <v>0</v>
      </c>
      <c r="CF6" s="152">
        <v>180</v>
      </c>
      <c r="CG6" s="152">
        <v>284</v>
      </c>
      <c r="CH6" s="152">
        <v>309</v>
      </c>
      <c r="CI6" s="152">
        <v>176</v>
      </c>
      <c r="CJ6" s="152">
        <v>104</v>
      </c>
      <c r="CK6" s="157">
        <v>1053</v>
      </c>
      <c r="CL6" s="156">
        <v>1079</v>
      </c>
      <c r="CM6" s="151">
        <v>0</v>
      </c>
      <c r="CN6" s="152">
        <v>3</v>
      </c>
      <c r="CO6" s="157">
        <v>3</v>
      </c>
      <c r="CP6" s="154">
        <v>0</v>
      </c>
      <c r="CQ6" s="152">
        <v>22</v>
      </c>
      <c r="CR6" s="152">
        <v>56</v>
      </c>
      <c r="CS6" s="152">
        <v>50</v>
      </c>
      <c r="CT6" s="152">
        <v>41</v>
      </c>
      <c r="CU6" s="152">
        <v>20</v>
      </c>
      <c r="CV6" s="157">
        <v>189</v>
      </c>
      <c r="CW6" s="156">
        <v>192</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662</v>
      </c>
      <c r="DU6" s="152">
        <v>1446</v>
      </c>
      <c r="DV6" s="157">
        <v>2108</v>
      </c>
      <c r="DW6" s="154">
        <v>0</v>
      </c>
      <c r="DX6" s="152">
        <v>1896</v>
      </c>
      <c r="DY6" s="152">
        <v>3335</v>
      </c>
      <c r="DZ6" s="152">
        <v>1826</v>
      </c>
      <c r="EA6" s="152">
        <v>1218</v>
      </c>
      <c r="EB6" s="152">
        <v>735</v>
      </c>
      <c r="EC6" s="157">
        <v>9010</v>
      </c>
      <c r="ED6" s="156">
        <v>11118</v>
      </c>
      <c r="EE6" s="151">
        <v>174</v>
      </c>
      <c r="EF6" s="152">
        <v>135</v>
      </c>
      <c r="EG6" s="157">
        <v>309</v>
      </c>
      <c r="EH6" s="154">
        <v>0</v>
      </c>
      <c r="EI6" s="152">
        <v>605</v>
      </c>
      <c r="EJ6" s="152">
        <v>583</v>
      </c>
      <c r="EK6" s="152">
        <v>458</v>
      </c>
      <c r="EL6" s="152">
        <v>507</v>
      </c>
      <c r="EM6" s="152">
        <v>219</v>
      </c>
      <c r="EN6" s="157">
        <v>2372</v>
      </c>
      <c r="EO6" s="156">
        <v>2681</v>
      </c>
      <c r="EP6" s="151">
        <v>974</v>
      </c>
      <c r="EQ6" s="152">
        <v>1844</v>
      </c>
      <c r="ER6" s="157">
        <v>2818</v>
      </c>
      <c r="ES6" s="154">
        <v>0</v>
      </c>
      <c r="ET6" s="152">
        <v>4427</v>
      </c>
      <c r="EU6" s="152">
        <v>4597</v>
      </c>
      <c r="EV6" s="152">
        <v>2213</v>
      </c>
      <c r="EW6" s="152">
        <v>1311</v>
      </c>
      <c r="EX6" s="152">
        <v>741</v>
      </c>
      <c r="EY6" s="157">
        <v>13289</v>
      </c>
      <c r="EZ6" s="156">
        <v>16107</v>
      </c>
    </row>
    <row r="7" spans="2:156" ht="21" customHeight="1" x14ac:dyDescent="0.2">
      <c r="B7" s="158" t="s">
        <v>5</v>
      </c>
      <c r="C7" s="159">
        <v>0</v>
      </c>
      <c r="D7" s="160">
        <v>0</v>
      </c>
      <c r="E7" s="161">
        <v>0</v>
      </c>
      <c r="F7" s="162">
        <v>0</v>
      </c>
      <c r="G7" s="160">
        <v>492</v>
      </c>
      <c r="H7" s="160">
        <v>718</v>
      </c>
      <c r="I7" s="160">
        <v>374</v>
      </c>
      <c r="J7" s="160">
        <v>259</v>
      </c>
      <c r="K7" s="160">
        <v>163</v>
      </c>
      <c r="L7" s="163">
        <v>2006</v>
      </c>
      <c r="M7" s="164">
        <v>2006</v>
      </c>
      <c r="N7" s="159">
        <v>0</v>
      </c>
      <c r="O7" s="160">
        <v>1</v>
      </c>
      <c r="P7" s="165">
        <v>1</v>
      </c>
      <c r="Q7" s="162">
        <v>0</v>
      </c>
      <c r="R7" s="160">
        <v>3</v>
      </c>
      <c r="S7" s="160">
        <v>12</v>
      </c>
      <c r="T7" s="160">
        <v>18</v>
      </c>
      <c r="U7" s="160">
        <v>58</v>
      </c>
      <c r="V7" s="160">
        <v>75</v>
      </c>
      <c r="W7" s="165">
        <v>166</v>
      </c>
      <c r="X7" s="164">
        <v>167</v>
      </c>
      <c r="Y7" s="159">
        <v>90</v>
      </c>
      <c r="Z7" s="160">
        <v>268</v>
      </c>
      <c r="AA7" s="165">
        <v>358</v>
      </c>
      <c r="AB7" s="162">
        <v>0</v>
      </c>
      <c r="AC7" s="160">
        <v>390</v>
      </c>
      <c r="AD7" s="160">
        <v>770</v>
      </c>
      <c r="AE7" s="160">
        <v>424</v>
      </c>
      <c r="AF7" s="160">
        <v>290</v>
      </c>
      <c r="AG7" s="160">
        <v>152</v>
      </c>
      <c r="AH7" s="165">
        <v>2026</v>
      </c>
      <c r="AI7" s="164">
        <v>2384</v>
      </c>
      <c r="AJ7" s="159">
        <v>10</v>
      </c>
      <c r="AK7" s="160">
        <v>27</v>
      </c>
      <c r="AL7" s="165">
        <v>37</v>
      </c>
      <c r="AM7" s="162">
        <v>0</v>
      </c>
      <c r="AN7" s="160">
        <v>28</v>
      </c>
      <c r="AO7" s="160">
        <v>44</v>
      </c>
      <c r="AP7" s="160">
        <v>40</v>
      </c>
      <c r="AQ7" s="160">
        <v>24</v>
      </c>
      <c r="AR7" s="160">
        <v>16</v>
      </c>
      <c r="AS7" s="165">
        <v>152</v>
      </c>
      <c r="AT7" s="164">
        <v>189</v>
      </c>
      <c r="AU7" s="159">
        <v>117</v>
      </c>
      <c r="AV7" s="160">
        <v>211</v>
      </c>
      <c r="AW7" s="165">
        <v>328</v>
      </c>
      <c r="AX7" s="162">
        <v>0</v>
      </c>
      <c r="AY7" s="160">
        <v>554</v>
      </c>
      <c r="AZ7" s="160">
        <v>885</v>
      </c>
      <c r="BA7" s="160">
        <v>671</v>
      </c>
      <c r="BB7" s="160">
        <v>603</v>
      </c>
      <c r="BC7" s="160">
        <v>364</v>
      </c>
      <c r="BD7" s="163">
        <v>3077</v>
      </c>
      <c r="BE7" s="164">
        <v>3405</v>
      </c>
      <c r="BF7" s="159">
        <v>0</v>
      </c>
      <c r="BG7" s="160">
        <v>0</v>
      </c>
      <c r="BH7" s="165">
        <v>0</v>
      </c>
      <c r="BI7" s="162">
        <v>0</v>
      </c>
      <c r="BJ7" s="160">
        <v>605</v>
      </c>
      <c r="BK7" s="160">
        <v>638</v>
      </c>
      <c r="BL7" s="160">
        <v>323</v>
      </c>
      <c r="BM7" s="160">
        <v>138</v>
      </c>
      <c r="BN7" s="160">
        <v>69</v>
      </c>
      <c r="BO7" s="165">
        <v>1773</v>
      </c>
      <c r="BP7" s="164">
        <v>1773</v>
      </c>
      <c r="BQ7" s="159">
        <v>70</v>
      </c>
      <c r="BR7" s="160">
        <v>105</v>
      </c>
      <c r="BS7" s="165">
        <v>175</v>
      </c>
      <c r="BT7" s="162">
        <v>0</v>
      </c>
      <c r="BU7" s="160">
        <v>146</v>
      </c>
      <c r="BV7" s="160">
        <v>248</v>
      </c>
      <c r="BW7" s="160">
        <v>152</v>
      </c>
      <c r="BX7" s="160">
        <v>75</v>
      </c>
      <c r="BY7" s="160">
        <v>22</v>
      </c>
      <c r="BZ7" s="165">
        <v>643</v>
      </c>
      <c r="CA7" s="164">
        <v>818</v>
      </c>
      <c r="CB7" s="159">
        <v>5</v>
      </c>
      <c r="CC7" s="160">
        <v>8</v>
      </c>
      <c r="CD7" s="165">
        <v>13</v>
      </c>
      <c r="CE7" s="162">
        <v>0</v>
      </c>
      <c r="CF7" s="160">
        <v>62</v>
      </c>
      <c r="CG7" s="160">
        <v>108</v>
      </c>
      <c r="CH7" s="160">
        <v>138</v>
      </c>
      <c r="CI7" s="160">
        <v>74</v>
      </c>
      <c r="CJ7" s="160">
        <v>40</v>
      </c>
      <c r="CK7" s="165">
        <v>422</v>
      </c>
      <c r="CL7" s="164">
        <v>435</v>
      </c>
      <c r="CM7" s="159">
        <v>0</v>
      </c>
      <c r="CN7" s="160">
        <v>2</v>
      </c>
      <c r="CO7" s="165">
        <v>2</v>
      </c>
      <c r="CP7" s="162">
        <v>0</v>
      </c>
      <c r="CQ7" s="160">
        <v>9</v>
      </c>
      <c r="CR7" s="160">
        <v>29</v>
      </c>
      <c r="CS7" s="160">
        <v>28</v>
      </c>
      <c r="CT7" s="160">
        <v>23</v>
      </c>
      <c r="CU7" s="160">
        <v>14</v>
      </c>
      <c r="CV7" s="165">
        <v>103</v>
      </c>
      <c r="CW7" s="164">
        <v>105</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223</v>
      </c>
      <c r="DU7" s="160">
        <v>684</v>
      </c>
      <c r="DV7" s="165">
        <v>907</v>
      </c>
      <c r="DW7" s="162">
        <v>0</v>
      </c>
      <c r="DX7" s="160">
        <v>606</v>
      </c>
      <c r="DY7" s="160">
        <v>1584</v>
      </c>
      <c r="DZ7" s="160">
        <v>856</v>
      </c>
      <c r="EA7" s="160">
        <v>548</v>
      </c>
      <c r="EB7" s="160">
        <v>318</v>
      </c>
      <c r="EC7" s="165">
        <v>3912</v>
      </c>
      <c r="ED7" s="164">
        <v>4819</v>
      </c>
      <c r="EE7" s="159">
        <v>67</v>
      </c>
      <c r="EF7" s="160">
        <v>68</v>
      </c>
      <c r="EG7" s="165">
        <v>135</v>
      </c>
      <c r="EH7" s="162">
        <v>0</v>
      </c>
      <c r="EI7" s="160">
        <v>216</v>
      </c>
      <c r="EJ7" s="160">
        <v>275</v>
      </c>
      <c r="EK7" s="160">
        <v>217</v>
      </c>
      <c r="EL7" s="160">
        <v>224</v>
      </c>
      <c r="EM7" s="160">
        <v>96</v>
      </c>
      <c r="EN7" s="165">
        <v>1028</v>
      </c>
      <c r="EO7" s="164">
        <v>1163</v>
      </c>
      <c r="EP7" s="159">
        <v>370</v>
      </c>
      <c r="EQ7" s="160">
        <v>901</v>
      </c>
      <c r="ER7" s="165">
        <v>1271</v>
      </c>
      <c r="ES7" s="162">
        <v>0</v>
      </c>
      <c r="ET7" s="160">
        <v>1612</v>
      </c>
      <c r="EU7" s="160">
        <v>2172</v>
      </c>
      <c r="EV7" s="160">
        <v>1049</v>
      </c>
      <c r="EW7" s="160">
        <v>606</v>
      </c>
      <c r="EX7" s="160">
        <v>320</v>
      </c>
      <c r="EY7" s="165">
        <v>5759</v>
      </c>
      <c r="EZ7" s="164">
        <v>7030</v>
      </c>
    </row>
    <row r="8" spans="2:156" ht="21" customHeight="1" x14ac:dyDescent="0.2">
      <c r="B8" s="166" t="s">
        <v>6</v>
      </c>
      <c r="C8" s="159">
        <v>0</v>
      </c>
      <c r="D8" s="160">
        <v>0</v>
      </c>
      <c r="E8" s="161">
        <v>0</v>
      </c>
      <c r="F8" s="162">
        <v>0</v>
      </c>
      <c r="G8" s="160">
        <v>162</v>
      </c>
      <c r="H8" s="160">
        <v>170</v>
      </c>
      <c r="I8" s="160">
        <v>76</v>
      </c>
      <c r="J8" s="160">
        <v>72</v>
      </c>
      <c r="K8" s="160">
        <v>51</v>
      </c>
      <c r="L8" s="163">
        <v>531</v>
      </c>
      <c r="M8" s="164">
        <v>531</v>
      </c>
      <c r="N8" s="159">
        <v>0</v>
      </c>
      <c r="O8" s="160">
        <v>0</v>
      </c>
      <c r="P8" s="165">
        <v>0</v>
      </c>
      <c r="Q8" s="162">
        <v>0</v>
      </c>
      <c r="R8" s="160">
        <v>1</v>
      </c>
      <c r="S8" s="160">
        <v>1</v>
      </c>
      <c r="T8" s="160">
        <v>1</v>
      </c>
      <c r="U8" s="160">
        <v>11</v>
      </c>
      <c r="V8" s="160">
        <v>22</v>
      </c>
      <c r="W8" s="165">
        <v>36</v>
      </c>
      <c r="X8" s="164">
        <v>36</v>
      </c>
      <c r="Y8" s="159">
        <v>28</v>
      </c>
      <c r="Z8" s="160">
        <v>53</v>
      </c>
      <c r="AA8" s="165">
        <v>81</v>
      </c>
      <c r="AB8" s="162">
        <v>0</v>
      </c>
      <c r="AC8" s="160">
        <v>149</v>
      </c>
      <c r="AD8" s="160">
        <v>176</v>
      </c>
      <c r="AE8" s="160">
        <v>82</v>
      </c>
      <c r="AF8" s="160">
        <v>67</v>
      </c>
      <c r="AG8" s="160">
        <v>51</v>
      </c>
      <c r="AH8" s="165">
        <v>525</v>
      </c>
      <c r="AI8" s="164">
        <v>606</v>
      </c>
      <c r="AJ8" s="159">
        <v>4</v>
      </c>
      <c r="AK8" s="160">
        <v>1</v>
      </c>
      <c r="AL8" s="165">
        <v>5</v>
      </c>
      <c r="AM8" s="162">
        <v>0</v>
      </c>
      <c r="AN8" s="160">
        <v>12</v>
      </c>
      <c r="AO8" s="160">
        <v>13</v>
      </c>
      <c r="AP8" s="160">
        <v>7</v>
      </c>
      <c r="AQ8" s="160">
        <v>2</v>
      </c>
      <c r="AR8" s="160">
        <v>6</v>
      </c>
      <c r="AS8" s="165">
        <v>40</v>
      </c>
      <c r="AT8" s="164">
        <v>45</v>
      </c>
      <c r="AU8" s="159">
        <v>49</v>
      </c>
      <c r="AV8" s="160">
        <v>53</v>
      </c>
      <c r="AW8" s="165">
        <v>102</v>
      </c>
      <c r="AX8" s="162">
        <v>0</v>
      </c>
      <c r="AY8" s="160">
        <v>264</v>
      </c>
      <c r="AZ8" s="160">
        <v>243</v>
      </c>
      <c r="BA8" s="160">
        <v>187</v>
      </c>
      <c r="BB8" s="160">
        <v>182</v>
      </c>
      <c r="BC8" s="160">
        <v>122</v>
      </c>
      <c r="BD8" s="163">
        <v>998</v>
      </c>
      <c r="BE8" s="164">
        <v>1100</v>
      </c>
      <c r="BF8" s="159">
        <v>0</v>
      </c>
      <c r="BG8" s="160">
        <v>0</v>
      </c>
      <c r="BH8" s="165">
        <v>0</v>
      </c>
      <c r="BI8" s="162">
        <v>0</v>
      </c>
      <c r="BJ8" s="160">
        <v>240</v>
      </c>
      <c r="BK8" s="160">
        <v>223</v>
      </c>
      <c r="BL8" s="160">
        <v>82</v>
      </c>
      <c r="BM8" s="160">
        <v>52</v>
      </c>
      <c r="BN8" s="160">
        <v>17</v>
      </c>
      <c r="BO8" s="165">
        <v>614</v>
      </c>
      <c r="BP8" s="164">
        <v>614</v>
      </c>
      <c r="BQ8" s="159">
        <v>11</v>
      </c>
      <c r="BR8" s="160">
        <v>11</v>
      </c>
      <c r="BS8" s="165">
        <v>22</v>
      </c>
      <c r="BT8" s="162">
        <v>0</v>
      </c>
      <c r="BU8" s="160">
        <v>51</v>
      </c>
      <c r="BV8" s="160">
        <v>64</v>
      </c>
      <c r="BW8" s="160">
        <v>27</v>
      </c>
      <c r="BX8" s="160">
        <v>18</v>
      </c>
      <c r="BY8" s="160">
        <v>9</v>
      </c>
      <c r="BZ8" s="165">
        <v>169</v>
      </c>
      <c r="CA8" s="164">
        <v>191</v>
      </c>
      <c r="CB8" s="159">
        <v>0</v>
      </c>
      <c r="CC8" s="160">
        <v>0</v>
      </c>
      <c r="CD8" s="165">
        <v>0</v>
      </c>
      <c r="CE8" s="162">
        <v>0</v>
      </c>
      <c r="CF8" s="160">
        <v>15</v>
      </c>
      <c r="CG8" s="160">
        <v>39</v>
      </c>
      <c r="CH8" s="160">
        <v>28</v>
      </c>
      <c r="CI8" s="160">
        <v>15</v>
      </c>
      <c r="CJ8" s="160">
        <v>14</v>
      </c>
      <c r="CK8" s="165">
        <v>111</v>
      </c>
      <c r="CL8" s="164">
        <v>111</v>
      </c>
      <c r="CM8" s="159">
        <v>0</v>
      </c>
      <c r="CN8" s="160">
        <v>0</v>
      </c>
      <c r="CO8" s="165">
        <v>0</v>
      </c>
      <c r="CP8" s="162">
        <v>0</v>
      </c>
      <c r="CQ8" s="160">
        <v>2</v>
      </c>
      <c r="CR8" s="160">
        <v>8</v>
      </c>
      <c r="CS8" s="160">
        <v>4</v>
      </c>
      <c r="CT8" s="160">
        <v>9</v>
      </c>
      <c r="CU8" s="160">
        <v>2</v>
      </c>
      <c r="CV8" s="165">
        <v>25</v>
      </c>
      <c r="CW8" s="164">
        <v>25</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77</v>
      </c>
      <c r="DU8" s="160">
        <v>157</v>
      </c>
      <c r="DV8" s="165">
        <v>234</v>
      </c>
      <c r="DW8" s="162">
        <v>0</v>
      </c>
      <c r="DX8" s="160">
        <v>272</v>
      </c>
      <c r="DY8" s="160">
        <v>378</v>
      </c>
      <c r="DZ8" s="160">
        <v>202</v>
      </c>
      <c r="EA8" s="160">
        <v>154</v>
      </c>
      <c r="EB8" s="160">
        <v>94</v>
      </c>
      <c r="EC8" s="165">
        <v>1100</v>
      </c>
      <c r="ED8" s="164">
        <v>1334</v>
      </c>
      <c r="EE8" s="159">
        <v>29</v>
      </c>
      <c r="EF8" s="160">
        <v>14</v>
      </c>
      <c r="EG8" s="165">
        <v>43</v>
      </c>
      <c r="EH8" s="162">
        <v>0</v>
      </c>
      <c r="EI8" s="160">
        <v>97</v>
      </c>
      <c r="EJ8" s="160">
        <v>74</v>
      </c>
      <c r="EK8" s="160">
        <v>61</v>
      </c>
      <c r="EL8" s="160">
        <v>65</v>
      </c>
      <c r="EM8" s="160">
        <v>31</v>
      </c>
      <c r="EN8" s="165">
        <v>328</v>
      </c>
      <c r="EO8" s="164">
        <v>371</v>
      </c>
      <c r="EP8" s="159">
        <v>107</v>
      </c>
      <c r="EQ8" s="160">
        <v>187</v>
      </c>
      <c r="ER8" s="165">
        <v>294</v>
      </c>
      <c r="ES8" s="162">
        <v>0</v>
      </c>
      <c r="ET8" s="160">
        <v>595</v>
      </c>
      <c r="EU8" s="160">
        <v>536</v>
      </c>
      <c r="EV8" s="160">
        <v>236</v>
      </c>
      <c r="EW8" s="160">
        <v>158</v>
      </c>
      <c r="EX8" s="160">
        <v>98</v>
      </c>
      <c r="EY8" s="165">
        <v>1623</v>
      </c>
      <c r="EZ8" s="164">
        <v>1917</v>
      </c>
    </row>
    <row r="9" spans="2:156" ht="21" customHeight="1" x14ac:dyDescent="0.2">
      <c r="B9" s="166" t="s">
        <v>14</v>
      </c>
      <c r="C9" s="159">
        <v>0</v>
      </c>
      <c r="D9" s="160">
        <v>0</v>
      </c>
      <c r="E9" s="161">
        <v>0</v>
      </c>
      <c r="F9" s="162">
        <v>0</v>
      </c>
      <c r="G9" s="160">
        <v>58</v>
      </c>
      <c r="H9" s="160">
        <v>106</v>
      </c>
      <c r="I9" s="160">
        <v>52</v>
      </c>
      <c r="J9" s="160">
        <v>28</v>
      </c>
      <c r="K9" s="160">
        <v>32</v>
      </c>
      <c r="L9" s="163">
        <v>276</v>
      </c>
      <c r="M9" s="164">
        <v>276</v>
      </c>
      <c r="N9" s="159">
        <v>0</v>
      </c>
      <c r="O9" s="160">
        <v>0</v>
      </c>
      <c r="P9" s="165">
        <v>0</v>
      </c>
      <c r="Q9" s="162">
        <v>0</v>
      </c>
      <c r="R9" s="160">
        <v>0</v>
      </c>
      <c r="S9" s="160">
        <v>1</v>
      </c>
      <c r="T9" s="160">
        <v>2</v>
      </c>
      <c r="U9" s="160">
        <v>5</v>
      </c>
      <c r="V9" s="160">
        <v>6</v>
      </c>
      <c r="W9" s="165">
        <v>14</v>
      </c>
      <c r="X9" s="164">
        <v>14</v>
      </c>
      <c r="Y9" s="159">
        <v>14</v>
      </c>
      <c r="Z9" s="160">
        <v>30</v>
      </c>
      <c r="AA9" s="165">
        <v>44</v>
      </c>
      <c r="AB9" s="162">
        <v>0</v>
      </c>
      <c r="AC9" s="160">
        <v>50</v>
      </c>
      <c r="AD9" s="160">
        <v>108</v>
      </c>
      <c r="AE9" s="160">
        <v>61</v>
      </c>
      <c r="AF9" s="160">
        <v>36</v>
      </c>
      <c r="AG9" s="160">
        <v>27</v>
      </c>
      <c r="AH9" s="165">
        <v>282</v>
      </c>
      <c r="AI9" s="164">
        <v>326</v>
      </c>
      <c r="AJ9" s="159">
        <v>1</v>
      </c>
      <c r="AK9" s="160">
        <v>2</v>
      </c>
      <c r="AL9" s="165">
        <v>3</v>
      </c>
      <c r="AM9" s="162">
        <v>0</v>
      </c>
      <c r="AN9" s="160">
        <v>2</v>
      </c>
      <c r="AO9" s="160">
        <v>4</v>
      </c>
      <c r="AP9" s="160">
        <v>2</v>
      </c>
      <c r="AQ9" s="160">
        <v>5</v>
      </c>
      <c r="AR9" s="160">
        <v>0</v>
      </c>
      <c r="AS9" s="165">
        <v>13</v>
      </c>
      <c r="AT9" s="164">
        <v>16</v>
      </c>
      <c r="AU9" s="159">
        <v>25</v>
      </c>
      <c r="AV9" s="160">
        <v>22</v>
      </c>
      <c r="AW9" s="165">
        <v>47</v>
      </c>
      <c r="AX9" s="162">
        <v>0</v>
      </c>
      <c r="AY9" s="160">
        <v>90</v>
      </c>
      <c r="AZ9" s="160">
        <v>142</v>
      </c>
      <c r="BA9" s="160">
        <v>110</v>
      </c>
      <c r="BB9" s="160">
        <v>94</v>
      </c>
      <c r="BC9" s="160">
        <v>65</v>
      </c>
      <c r="BD9" s="163">
        <v>501</v>
      </c>
      <c r="BE9" s="164">
        <v>548</v>
      </c>
      <c r="BF9" s="159">
        <v>0</v>
      </c>
      <c r="BG9" s="160">
        <v>0</v>
      </c>
      <c r="BH9" s="165">
        <v>0</v>
      </c>
      <c r="BI9" s="162">
        <v>0</v>
      </c>
      <c r="BJ9" s="160">
        <v>103</v>
      </c>
      <c r="BK9" s="160">
        <v>129</v>
      </c>
      <c r="BL9" s="160">
        <v>83</v>
      </c>
      <c r="BM9" s="160">
        <v>31</v>
      </c>
      <c r="BN9" s="160">
        <v>13</v>
      </c>
      <c r="BO9" s="165">
        <v>359</v>
      </c>
      <c r="BP9" s="164">
        <v>359</v>
      </c>
      <c r="BQ9" s="159">
        <v>6</v>
      </c>
      <c r="BR9" s="160">
        <v>13</v>
      </c>
      <c r="BS9" s="165">
        <v>19</v>
      </c>
      <c r="BT9" s="162">
        <v>0</v>
      </c>
      <c r="BU9" s="160">
        <v>9</v>
      </c>
      <c r="BV9" s="160">
        <v>26</v>
      </c>
      <c r="BW9" s="160">
        <v>15</v>
      </c>
      <c r="BX9" s="160">
        <v>9</v>
      </c>
      <c r="BY9" s="160">
        <v>2</v>
      </c>
      <c r="BZ9" s="165">
        <v>61</v>
      </c>
      <c r="CA9" s="164">
        <v>80</v>
      </c>
      <c r="CB9" s="159">
        <v>0</v>
      </c>
      <c r="CC9" s="160">
        <v>1</v>
      </c>
      <c r="CD9" s="165">
        <v>1</v>
      </c>
      <c r="CE9" s="162">
        <v>0</v>
      </c>
      <c r="CF9" s="160">
        <v>7</v>
      </c>
      <c r="CG9" s="160">
        <v>22</v>
      </c>
      <c r="CH9" s="160">
        <v>29</v>
      </c>
      <c r="CI9" s="160">
        <v>15</v>
      </c>
      <c r="CJ9" s="160">
        <v>10</v>
      </c>
      <c r="CK9" s="165">
        <v>83</v>
      </c>
      <c r="CL9" s="164">
        <v>84</v>
      </c>
      <c r="CM9" s="159">
        <v>0</v>
      </c>
      <c r="CN9" s="160">
        <v>0</v>
      </c>
      <c r="CO9" s="165">
        <v>0</v>
      </c>
      <c r="CP9" s="162">
        <v>0</v>
      </c>
      <c r="CQ9" s="160">
        <v>0</v>
      </c>
      <c r="CR9" s="160">
        <v>1</v>
      </c>
      <c r="CS9" s="160">
        <v>0</v>
      </c>
      <c r="CT9" s="160">
        <v>0</v>
      </c>
      <c r="CU9" s="160">
        <v>1</v>
      </c>
      <c r="CV9" s="165">
        <v>2</v>
      </c>
      <c r="CW9" s="164">
        <v>2</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38</v>
      </c>
      <c r="DU9" s="160">
        <v>122</v>
      </c>
      <c r="DV9" s="165">
        <v>160</v>
      </c>
      <c r="DW9" s="162">
        <v>0</v>
      </c>
      <c r="DX9" s="160">
        <v>114</v>
      </c>
      <c r="DY9" s="160">
        <v>266</v>
      </c>
      <c r="DZ9" s="160">
        <v>155</v>
      </c>
      <c r="EA9" s="160">
        <v>93</v>
      </c>
      <c r="EB9" s="160">
        <v>57</v>
      </c>
      <c r="EC9" s="165">
        <v>685</v>
      </c>
      <c r="ED9" s="164">
        <v>845</v>
      </c>
      <c r="EE9" s="159">
        <v>13</v>
      </c>
      <c r="EF9" s="160">
        <v>6</v>
      </c>
      <c r="EG9" s="165">
        <v>19</v>
      </c>
      <c r="EH9" s="162">
        <v>0</v>
      </c>
      <c r="EI9" s="160">
        <v>29</v>
      </c>
      <c r="EJ9" s="160">
        <v>34</v>
      </c>
      <c r="EK9" s="160">
        <v>27</v>
      </c>
      <c r="EL9" s="160">
        <v>21</v>
      </c>
      <c r="EM9" s="160">
        <v>12</v>
      </c>
      <c r="EN9" s="165">
        <v>123</v>
      </c>
      <c r="EO9" s="164">
        <v>142</v>
      </c>
      <c r="EP9" s="159">
        <v>56</v>
      </c>
      <c r="EQ9" s="160">
        <v>148</v>
      </c>
      <c r="ER9" s="165">
        <v>204</v>
      </c>
      <c r="ES9" s="162">
        <v>0</v>
      </c>
      <c r="ET9" s="160">
        <v>277</v>
      </c>
      <c r="EU9" s="160">
        <v>362</v>
      </c>
      <c r="EV9" s="160">
        <v>193</v>
      </c>
      <c r="EW9" s="160">
        <v>100</v>
      </c>
      <c r="EX9" s="160">
        <v>56</v>
      </c>
      <c r="EY9" s="165">
        <v>988</v>
      </c>
      <c r="EZ9" s="164">
        <v>1192</v>
      </c>
    </row>
    <row r="10" spans="2:156" ht="21" customHeight="1" x14ac:dyDescent="0.2">
      <c r="B10" s="166" t="s">
        <v>7</v>
      </c>
      <c r="C10" s="159">
        <v>0</v>
      </c>
      <c r="D10" s="160">
        <v>0</v>
      </c>
      <c r="E10" s="161">
        <v>0</v>
      </c>
      <c r="F10" s="162">
        <v>0</v>
      </c>
      <c r="G10" s="160">
        <v>104</v>
      </c>
      <c r="H10" s="160">
        <v>79</v>
      </c>
      <c r="I10" s="160">
        <v>38</v>
      </c>
      <c r="J10" s="160">
        <v>30</v>
      </c>
      <c r="K10" s="160">
        <v>26</v>
      </c>
      <c r="L10" s="163">
        <v>277</v>
      </c>
      <c r="M10" s="164">
        <v>277</v>
      </c>
      <c r="N10" s="159">
        <v>0</v>
      </c>
      <c r="O10" s="160">
        <v>0</v>
      </c>
      <c r="P10" s="165">
        <v>0</v>
      </c>
      <c r="Q10" s="162">
        <v>0</v>
      </c>
      <c r="R10" s="160">
        <v>0</v>
      </c>
      <c r="S10" s="160">
        <v>3</v>
      </c>
      <c r="T10" s="160">
        <v>5</v>
      </c>
      <c r="U10" s="160">
        <v>14</v>
      </c>
      <c r="V10" s="160">
        <v>15</v>
      </c>
      <c r="W10" s="165">
        <v>37</v>
      </c>
      <c r="X10" s="164">
        <v>37</v>
      </c>
      <c r="Y10" s="159">
        <v>1</v>
      </c>
      <c r="Z10" s="160">
        <v>3</v>
      </c>
      <c r="AA10" s="165">
        <v>4</v>
      </c>
      <c r="AB10" s="162">
        <v>0</v>
      </c>
      <c r="AC10" s="160">
        <v>52</v>
      </c>
      <c r="AD10" s="160">
        <v>51</v>
      </c>
      <c r="AE10" s="160">
        <v>18</v>
      </c>
      <c r="AF10" s="160">
        <v>23</v>
      </c>
      <c r="AG10" s="160">
        <v>24</v>
      </c>
      <c r="AH10" s="165">
        <v>168</v>
      </c>
      <c r="AI10" s="164">
        <v>172</v>
      </c>
      <c r="AJ10" s="159">
        <v>0</v>
      </c>
      <c r="AK10" s="160">
        <v>1</v>
      </c>
      <c r="AL10" s="165">
        <v>1</v>
      </c>
      <c r="AM10" s="162">
        <v>0</v>
      </c>
      <c r="AN10" s="160">
        <v>12</v>
      </c>
      <c r="AO10" s="160">
        <v>5</v>
      </c>
      <c r="AP10" s="160">
        <v>3</v>
      </c>
      <c r="AQ10" s="160">
        <v>3</v>
      </c>
      <c r="AR10" s="160">
        <v>1</v>
      </c>
      <c r="AS10" s="165">
        <v>24</v>
      </c>
      <c r="AT10" s="164">
        <v>25</v>
      </c>
      <c r="AU10" s="159">
        <v>25</v>
      </c>
      <c r="AV10" s="160">
        <v>14</v>
      </c>
      <c r="AW10" s="165">
        <v>39</v>
      </c>
      <c r="AX10" s="162">
        <v>0</v>
      </c>
      <c r="AY10" s="160">
        <v>133</v>
      </c>
      <c r="AZ10" s="160">
        <v>133</v>
      </c>
      <c r="BA10" s="160">
        <v>90</v>
      </c>
      <c r="BB10" s="160">
        <v>83</v>
      </c>
      <c r="BC10" s="160">
        <v>53</v>
      </c>
      <c r="BD10" s="163">
        <v>492</v>
      </c>
      <c r="BE10" s="164">
        <v>531</v>
      </c>
      <c r="BF10" s="159">
        <v>0</v>
      </c>
      <c r="BG10" s="160">
        <v>0</v>
      </c>
      <c r="BH10" s="165">
        <v>0</v>
      </c>
      <c r="BI10" s="162">
        <v>0</v>
      </c>
      <c r="BJ10" s="160">
        <v>154</v>
      </c>
      <c r="BK10" s="160">
        <v>87</v>
      </c>
      <c r="BL10" s="160">
        <v>43</v>
      </c>
      <c r="BM10" s="160">
        <v>19</v>
      </c>
      <c r="BN10" s="160">
        <v>11</v>
      </c>
      <c r="BO10" s="165">
        <v>314</v>
      </c>
      <c r="BP10" s="164">
        <v>314</v>
      </c>
      <c r="BQ10" s="159">
        <v>3</v>
      </c>
      <c r="BR10" s="160">
        <v>6</v>
      </c>
      <c r="BS10" s="165">
        <v>9</v>
      </c>
      <c r="BT10" s="162">
        <v>0</v>
      </c>
      <c r="BU10" s="160">
        <v>26</v>
      </c>
      <c r="BV10" s="160">
        <v>27</v>
      </c>
      <c r="BW10" s="160">
        <v>9</v>
      </c>
      <c r="BX10" s="160">
        <v>6</v>
      </c>
      <c r="BY10" s="160">
        <v>4</v>
      </c>
      <c r="BZ10" s="165">
        <v>72</v>
      </c>
      <c r="CA10" s="164">
        <v>81</v>
      </c>
      <c r="CB10" s="159">
        <v>0</v>
      </c>
      <c r="CC10" s="160">
        <v>1</v>
      </c>
      <c r="CD10" s="165">
        <v>1</v>
      </c>
      <c r="CE10" s="162">
        <v>0</v>
      </c>
      <c r="CF10" s="160">
        <v>22</v>
      </c>
      <c r="CG10" s="160">
        <v>30</v>
      </c>
      <c r="CH10" s="160">
        <v>23</v>
      </c>
      <c r="CI10" s="160">
        <v>17</v>
      </c>
      <c r="CJ10" s="160">
        <v>10</v>
      </c>
      <c r="CK10" s="165">
        <v>102</v>
      </c>
      <c r="CL10" s="164">
        <v>103</v>
      </c>
      <c r="CM10" s="159">
        <v>0</v>
      </c>
      <c r="CN10" s="160">
        <v>0</v>
      </c>
      <c r="CO10" s="165">
        <v>0</v>
      </c>
      <c r="CP10" s="162">
        <v>0</v>
      </c>
      <c r="CQ10" s="160">
        <v>1</v>
      </c>
      <c r="CR10" s="160">
        <v>4</v>
      </c>
      <c r="CS10" s="160">
        <v>1</v>
      </c>
      <c r="CT10" s="160">
        <v>0</v>
      </c>
      <c r="CU10" s="160">
        <v>1</v>
      </c>
      <c r="CV10" s="165">
        <v>7</v>
      </c>
      <c r="CW10" s="164">
        <v>7</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35</v>
      </c>
      <c r="DU10" s="160">
        <v>46</v>
      </c>
      <c r="DV10" s="165">
        <v>81</v>
      </c>
      <c r="DW10" s="162">
        <v>0</v>
      </c>
      <c r="DX10" s="160">
        <v>170</v>
      </c>
      <c r="DY10" s="160">
        <v>173</v>
      </c>
      <c r="DZ10" s="160">
        <v>91</v>
      </c>
      <c r="EA10" s="160">
        <v>64</v>
      </c>
      <c r="EB10" s="160">
        <v>51</v>
      </c>
      <c r="EC10" s="165">
        <v>549</v>
      </c>
      <c r="ED10" s="164">
        <v>630</v>
      </c>
      <c r="EE10" s="159">
        <v>18</v>
      </c>
      <c r="EF10" s="160">
        <v>14</v>
      </c>
      <c r="EG10" s="165">
        <v>32</v>
      </c>
      <c r="EH10" s="162">
        <v>0</v>
      </c>
      <c r="EI10" s="160">
        <v>54</v>
      </c>
      <c r="EJ10" s="160">
        <v>38</v>
      </c>
      <c r="EK10" s="160">
        <v>26</v>
      </c>
      <c r="EL10" s="160">
        <v>33</v>
      </c>
      <c r="EM10" s="160">
        <v>20</v>
      </c>
      <c r="EN10" s="165">
        <v>171</v>
      </c>
      <c r="EO10" s="164">
        <v>203</v>
      </c>
      <c r="EP10" s="159">
        <v>39</v>
      </c>
      <c r="EQ10" s="160">
        <v>50</v>
      </c>
      <c r="ER10" s="165">
        <v>89</v>
      </c>
      <c r="ES10" s="162">
        <v>0</v>
      </c>
      <c r="ET10" s="160">
        <v>379</v>
      </c>
      <c r="EU10" s="160">
        <v>253</v>
      </c>
      <c r="EV10" s="160">
        <v>111</v>
      </c>
      <c r="EW10" s="160">
        <v>75</v>
      </c>
      <c r="EX10" s="160">
        <v>45</v>
      </c>
      <c r="EY10" s="165">
        <v>863</v>
      </c>
      <c r="EZ10" s="164">
        <v>952</v>
      </c>
    </row>
    <row r="11" spans="2:156" ht="21" customHeight="1" x14ac:dyDescent="0.2">
      <c r="B11" s="166" t="s">
        <v>8</v>
      </c>
      <c r="C11" s="159">
        <v>0</v>
      </c>
      <c r="D11" s="160">
        <v>0</v>
      </c>
      <c r="E11" s="161">
        <v>0</v>
      </c>
      <c r="F11" s="162">
        <v>0</v>
      </c>
      <c r="G11" s="160">
        <v>27</v>
      </c>
      <c r="H11" s="160">
        <v>25</v>
      </c>
      <c r="I11" s="160">
        <v>20</v>
      </c>
      <c r="J11" s="160">
        <v>14</v>
      </c>
      <c r="K11" s="160">
        <v>12</v>
      </c>
      <c r="L11" s="163">
        <v>98</v>
      </c>
      <c r="M11" s="164">
        <v>98</v>
      </c>
      <c r="N11" s="159">
        <v>0</v>
      </c>
      <c r="O11" s="160">
        <v>0</v>
      </c>
      <c r="P11" s="165">
        <v>0</v>
      </c>
      <c r="Q11" s="162">
        <v>0</v>
      </c>
      <c r="R11" s="160">
        <v>1</v>
      </c>
      <c r="S11" s="160">
        <v>1</v>
      </c>
      <c r="T11" s="160">
        <v>2</v>
      </c>
      <c r="U11" s="160">
        <v>0</v>
      </c>
      <c r="V11" s="160">
        <v>2</v>
      </c>
      <c r="W11" s="165">
        <v>6</v>
      </c>
      <c r="X11" s="164">
        <v>6</v>
      </c>
      <c r="Y11" s="159">
        <v>3</v>
      </c>
      <c r="Z11" s="160">
        <v>3</v>
      </c>
      <c r="AA11" s="165">
        <v>6</v>
      </c>
      <c r="AB11" s="162">
        <v>0</v>
      </c>
      <c r="AC11" s="160">
        <v>21</v>
      </c>
      <c r="AD11" s="160">
        <v>32</v>
      </c>
      <c r="AE11" s="160">
        <v>25</v>
      </c>
      <c r="AF11" s="160">
        <v>17</v>
      </c>
      <c r="AG11" s="160">
        <v>8</v>
      </c>
      <c r="AH11" s="165">
        <v>103</v>
      </c>
      <c r="AI11" s="164">
        <v>109</v>
      </c>
      <c r="AJ11" s="159">
        <v>1</v>
      </c>
      <c r="AK11" s="160">
        <v>1</v>
      </c>
      <c r="AL11" s="165">
        <v>2</v>
      </c>
      <c r="AM11" s="162">
        <v>0</v>
      </c>
      <c r="AN11" s="160">
        <v>5</v>
      </c>
      <c r="AO11" s="160">
        <v>3</v>
      </c>
      <c r="AP11" s="160">
        <v>6</v>
      </c>
      <c r="AQ11" s="160">
        <v>3</v>
      </c>
      <c r="AR11" s="160">
        <v>1</v>
      </c>
      <c r="AS11" s="165">
        <v>18</v>
      </c>
      <c r="AT11" s="164">
        <v>20</v>
      </c>
      <c r="AU11" s="159">
        <v>7</v>
      </c>
      <c r="AV11" s="160">
        <v>5</v>
      </c>
      <c r="AW11" s="165">
        <v>12</v>
      </c>
      <c r="AX11" s="162">
        <v>0</v>
      </c>
      <c r="AY11" s="160">
        <v>37</v>
      </c>
      <c r="AZ11" s="160">
        <v>39</v>
      </c>
      <c r="BA11" s="160">
        <v>32</v>
      </c>
      <c r="BB11" s="160">
        <v>34</v>
      </c>
      <c r="BC11" s="160">
        <v>24</v>
      </c>
      <c r="BD11" s="163">
        <v>166</v>
      </c>
      <c r="BE11" s="164">
        <v>178</v>
      </c>
      <c r="BF11" s="159">
        <v>0</v>
      </c>
      <c r="BG11" s="160">
        <v>0</v>
      </c>
      <c r="BH11" s="165">
        <v>0</v>
      </c>
      <c r="BI11" s="162">
        <v>0</v>
      </c>
      <c r="BJ11" s="160">
        <v>40</v>
      </c>
      <c r="BK11" s="160">
        <v>36</v>
      </c>
      <c r="BL11" s="160">
        <v>15</v>
      </c>
      <c r="BM11" s="160">
        <v>17</v>
      </c>
      <c r="BN11" s="160">
        <v>7</v>
      </c>
      <c r="BO11" s="165">
        <v>115</v>
      </c>
      <c r="BP11" s="164">
        <v>115</v>
      </c>
      <c r="BQ11" s="159">
        <v>6</v>
      </c>
      <c r="BR11" s="160">
        <v>4</v>
      </c>
      <c r="BS11" s="165">
        <v>10</v>
      </c>
      <c r="BT11" s="162">
        <v>0</v>
      </c>
      <c r="BU11" s="160">
        <v>10</v>
      </c>
      <c r="BV11" s="160">
        <v>14</v>
      </c>
      <c r="BW11" s="160">
        <v>7</v>
      </c>
      <c r="BX11" s="160">
        <v>1</v>
      </c>
      <c r="BY11" s="160">
        <v>1</v>
      </c>
      <c r="BZ11" s="165">
        <v>33</v>
      </c>
      <c r="CA11" s="164">
        <v>43</v>
      </c>
      <c r="CB11" s="159">
        <v>0</v>
      </c>
      <c r="CC11" s="160">
        <v>1</v>
      </c>
      <c r="CD11" s="165">
        <v>1</v>
      </c>
      <c r="CE11" s="162">
        <v>0</v>
      </c>
      <c r="CF11" s="160">
        <v>4</v>
      </c>
      <c r="CG11" s="160">
        <v>4</v>
      </c>
      <c r="CH11" s="160">
        <v>13</v>
      </c>
      <c r="CI11" s="160">
        <v>7</v>
      </c>
      <c r="CJ11" s="160">
        <v>2</v>
      </c>
      <c r="CK11" s="165">
        <v>30</v>
      </c>
      <c r="CL11" s="164">
        <v>31</v>
      </c>
      <c r="CM11" s="159">
        <v>0</v>
      </c>
      <c r="CN11" s="160">
        <v>0</v>
      </c>
      <c r="CO11" s="165">
        <v>0</v>
      </c>
      <c r="CP11" s="162">
        <v>0</v>
      </c>
      <c r="CQ11" s="160">
        <v>0</v>
      </c>
      <c r="CR11" s="160">
        <v>0</v>
      </c>
      <c r="CS11" s="160">
        <v>1</v>
      </c>
      <c r="CT11" s="160">
        <v>0</v>
      </c>
      <c r="CU11" s="160">
        <v>0</v>
      </c>
      <c r="CV11" s="165">
        <v>1</v>
      </c>
      <c r="CW11" s="164">
        <v>1</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19</v>
      </c>
      <c r="DU11" s="160">
        <v>26</v>
      </c>
      <c r="DV11" s="165">
        <v>45</v>
      </c>
      <c r="DW11" s="162">
        <v>0</v>
      </c>
      <c r="DX11" s="160">
        <v>60</v>
      </c>
      <c r="DY11" s="160">
        <v>93</v>
      </c>
      <c r="DZ11" s="160">
        <v>46</v>
      </c>
      <c r="EA11" s="160">
        <v>36</v>
      </c>
      <c r="EB11" s="160">
        <v>20</v>
      </c>
      <c r="EC11" s="165">
        <v>255</v>
      </c>
      <c r="ED11" s="164">
        <v>300</v>
      </c>
      <c r="EE11" s="159">
        <v>6</v>
      </c>
      <c r="EF11" s="160">
        <v>2</v>
      </c>
      <c r="EG11" s="165">
        <v>8</v>
      </c>
      <c r="EH11" s="162">
        <v>0</v>
      </c>
      <c r="EI11" s="160">
        <v>18</v>
      </c>
      <c r="EJ11" s="160">
        <v>9</v>
      </c>
      <c r="EK11" s="160">
        <v>6</v>
      </c>
      <c r="EL11" s="160">
        <v>8</v>
      </c>
      <c r="EM11" s="160">
        <v>5</v>
      </c>
      <c r="EN11" s="165">
        <v>46</v>
      </c>
      <c r="EO11" s="164">
        <v>54</v>
      </c>
      <c r="EP11" s="159">
        <v>27</v>
      </c>
      <c r="EQ11" s="160">
        <v>30</v>
      </c>
      <c r="ER11" s="165">
        <v>57</v>
      </c>
      <c r="ES11" s="162">
        <v>0</v>
      </c>
      <c r="ET11" s="160">
        <v>112</v>
      </c>
      <c r="EU11" s="160">
        <v>121</v>
      </c>
      <c r="EV11" s="160">
        <v>53</v>
      </c>
      <c r="EW11" s="160">
        <v>36</v>
      </c>
      <c r="EX11" s="160">
        <v>20</v>
      </c>
      <c r="EY11" s="165">
        <v>342</v>
      </c>
      <c r="EZ11" s="164">
        <v>399</v>
      </c>
    </row>
    <row r="12" spans="2:156" ht="21" customHeight="1" x14ac:dyDescent="0.2">
      <c r="B12" s="166" t="s">
        <v>9</v>
      </c>
      <c r="C12" s="159">
        <v>0</v>
      </c>
      <c r="D12" s="160">
        <v>0</v>
      </c>
      <c r="E12" s="161">
        <v>0</v>
      </c>
      <c r="F12" s="162">
        <v>0</v>
      </c>
      <c r="G12" s="160">
        <v>59</v>
      </c>
      <c r="H12" s="160">
        <v>31</v>
      </c>
      <c r="I12" s="160">
        <v>34</v>
      </c>
      <c r="J12" s="160">
        <v>25</v>
      </c>
      <c r="K12" s="160">
        <v>22</v>
      </c>
      <c r="L12" s="163">
        <v>171</v>
      </c>
      <c r="M12" s="164">
        <v>171</v>
      </c>
      <c r="N12" s="159">
        <v>0</v>
      </c>
      <c r="O12" s="160">
        <v>0</v>
      </c>
      <c r="P12" s="165">
        <v>0</v>
      </c>
      <c r="Q12" s="162">
        <v>0</v>
      </c>
      <c r="R12" s="160">
        <v>0</v>
      </c>
      <c r="S12" s="160">
        <v>1</v>
      </c>
      <c r="T12" s="160">
        <v>0</v>
      </c>
      <c r="U12" s="160">
        <v>2</v>
      </c>
      <c r="V12" s="160">
        <v>8</v>
      </c>
      <c r="W12" s="165">
        <v>11</v>
      </c>
      <c r="X12" s="164">
        <v>11</v>
      </c>
      <c r="Y12" s="159">
        <v>9</v>
      </c>
      <c r="Z12" s="160">
        <v>9</v>
      </c>
      <c r="AA12" s="165">
        <v>18</v>
      </c>
      <c r="AB12" s="162">
        <v>0</v>
      </c>
      <c r="AC12" s="160">
        <v>45</v>
      </c>
      <c r="AD12" s="160">
        <v>23</v>
      </c>
      <c r="AE12" s="160">
        <v>30</v>
      </c>
      <c r="AF12" s="160">
        <v>25</v>
      </c>
      <c r="AG12" s="160">
        <v>16</v>
      </c>
      <c r="AH12" s="165">
        <v>139</v>
      </c>
      <c r="AI12" s="164">
        <v>157</v>
      </c>
      <c r="AJ12" s="159">
        <v>0</v>
      </c>
      <c r="AK12" s="160">
        <v>1</v>
      </c>
      <c r="AL12" s="165">
        <v>1</v>
      </c>
      <c r="AM12" s="162">
        <v>0</v>
      </c>
      <c r="AN12" s="160">
        <v>3</v>
      </c>
      <c r="AO12" s="160">
        <v>2</v>
      </c>
      <c r="AP12" s="160">
        <v>0</v>
      </c>
      <c r="AQ12" s="160">
        <v>2</v>
      </c>
      <c r="AR12" s="160">
        <v>4</v>
      </c>
      <c r="AS12" s="165">
        <v>11</v>
      </c>
      <c r="AT12" s="164">
        <v>12</v>
      </c>
      <c r="AU12" s="159">
        <v>6</v>
      </c>
      <c r="AV12" s="160">
        <v>8</v>
      </c>
      <c r="AW12" s="165">
        <v>14</v>
      </c>
      <c r="AX12" s="162">
        <v>0</v>
      </c>
      <c r="AY12" s="160">
        <v>56</v>
      </c>
      <c r="AZ12" s="160">
        <v>49</v>
      </c>
      <c r="BA12" s="160">
        <v>68</v>
      </c>
      <c r="BB12" s="160">
        <v>51</v>
      </c>
      <c r="BC12" s="160">
        <v>24</v>
      </c>
      <c r="BD12" s="163">
        <v>248</v>
      </c>
      <c r="BE12" s="164">
        <v>262</v>
      </c>
      <c r="BF12" s="159">
        <v>0</v>
      </c>
      <c r="BG12" s="160">
        <v>0</v>
      </c>
      <c r="BH12" s="165">
        <v>0</v>
      </c>
      <c r="BI12" s="162">
        <v>0</v>
      </c>
      <c r="BJ12" s="160">
        <v>59</v>
      </c>
      <c r="BK12" s="160">
        <v>29</v>
      </c>
      <c r="BL12" s="160">
        <v>24</v>
      </c>
      <c r="BM12" s="160">
        <v>14</v>
      </c>
      <c r="BN12" s="160">
        <v>3</v>
      </c>
      <c r="BO12" s="165">
        <v>129</v>
      </c>
      <c r="BP12" s="164">
        <v>129</v>
      </c>
      <c r="BQ12" s="159">
        <v>5</v>
      </c>
      <c r="BR12" s="160">
        <v>3</v>
      </c>
      <c r="BS12" s="165">
        <v>8</v>
      </c>
      <c r="BT12" s="162">
        <v>0</v>
      </c>
      <c r="BU12" s="160">
        <v>17</v>
      </c>
      <c r="BV12" s="160">
        <v>15</v>
      </c>
      <c r="BW12" s="160">
        <v>16</v>
      </c>
      <c r="BX12" s="160">
        <v>15</v>
      </c>
      <c r="BY12" s="160">
        <v>0</v>
      </c>
      <c r="BZ12" s="165">
        <v>63</v>
      </c>
      <c r="CA12" s="164">
        <v>71</v>
      </c>
      <c r="CB12" s="159">
        <v>0</v>
      </c>
      <c r="CC12" s="160">
        <v>0</v>
      </c>
      <c r="CD12" s="165">
        <v>0</v>
      </c>
      <c r="CE12" s="162">
        <v>0</v>
      </c>
      <c r="CF12" s="160">
        <v>5</v>
      </c>
      <c r="CG12" s="160">
        <v>4</v>
      </c>
      <c r="CH12" s="160">
        <v>16</v>
      </c>
      <c r="CI12" s="160">
        <v>3</v>
      </c>
      <c r="CJ12" s="160">
        <v>3</v>
      </c>
      <c r="CK12" s="165">
        <v>31</v>
      </c>
      <c r="CL12" s="164">
        <v>31</v>
      </c>
      <c r="CM12" s="159">
        <v>0</v>
      </c>
      <c r="CN12" s="160">
        <v>0</v>
      </c>
      <c r="CO12" s="165">
        <v>0</v>
      </c>
      <c r="CP12" s="162">
        <v>0</v>
      </c>
      <c r="CQ12" s="160">
        <v>1</v>
      </c>
      <c r="CR12" s="160">
        <v>0</v>
      </c>
      <c r="CS12" s="160">
        <v>0</v>
      </c>
      <c r="CT12" s="160">
        <v>1</v>
      </c>
      <c r="CU12" s="160">
        <v>1</v>
      </c>
      <c r="CV12" s="165">
        <v>3</v>
      </c>
      <c r="CW12" s="164">
        <v>3</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30</v>
      </c>
      <c r="DU12" s="160">
        <v>25</v>
      </c>
      <c r="DV12" s="165">
        <v>55</v>
      </c>
      <c r="DW12" s="162">
        <v>0</v>
      </c>
      <c r="DX12" s="160">
        <v>82</v>
      </c>
      <c r="DY12" s="160">
        <v>70</v>
      </c>
      <c r="DZ12" s="160">
        <v>71</v>
      </c>
      <c r="EA12" s="160">
        <v>51</v>
      </c>
      <c r="EB12" s="160">
        <v>31</v>
      </c>
      <c r="EC12" s="165">
        <v>305</v>
      </c>
      <c r="ED12" s="164">
        <v>360</v>
      </c>
      <c r="EE12" s="159">
        <v>6</v>
      </c>
      <c r="EF12" s="160">
        <v>3</v>
      </c>
      <c r="EG12" s="165">
        <v>9</v>
      </c>
      <c r="EH12" s="162">
        <v>0</v>
      </c>
      <c r="EI12" s="160">
        <v>19</v>
      </c>
      <c r="EJ12" s="160">
        <v>17</v>
      </c>
      <c r="EK12" s="160">
        <v>14</v>
      </c>
      <c r="EL12" s="160">
        <v>19</v>
      </c>
      <c r="EM12" s="160">
        <v>5</v>
      </c>
      <c r="EN12" s="165">
        <v>74</v>
      </c>
      <c r="EO12" s="164">
        <v>83</v>
      </c>
      <c r="EP12" s="159">
        <v>38</v>
      </c>
      <c r="EQ12" s="160">
        <v>36</v>
      </c>
      <c r="ER12" s="165">
        <v>74</v>
      </c>
      <c r="ES12" s="162">
        <v>0</v>
      </c>
      <c r="ET12" s="160">
        <v>166</v>
      </c>
      <c r="EU12" s="160">
        <v>92</v>
      </c>
      <c r="EV12" s="160">
        <v>81</v>
      </c>
      <c r="EW12" s="160">
        <v>50</v>
      </c>
      <c r="EX12" s="160">
        <v>32</v>
      </c>
      <c r="EY12" s="165">
        <v>421</v>
      </c>
      <c r="EZ12" s="164">
        <v>495</v>
      </c>
    </row>
    <row r="13" spans="2:156" ht="21" customHeight="1" x14ac:dyDescent="0.2">
      <c r="B13" s="166" t="s">
        <v>10</v>
      </c>
      <c r="C13" s="159">
        <v>0</v>
      </c>
      <c r="D13" s="160">
        <v>0</v>
      </c>
      <c r="E13" s="161">
        <v>0</v>
      </c>
      <c r="F13" s="162">
        <v>0</v>
      </c>
      <c r="G13" s="160">
        <v>79</v>
      </c>
      <c r="H13" s="160">
        <v>48</v>
      </c>
      <c r="I13" s="160">
        <v>31</v>
      </c>
      <c r="J13" s="160">
        <v>31</v>
      </c>
      <c r="K13" s="160">
        <v>16</v>
      </c>
      <c r="L13" s="163">
        <v>205</v>
      </c>
      <c r="M13" s="164">
        <v>205</v>
      </c>
      <c r="N13" s="159">
        <v>0</v>
      </c>
      <c r="O13" s="160">
        <v>0</v>
      </c>
      <c r="P13" s="165">
        <v>0</v>
      </c>
      <c r="Q13" s="162">
        <v>0</v>
      </c>
      <c r="R13" s="160">
        <v>0</v>
      </c>
      <c r="S13" s="160">
        <v>1</v>
      </c>
      <c r="T13" s="160">
        <v>2</v>
      </c>
      <c r="U13" s="160">
        <v>5</v>
      </c>
      <c r="V13" s="160">
        <v>13</v>
      </c>
      <c r="W13" s="165">
        <v>21</v>
      </c>
      <c r="X13" s="164">
        <v>21</v>
      </c>
      <c r="Y13" s="159">
        <v>17</v>
      </c>
      <c r="Z13" s="160">
        <v>21</v>
      </c>
      <c r="AA13" s="165">
        <v>38</v>
      </c>
      <c r="AB13" s="162">
        <v>0</v>
      </c>
      <c r="AC13" s="160">
        <v>60</v>
      </c>
      <c r="AD13" s="160">
        <v>34</v>
      </c>
      <c r="AE13" s="160">
        <v>27</v>
      </c>
      <c r="AF13" s="160">
        <v>25</v>
      </c>
      <c r="AG13" s="160">
        <v>16</v>
      </c>
      <c r="AH13" s="165">
        <v>162</v>
      </c>
      <c r="AI13" s="164">
        <v>200</v>
      </c>
      <c r="AJ13" s="159">
        <v>2</v>
      </c>
      <c r="AK13" s="160">
        <v>3</v>
      </c>
      <c r="AL13" s="165">
        <v>5</v>
      </c>
      <c r="AM13" s="162">
        <v>0</v>
      </c>
      <c r="AN13" s="160">
        <v>8</v>
      </c>
      <c r="AO13" s="160">
        <v>8</v>
      </c>
      <c r="AP13" s="160">
        <v>4</v>
      </c>
      <c r="AQ13" s="160">
        <v>5</v>
      </c>
      <c r="AR13" s="160">
        <v>3</v>
      </c>
      <c r="AS13" s="165">
        <v>28</v>
      </c>
      <c r="AT13" s="164">
        <v>33</v>
      </c>
      <c r="AU13" s="159">
        <v>20</v>
      </c>
      <c r="AV13" s="160">
        <v>22</v>
      </c>
      <c r="AW13" s="165">
        <v>42</v>
      </c>
      <c r="AX13" s="162">
        <v>0</v>
      </c>
      <c r="AY13" s="160">
        <v>103</v>
      </c>
      <c r="AZ13" s="160">
        <v>77</v>
      </c>
      <c r="BA13" s="160">
        <v>71</v>
      </c>
      <c r="BB13" s="160">
        <v>77</v>
      </c>
      <c r="BC13" s="160">
        <v>48</v>
      </c>
      <c r="BD13" s="163">
        <v>376</v>
      </c>
      <c r="BE13" s="164">
        <v>418</v>
      </c>
      <c r="BF13" s="159">
        <v>0</v>
      </c>
      <c r="BG13" s="160">
        <v>0</v>
      </c>
      <c r="BH13" s="165">
        <v>0</v>
      </c>
      <c r="BI13" s="162">
        <v>0</v>
      </c>
      <c r="BJ13" s="160">
        <v>127</v>
      </c>
      <c r="BK13" s="160">
        <v>69</v>
      </c>
      <c r="BL13" s="160">
        <v>27</v>
      </c>
      <c r="BM13" s="160">
        <v>19</v>
      </c>
      <c r="BN13" s="160">
        <v>8</v>
      </c>
      <c r="BO13" s="165">
        <v>250</v>
      </c>
      <c r="BP13" s="164">
        <v>250</v>
      </c>
      <c r="BQ13" s="159">
        <v>3</v>
      </c>
      <c r="BR13" s="160">
        <v>4</v>
      </c>
      <c r="BS13" s="165">
        <v>7</v>
      </c>
      <c r="BT13" s="162">
        <v>0</v>
      </c>
      <c r="BU13" s="160">
        <v>23</v>
      </c>
      <c r="BV13" s="160">
        <v>14</v>
      </c>
      <c r="BW13" s="160">
        <v>15</v>
      </c>
      <c r="BX13" s="160">
        <v>1</v>
      </c>
      <c r="BY13" s="160">
        <v>2</v>
      </c>
      <c r="BZ13" s="165">
        <v>55</v>
      </c>
      <c r="CA13" s="164">
        <v>62</v>
      </c>
      <c r="CB13" s="159">
        <v>0</v>
      </c>
      <c r="CC13" s="160">
        <v>4</v>
      </c>
      <c r="CD13" s="165">
        <v>4</v>
      </c>
      <c r="CE13" s="162">
        <v>0</v>
      </c>
      <c r="CF13" s="160">
        <v>17</v>
      </c>
      <c r="CG13" s="160">
        <v>9</v>
      </c>
      <c r="CH13" s="160">
        <v>13</v>
      </c>
      <c r="CI13" s="160">
        <v>8</v>
      </c>
      <c r="CJ13" s="160">
        <v>4</v>
      </c>
      <c r="CK13" s="165">
        <v>51</v>
      </c>
      <c r="CL13" s="164">
        <v>55</v>
      </c>
      <c r="CM13" s="159">
        <v>0</v>
      </c>
      <c r="CN13" s="160">
        <v>0</v>
      </c>
      <c r="CO13" s="165">
        <v>0</v>
      </c>
      <c r="CP13" s="162">
        <v>0</v>
      </c>
      <c r="CQ13" s="160">
        <v>1</v>
      </c>
      <c r="CR13" s="160">
        <v>2</v>
      </c>
      <c r="CS13" s="160">
        <v>2</v>
      </c>
      <c r="CT13" s="160">
        <v>0</v>
      </c>
      <c r="CU13" s="160">
        <v>0</v>
      </c>
      <c r="CV13" s="165">
        <v>5</v>
      </c>
      <c r="CW13" s="164">
        <v>5</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70</v>
      </c>
      <c r="DU13" s="160">
        <v>93</v>
      </c>
      <c r="DV13" s="165">
        <v>163</v>
      </c>
      <c r="DW13" s="162">
        <v>0</v>
      </c>
      <c r="DX13" s="160">
        <v>137</v>
      </c>
      <c r="DY13" s="160">
        <v>119</v>
      </c>
      <c r="DZ13" s="160">
        <v>60</v>
      </c>
      <c r="EA13" s="160">
        <v>60</v>
      </c>
      <c r="EB13" s="160">
        <v>34</v>
      </c>
      <c r="EC13" s="165">
        <v>410</v>
      </c>
      <c r="ED13" s="164">
        <v>573</v>
      </c>
      <c r="EE13" s="159">
        <v>9</v>
      </c>
      <c r="EF13" s="160">
        <v>3</v>
      </c>
      <c r="EG13" s="165">
        <v>12</v>
      </c>
      <c r="EH13" s="162">
        <v>0</v>
      </c>
      <c r="EI13" s="160">
        <v>31</v>
      </c>
      <c r="EJ13" s="160">
        <v>22</v>
      </c>
      <c r="EK13" s="160">
        <v>15</v>
      </c>
      <c r="EL13" s="160">
        <v>26</v>
      </c>
      <c r="EM13" s="160">
        <v>9</v>
      </c>
      <c r="EN13" s="165">
        <v>103</v>
      </c>
      <c r="EO13" s="164">
        <v>115</v>
      </c>
      <c r="EP13" s="159">
        <v>86</v>
      </c>
      <c r="EQ13" s="160">
        <v>107</v>
      </c>
      <c r="ER13" s="165">
        <v>193</v>
      </c>
      <c r="ES13" s="162">
        <v>0</v>
      </c>
      <c r="ET13" s="160">
        <v>276</v>
      </c>
      <c r="EU13" s="160">
        <v>148</v>
      </c>
      <c r="EV13" s="160">
        <v>75</v>
      </c>
      <c r="EW13" s="160">
        <v>58</v>
      </c>
      <c r="EX13" s="160">
        <v>35</v>
      </c>
      <c r="EY13" s="165">
        <v>592</v>
      </c>
      <c r="EZ13" s="164">
        <v>785</v>
      </c>
    </row>
    <row r="14" spans="2:156" ht="21" customHeight="1" x14ac:dyDescent="0.2">
      <c r="B14" s="166" t="s">
        <v>11</v>
      </c>
      <c r="C14" s="159">
        <v>0</v>
      </c>
      <c r="D14" s="160">
        <v>0</v>
      </c>
      <c r="E14" s="161">
        <v>0</v>
      </c>
      <c r="F14" s="162">
        <v>0</v>
      </c>
      <c r="G14" s="160">
        <v>24</v>
      </c>
      <c r="H14" s="160">
        <v>17</v>
      </c>
      <c r="I14" s="160">
        <v>10</v>
      </c>
      <c r="J14" s="160">
        <v>11</v>
      </c>
      <c r="K14" s="160">
        <v>6</v>
      </c>
      <c r="L14" s="163">
        <v>68</v>
      </c>
      <c r="M14" s="164">
        <v>68</v>
      </c>
      <c r="N14" s="159">
        <v>0</v>
      </c>
      <c r="O14" s="160">
        <v>0</v>
      </c>
      <c r="P14" s="165">
        <v>0</v>
      </c>
      <c r="Q14" s="162">
        <v>0</v>
      </c>
      <c r="R14" s="160">
        <v>0</v>
      </c>
      <c r="S14" s="160">
        <v>1</v>
      </c>
      <c r="T14" s="160">
        <v>0</v>
      </c>
      <c r="U14" s="160">
        <v>4</v>
      </c>
      <c r="V14" s="160">
        <v>3</v>
      </c>
      <c r="W14" s="165">
        <v>8</v>
      </c>
      <c r="X14" s="164">
        <v>8</v>
      </c>
      <c r="Y14" s="159">
        <v>3</v>
      </c>
      <c r="Z14" s="160">
        <v>6</v>
      </c>
      <c r="AA14" s="165">
        <v>9</v>
      </c>
      <c r="AB14" s="162">
        <v>0</v>
      </c>
      <c r="AC14" s="160">
        <v>21</v>
      </c>
      <c r="AD14" s="160">
        <v>21</v>
      </c>
      <c r="AE14" s="160">
        <v>15</v>
      </c>
      <c r="AF14" s="160">
        <v>15</v>
      </c>
      <c r="AG14" s="160">
        <v>7</v>
      </c>
      <c r="AH14" s="165">
        <v>79</v>
      </c>
      <c r="AI14" s="164">
        <v>88</v>
      </c>
      <c r="AJ14" s="159">
        <v>0</v>
      </c>
      <c r="AK14" s="160">
        <v>1</v>
      </c>
      <c r="AL14" s="165">
        <v>1</v>
      </c>
      <c r="AM14" s="162">
        <v>0</v>
      </c>
      <c r="AN14" s="160">
        <v>2</v>
      </c>
      <c r="AO14" s="160">
        <v>1</v>
      </c>
      <c r="AP14" s="160">
        <v>2</v>
      </c>
      <c r="AQ14" s="160">
        <v>1</v>
      </c>
      <c r="AR14" s="160">
        <v>0</v>
      </c>
      <c r="AS14" s="165">
        <v>6</v>
      </c>
      <c r="AT14" s="164">
        <v>7</v>
      </c>
      <c r="AU14" s="159">
        <v>5</v>
      </c>
      <c r="AV14" s="160">
        <v>3</v>
      </c>
      <c r="AW14" s="165">
        <v>8</v>
      </c>
      <c r="AX14" s="162">
        <v>0</v>
      </c>
      <c r="AY14" s="160">
        <v>29</v>
      </c>
      <c r="AZ14" s="160">
        <v>25</v>
      </c>
      <c r="BA14" s="160">
        <v>25</v>
      </c>
      <c r="BB14" s="160">
        <v>31</v>
      </c>
      <c r="BC14" s="160">
        <v>10</v>
      </c>
      <c r="BD14" s="163">
        <v>120</v>
      </c>
      <c r="BE14" s="164">
        <v>128</v>
      </c>
      <c r="BF14" s="159">
        <v>0</v>
      </c>
      <c r="BG14" s="160">
        <v>0</v>
      </c>
      <c r="BH14" s="165">
        <v>0</v>
      </c>
      <c r="BI14" s="162">
        <v>0</v>
      </c>
      <c r="BJ14" s="160">
        <v>42</v>
      </c>
      <c r="BK14" s="160">
        <v>26</v>
      </c>
      <c r="BL14" s="160">
        <v>15</v>
      </c>
      <c r="BM14" s="160">
        <v>7</v>
      </c>
      <c r="BN14" s="160">
        <v>3</v>
      </c>
      <c r="BO14" s="165">
        <v>93</v>
      </c>
      <c r="BP14" s="164">
        <v>93</v>
      </c>
      <c r="BQ14" s="159">
        <v>9</v>
      </c>
      <c r="BR14" s="160">
        <v>6</v>
      </c>
      <c r="BS14" s="165">
        <v>15</v>
      </c>
      <c r="BT14" s="162">
        <v>0</v>
      </c>
      <c r="BU14" s="160">
        <v>29</v>
      </c>
      <c r="BV14" s="160">
        <v>13</v>
      </c>
      <c r="BW14" s="160">
        <v>4</v>
      </c>
      <c r="BX14" s="160">
        <v>8</v>
      </c>
      <c r="BY14" s="160">
        <v>0</v>
      </c>
      <c r="BZ14" s="165">
        <v>54</v>
      </c>
      <c r="CA14" s="164">
        <v>69</v>
      </c>
      <c r="CB14" s="159">
        <v>0</v>
      </c>
      <c r="CC14" s="160">
        <v>0</v>
      </c>
      <c r="CD14" s="165">
        <v>0</v>
      </c>
      <c r="CE14" s="162">
        <v>0</v>
      </c>
      <c r="CF14" s="160">
        <v>7</v>
      </c>
      <c r="CG14" s="160">
        <v>8</v>
      </c>
      <c r="CH14" s="160">
        <v>5</v>
      </c>
      <c r="CI14" s="160">
        <v>3</v>
      </c>
      <c r="CJ14" s="160">
        <v>0</v>
      </c>
      <c r="CK14" s="165">
        <v>23</v>
      </c>
      <c r="CL14" s="164">
        <v>23</v>
      </c>
      <c r="CM14" s="159">
        <v>0</v>
      </c>
      <c r="CN14" s="160">
        <v>0</v>
      </c>
      <c r="CO14" s="165">
        <v>0</v>
      </c>
      <c r="CP14" s="162">
        <v>0</v>
      </c>
      <c r="CQ14" s="160">
        <v>1</v>
      </c>
      <c r="CR14" s="160">
        <v>0</v>
      </c>
      <c r="CS14" s="160">
        <v>2</v>
      </c>
      <c r="CT14" s="160">
        <v>3</v>
      </c>
      <c r="CU14" s="160">
        <v>0</v>
      </c>
      <c r="CV14" s="165">
        <v>6</v>
      </c>
      <c r="CW14" s="164">
        <v>6</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18</v>
      </c>
      <c r="DU14" s="160">
        <v>25</v>
      </c>
      <c r="DV14" s="165">
        <v>43</v>
      </c>
      <c r="DW14" s="162">
        <v>0</v>
      </c>
      <c r="DX14" s="160">
        <v>62</v>
      </c>
      <c r="DY14" s="160">
        <v>62</v>
      </c>
      <c r="DZ14" s="160">
        <v>34</v>
      </c>
      <c r="EA14" s="160">
        <v>27</v>
      </c>
      <c r="EB14" s="160">
        <v>12</v>
      </c>
      <c r="EC14" s="165">
        <v>197</v>
      </c>
      <c r="ED14" s="164">
        <v>240</v>
      </c>
      <c r="EE14" s="159">
        <v>2</v>
      </c>
      <c r="EF14" s="160">
        <v>1</v>
      </c>
      <c r="EG14" s="165">
        <v>3</v>
      </c>
      <c r="EH14" s="162">
        <v>0</v>
      </c>
      <c r="EI14" s="160">
        <v>19</v>
      </c>
      <c r="EJ14" s="160">
        <v>15</v>
      </c>
      <c r="EK14" s="160">
        <v>11</v>
      </c>
      <c r="EL14" s="160">
        <v>17</v>
      </c>
      <c r="EM14" s="160">
        <v>6</v>
      </c>
      <c r="EN14" s="165">
        <v>68</v>
      </c>
      <c r="EO14" s="164">
        <v>71</v>
      </c>
      <c r="EP14" s="159">
        <v>25</v>
      </c>
      <c r="EQ14" s="160">
        <v>31</v>
      </c>
      <c r="ER14" s="165">
        <v>56</v>
      </c>
      <c r="ES14" s="162">
        <v>0</v>
      </c>
      <c r="ET14" s="160">
        <v>122</v>
      </c>
      <c r="EU14" s="160">
        <v>74</v>
      </c>
      <c r="EV14" s="160">
        <v>40</v>
      </c>
      <c r="EW14" s="160">
        <v>30</v>
      </c>
      <c r="EX14" s="160">
        <v>11</v>
      </c>
      <c r="EY14" s="165">
        <v>277</v>
      </c>
      <c r="EZ14" s="164">
        <v>333</v>
      </c>
    </row>
    <row r="15" spans="2:156" ht="21" customHeight="1" x14ac:dyDescent="0.2">
      <c r="B15" s="166" t="s">
        <v>12</v>
      </c>
      <c r="C15" s="159">
        <v>0</v>
      </c>
      <c r="D15" s="160">
        <v>0</v>
      </c>
      <c r="E15" s="161">
        <v>0</v>
      </c>
      <c r="F15" s="162">
        <v>0</v>
      </c>
      <c r="G15" s="160">
        <v>31</v>
      </c>
      <c r="H15" s="160">
        <v>40</v>
      </c>
      <c r="I15" s="160">
        <v>21</v>
      </c>
      <c r="J15" s="160">
        <v>20</v>
      </c>
      <c r="K15" s="160">
        <v>9</v>
      </c>
      <c r="L15" s="163">
        <v>121</v>
      </c>
      <c r="M15" s="164">
        <v>121</v>
      </c>
      <c r="N15" s="159">
        <v>0</v>
      </c>
      <c r="O15" s="160">
        <v>1</v>
      </c>
      <c r="P15" s="165">
        <v>1</v>
      </c>
      <c r="Q15" s="162">
        <v>0</v>
      </c>
      <c r="R15" s="160">
        <v>0</v>
      </c>
      <c r="S15" s="160">
        <v>1</v>
      </c>
      <c r="T15" s="160">
        <v>4</v>
      </c>
      <c r="U15" s="160">
        <v>2</v>
      </c>
      <c r="V15" s="160">
        <v>4</v>
      </c>
      <c r="W15" s="165">
        <v>11</v>
      </c>
      <c r="X15" s="164">
        <v>12</v>
      </c>
      <c r="Y15" s="159">
        <v>9</v>
      </c>
      <c r="Z15" s="160">
        <v>29</v>
      </c>
      <c r="AA15" s="165">
        <v>38</v>
      </c>
      <c r="AB15" s="162">
        <v>0</v>
      </c>
      <c r="AC15" s="160">
        <v>21</v>
      </c>
      <c r="AD15" s="160">
        <v>48</v>
      </c>
      <c r="AE15" s="160">
        <v>21</v>
      </c>
      <c r="AF15" s="160">
        <v>16</v>
      </c>
      <c r="AG15" s="160">
        <v>11</v>
      </c>
      <c r="AH15" s="165">
        <v>117</v>
      </c>
      <c r="AI15" s="164">
        <v>155</v>
      </c>
      <c r="AJ15" s="159">
        <v>0</v>
      </c>
      <c r="AK15" s="160">
        <v>2</v>
      </c>
      <c r="AL15" s="165">
        <v>2</v>
      </c>
      <c r="AM15" s="162">
        <v>0</v>
      </c>
      <c r="AN15" s="160">
        <v>0</v>
      </c>
      <c r="AO15" s="160">
        <v>5</v>
      </c>
      <c r="AP15" s="160">
        <v>2</v>
      </c>
      <c r="AQ15" s="160">
        <v>1</v>
      </c>
      <c r="AR15" s="160">
        <v>0</v>
      </c>
      <c r="AS15" s="165">
        <v>8</v>
      </c>
      <c r="AT15" s="164">
        <v>10</v>
      </c>
      <c r="AU15" s="159">
        <v>8</v>
      </c>
      <c r="AV15" s="160">
        <v>13</v>
      </c>
      <c r="AW15" s="165">
        <v>21</v>
      </c>
      <c r="AX15" s="162">
        <v>0</v>
      </c>
      <c r="AY15" s="160">
        <v>28</v>
      </c>
      <c r="AZ15" s="160">
        <v>36</v>
      </c>
      <c r="BA15" s="160">
        <v>27</v>
      </c>
      <c r="BB15" s="160">
        <v>40</v>
      </c>
      <c r="BC15" s="160">
        <v>19</v>
      </c>
      <c r="BD15" s="163">
        <v>150</v>
      </c>
      <c r="BE15" s="164">
        <v>171</v>
      </c>
      <c r="BF15" s="159">
        <v>0</v>
      </c>
      <c r="BG15" s="160">
        <v>0</v>
      </c>
      <c r="BH15" s="165">
        <v>0</v>
      </c>
      <c r="BI15" s="162">
        <v>0</v>
      </c>
      <c r="BJ15" s="160">
        <v>61</v>
      </c>
      <c r="BK15" s="160">
        <v>50</v>
      </c>
      <c r="BL15" s="160">
        <v>21</v>
      </c>
      <c r="BM15" s="160">
        <v>15</v>
      </c>
      <c r="BN15" s="160">
        <v>1</v>
      </c>
      <c r="BO15" s="165">
        <v>148</v>
      </c>
      <c r="BP15" s="164">
        <v>148</v>
      </c>
      <c r="BQ15" s="159">
        <v>12</v>
      </c>
      <c r="BR15" s="160">
        <v>15</v>
      </c>
      <c r="BS15" s="165">
        <v>27</v>
      </c>
      <c r="BT15" s="162">
        <v>0</v>
      </c>
      <c r="BU15" s="160">
        <v>7</v>
      </c>
      <c r="BV15" s="160">
        <v>21</v>
      </c>
      <c r="BW15" s="160">
        <v>12</v>
      </c>
      <c r="BX15" s="160">
        <v>5</v>
      </c>
      <c r="BY15" s="160">
        <v>2</v>
      </c>
      <c r="BZ15" s="165">
        <v>47</v>
      </c>
      <c r="CA15" s="164">
        <v>74</v>
      </c>
      <c r="CB15" s="159">
        <v>0</v>
      </c>
      <c r="CC15" s="160">
        <v>1</v>
      </c>
      <c r="CD15" s="165">
        <v>1</v>
      </c>
      <c r="CE15" s="162">
        <v>0</v>
      </c>
      <c r="CF15" s="160">
        <v>6</v>
      </c>
      <c r="CG15" s="160">
        <v>9</v>
      </c>
      <c r="CH15" s="160">
        <v>3</v>
      </c>
      <c r="CI15" s="160">
        <v>7</v>
      </c>
      <c r="CJ15" s="160">
        <v>5</v>
      </c>
      <c r="CK15" s="165">
        <v>30</v>
      </c>
      <c r="CL15" s="164">
        <v>31</v>
      </c>
      <c r="CM15" s="159">
        <v>0</v>
      </c>
      <c r="CN15" s="160">
        <v>0</v>
      </c>
      <c r="CO15" s="165">
        <v>0</v>
      </c>
      <c r="CP15" s="162">
        <v>0</v>
      </c>
      <c r="CQ15" s="160">
        <v>0</v>
      </c>
      <c r="CR15" s="160">
        <v>0</v>
      </c>
      <c r="CS15" s="160">
        <v>1</v>
      </c>
      <c r="CT15" s="160">
        <v>1</v>
      </c>
      <c r="CU15" s="160">
        <v>0</v>
      </c>
      <c r="CV15" s="165">
        <v>2</v>
      </c>
      <c r="CW15" s="164">
        <v>2</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29</v>
      </c>
      <c r="DU15" s="160">
        <v>55</v>
      </c>
      <c r="DV15" s="165">
        <v>84</v>
      </c>
      <c r="DW15" s="162">
        <v>0</v>
      </c>
      <c r="DX15" s="160">
        <v>35</v>
      </c>
      <c r="DY15" s="160">
        <v>87</v>
      </c>
      <c r="DZ15" s="160">
        <v>49</v>
      </c>
      <c r="EA15" s="160">
        <v>38</v>
      </c>
      <c r="EB15" s="160">
        <v>19</v>
      </c>
      <c r="EC15" s="165">
        <v>228</v>
      </c>
      <c r="ED15" s="164">
        <v>312</v>
      </c>
      <c r="EE15" s="159">
        <v>4</v>
      </c>
      <c r="EF15" s="160">
        <v>6</v>
      </c>
      <c r="EG15" s="165">
        <v>10</v>
      </c>
      <c r="EH15" s="162">
        <v>0</v>
      </c>
      <c r="EI15" s="160">
        <v>13</v>
      </c>
      <c r="EJ15" s="160">
        <v>17</v>
      </c>
      <c r="EK15" s="160">
        <v>11</v>
      </c>
      <c r="EL15" s="160">
        <v>13</v>
      </c>
      <c r="EM15" s="160">
        <v>5</v>
      </c>
      <c r="EN15" s="165">
        <v>59</v>
      </c>
      <c r="EO15" s="164">
        <v>69</v>
      </c>
      <c r="EP15" s="159">
        <v>50</v>
      </c>
      <c r="EQ15" s="160">
        <v>83</v>
      </c>
      <c r="ER15" s="165">
        <v>133</v>
      </c>
      <c r="ES15" s="162">
        <v>0</v>
      </c>
      <c r="ET15" s="160">
        <v>112</v>
      </c>
      <c r="EU15" s="160">
        <v>130</v>
      </c>
      <c r="EV15" s="160">
        <v>57</v>
      </c>
      <c r="EW15" s="160">
        <v>42</v>
      </c>
      <c r="EX15" s="160">
        <v>16</v>
      </c>
      <c r="EY15" s="165">
        <v>357</v>
      </c>
      <c r="EZ15" s="164">
        <v>490</v>
      </c>
    </row>
    <row r="16" spans="2:156" ht="21" customHeight="1" x14ac:dyDescent="0.2">
      <c r="B16" s="166" t="s">
        <v>13</v>
      </c>
      <c r="C16" s="159">
        <v>0</v>
      </c>
      <c r="D16" s="160">
        <v>0</v>
      </c>
      <c r="E16" s="161">
        <v>0</v>
      </c>
      <c r="F16" s="162">
        <v>0</v>
      </c>
      <c r="G16" s="160">
        <v>18</v>
      </c>
      <c r="H16" s="160">
        <v>21</v>
      </c>
      <c r="I16" s="160">
        <v>12</v>
      </c>
      <c r="J16" s="160">
        <v>9</v>
      </c>
      <c r="K16" s="160">
        <v>9</v>
      </c>
      <c r="L16" s="163">
        <v>69</v>
      </c>
      <c r="M16" s="164">
        <v>69</v>
      </c>
      <c r="N16" s="159">
        <v>0</v>
      </c>
      <c r="O16" s="160">
        <v>0</v>
      </c>
      <c r="P16" s="165">
        <v>0</v>
      </c>
      <c r="Q16" s="162">
        <v>0</v>
      </c>
      <c r="R16" s="160">
        <v>0</v>
      </c>
      <c r="S16" s="160">
        <v>0</v>
      </c>
      <c r="T16" s="160">
        <v>1</v>
      </c>
      <c r="U16" s="160">
        <v>0</v>
      </c>
      <c r="V16" s="160">
        <v>2</v>
      </c>
      <c r="W16" s="165">
        <v>3</v>
      </c>
      <c r="X16" s="164">
        <v>3</v>
      </c>
      <c r="Y16" s="159">
        <v>1</v>
      </c>
      <c r="Z16" s="160">
        <v>1</v>
      </c>
      <c r="AA16" s="165">
        <v>2</v>
      </c>
      <c r="AB16" s="162">
        <v>0</v>
      </c>
      <c r="AC16" s="160">
        <v>13</v>
      </c>
      <c r="AD16" s="160">
        <v>18</v>
      </c>
      <c r="AE16" s="160">
        <v>9</v>
      </c>
      <c r="AF16" s="160">
        <v>8</v>
      </c>
      <c r="AG16" s="160">
        <v>8</v>
      </c>
      <c r="AH16" s="165">
        <v>56</v>
      </c>
      <c r="AI16" s="164">
        <v>58</v>
      </c>
      <c r="AJ16" s="159">
        <v>1</v>
      </c>
      <c r="AK16" s="160">
        <v>0</v>
      </c>
      <c r="AL16" s="165">
        <v>1</v>
      </c>
      <c r="AM16" s="162">
        <v>0</v>
      </c>
      <c r="AN16" s="160">
        <v>3</v>
      </c>
      <c r="AO16" s="160">
        <v>2</v>
      </c>
      <c r="AP16" s="160">
        <v>3</v>
      </c>
      <c r="AQ16" s="160">
        <v>0</v>
      </c>
      <c r="AR16" s="160">
        <v>0</v>
      </c>
      <c r="AS16" s="165">
        <v>8</v>
      </c>
      <c r="AT16" s="164">
        <v>9</v>
      </c>
      <c r="AU16" s="159">
        <v>2</v>
      </c>
      <c r="AV16" s="160">
        <v>4</v>
      </c>
      <c r="AW16" s="165">
        <v>6</v>
      </c>
      <c r="AX16" s="162">
        <v>0</v>
      </c>
      <c r="AY16" s="160">
        <v>21</v>
      </c>
      <c r="AZ16" s="160">
        <v>25</v>
      </c>
      <c r="BA16" s="160">
        <v>22</v>
      </c>
      <c r="BB16" s="160">
        <v>20</v>
      </c>
      <c r="BC16" s="160">
        <v>16</v>
      </c>
      <c r="BD16" s="163">
        <v>104</v>
      </c>
      <c r="BE16" s="164">
        <v>110</v>
      </c>
      <c r="BF16" s="159">
        <v>0</v>
      </c>
      <c r="BG16" s="160">
        <v>0</v>
      </c>
      <c r="BH16" s="165">
        <v>0</v>
      </c>
      <c r="BI16" s="162">
        <v>0</v>
      </c>
      <c r="BJ16" s="160">
        <v>20</v>
      </c>
      <c r="BK16" s="160">
        <v>17</v>
      </c>
      <c r="BL16" s="160">
        <v>5</v>
      </c>
      <c r="BM16" s="160">
        <v>6</v>
      </c>
      <c r="BN16" s="160">
        <v>2</v>
      </c>
      <c r="BO16" s="165">
        <v>50</v>
      </c>
      <c r="BP16" s="164">
        <v>50</v>
      </c>
      <c r="BQ16" s="159">
        <v>0</v>
      </c>
      <c r="BR16" s="160">
        <v>1</v>
      </c>
      <c r="BS16" s="165">
        <v>1</v>
      </c>
      <c r="BT16" s="162">
        <v>0</v>
      </c>
      <c r="BU16" s="160">
        <v>5</v>
      </c>
      <c r="BV16" s="160">
        <v>2</v>
      </c>
      <c r="BW16" s="160">
        <v>1</v>
      </c>
      <c r="BX16" s="160">
        <v>2</v>
      </c>
      <c r="BY16" s="160">
        <v>0</v>
      </c>
      <c r="BZ16" s="165">
        <v>10</v>
      </c>
      <c r="CA16" s="164">
        <v>11</v>
      </c>
      <c r="CB16" s="159">
        <v>0</v>
      </c>
      <c r="CC16" s="160">
        <v>0</v>
      </c>
      <c r="CD16" s="165">
        <v>0</v>
      </c>
      <c r="CE16" s="162">
        <v>0</v>
      </c>
      <c r="CF16" s="160">
        <v>5</v>
      </c>
      <c r="CG16" s="160">
        <v>6</v>
      </c>
      <c r="CH16" s="160">
        <v>4</v>
      </c>
      <c r="CI16" s="160">
        <v>1</v>
      </c>
      <c r="CJ16" s="160">
        <v>2</v>
      </c>
      <c r="CK16" s="165">
        <v>18</v>
      </c>
      <c r="CL16" s="164">
        <v>18</v>
      </c>
      <c r="CM16" s="159">
        <v>0</v>
      </c>
      <c r="CN16" s="160">
        <v>0</v>
      </c>
      <c r="CO16" s="165">
        <v>0</v>
      </c>
      <c r="CP16" s="162">
        <v>0</v>
      </c>
      <c r="CQ16" s="160">
        <v>1</v>
      </c>
      <c r="CR16" s="160">
        <v>0</v>
      </c>
      <c r="CS16" s="160">
        <v>0</v>
      </c>
      <c r="CT16" s="160">
        <v>1</v>
      </c>
      <c r="CU16" s="160">
        <v>0</v>
      </c>
      <c r="CV16" s="165">
        <v>2</v>
      </c>
      <c r="CW16" s="164">
        <v>2</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7</v>
      </c>
      <c r="DU16" s="160">
        <v>6</v>
      </c>
      <c r="DV16" s="165">
        <v>13</v>
      </c>
      <c r="DW16" s="162">
        <v>0</v>
      </c>
      <c r="DX16" s="160">
        <v>25</v>
      </c>
      <c r="DY16" s="160">
        <v>44</v>
      </c>
      <c r="DZ16" s="160">
        <v>14</v>
      </c>
      <c r="EA16" s="160">
        <v>14</v>
      </c>
      <c r="EB16" s="160">
        <v>11</v>
      </c>
      <c r="EC16" s="165">
        <v>108</v>
      </c>
      <c r="ED16" s="164">
        <v>121</v>
      </c>
      <c r="EE16" s="159">
        <v>0</v>
      </c>
      <c r="EF16" s="160">
        <v>2</v>
      </c>
      <c r="EG16" s="165">
        <v>2</v>
      </c>
      <c r="EH16" s="162">
        <v>0</v>
      </c>
      <c r="EI16" s="160">
        <v>10</v>
      </c>
      <c r="EJ16" s="160">
        <v>10</v>
      </c>
      <c r="EK16" s="160">
        <v>8</v>
      </c>
      <c r="EL16" s="160">
        <v>12</v>
      </c>
      <c r="EM16" s="160">
        <v>5</v>
      </c>
      <c r="EN16" s="165">
        <v>45</v>
      </c>
      <c r="EO16" s="164">
        <v>47</v>
      </c>
      <c r="EP16" s="159">
        <v>7</v>
      </c>
      <c r="EQ16" s="160">
        <v>7</v>
      </c>
      <c r="ER16" s="165">
        <v>14</v>
      </c>
      <c r="ES16" s="162">
        <v>0</v>
      </c>
      <c r="ET16" s="160">
        <v>60</v>
      </c>
      <c r="EU16" s="160">
        <v>65</v>
      </c>
      <c r="EV16" s="160">
        <v>22</v>
      </c>
      <c r="EW16" s="160">
        <v>16</v>
      </c>
      <c r="EX16" s="160">
        <v>12</v>
      </c>
      <c r="EY16" s="165">
        <v>175</v>
      </c>
      <c r="EZ16" s="164">
        <v>189</v>
      </c>
    </row>
    <row r="17" spans="2:156" ht="21" customHeight="1" x14ac:dyDescent="0.2">
      <c r="B17" s="166" t="s">
        <v>15</v>
      </c>
      <c r="C17" s="159">
        <v>0</v>
      </c>
      <c r="D17" s="160">
        <v>0</v>
      </c>
      <c r="E17" s="161">
        <v>0</v>
      </c>
      <c r="F17" s="162">
        <v>0</v>
      </c>
      <c r="G17" s="160">
        <v>6</v>
      </c>
      <c r="H17" s="160">
        <v>8</v>
      </c>
      <c r="I17" s="160">
        <v>2</v>
      </c>
      <c r="J17" s="160">
        <v>3</v>
      </c>
      <c r="K17" s="160">
        <v>0</v>
      </c>
      <c r="L17" s="163">
        <v>19</v>
      </c>
      <c r="M17" s="164">
        <v>19</v>
      </c>
      <c r="N17" s="159">
        <v>0</v>
      </c>
      <c r="O17" s="160">
        <v>0</v>
      </c>
      <c r="P17" s="165">
        <v>0</v>
      </c>
      <c r="Q17" s="162">
        <v>0</v>
      </c>
      <c r="R17" s="160">
        <v>0</v>
      </c>
      <c r="S17" s="160">
        <v>0</v>
      </c>
      <c r="T17" s="160">
        <v>0</v>
      </c>
      <c r="U17" s="160">
        <v>3</v>
      </c>
      <c r="V17" s="160">
        <v>0</v>
      </c>
      <c r="W17" s="165">
        <v>3</v>
      </c>
      <c r="X17" s="164">
        <v>3</v>
      </c>
      <c r="Y17" s="159">
        <v>0</v>
      </c>
      <c r="Z17" s="160">
        <v>2</v>
      </c>
      <c r="AA17" s="165">
        <v>2</v>
      </c>
      <c r="AB17" s="162">
        <v>0</v>
      </c>
      <c r="AC17" s="160">
        <v>5</v>
      </c>
      <c r="AD17" s="160">
        <v>5</v>
      </c>
      <c r="AE17" s="160">
        <v>1</v>
      </c>
      <c r="AF17" s="160">
        <v>5</v>
      </c>
      <c r="AG17" s="160">
        <v>1</v>
      </c>
      <c r="AH17" s="165">
        <v>17</v>
      </c>
      <c r="AI17" s="164">
        <v>19</v>
      </c>
      <c r="AJ17" s="159">
        <v>0</v>
      </c>
      <c r="AK17" s="160">
        <v>0</v>
      </c>
      <c r="AL17" s="165">
        <v>0</v>
      </c>
      <c r="AM17" s="162">
        <v>0</v>
      </c>
      <c r="AN17" s="160">
        <v>4</v>
      </c>
      <c r="AO17" s="160">
        <v>1</v>
      </c>
      <c r="AP17" s="160">
        <v>0</v>
      </c>
      <c r="AQ17" s="160">
        <v>0</v>
      </c>
      <c r="AR17" s="160">
        <v>0</v>
      </c>
      <c r="AS17" s="165">
        <v>5</v>
      </c>
      <c r="AT17" s="164">
        <v>5</v>
      </c>
      <c r="AU17" s="159">
        <v>0</v>
      </c>
      <c r="AV17" s="160">
        <v>1</v>
      </c>
      <c r="AW17" s="165">
        <v>1</v>
      </c>
      <c r="AX17" s="162">
        <v>0</v>
      </c>
      <c r="AY17" s="160">
        <v>12</v>
      </c>
      <c r="AZ17" s="160">
        <v>5</v>
      </c>
      <c r="BA17" s="160">
        <v>5</v>
      </c>
      <c r="BB17" s="160">
        <v>6</v>
      </c>
      <c r="BC17" s="160">
        <v>2</v>
      </c>
      <c r="BD17" s="163">
        <v>30</v>
      </c>
      <c r="BE17" s="164">
        <v>31</v>
      </c>
      <c r="BF17" s="159">
        <v>0</v>
      </c>
      <c r="BG17" s="160">
        <v>0</v>
      </c>
      <c r="BH17" s="165">
        <v>0</v>
      </c>
      <c r="BI17" s="162">
        <v>0</v>
      </c>
      <c r="BJ17" s="160">
        <v>5</v>
      </c>
      <c r="BK17" s="160">
        <v>6</v>
      </c>
      <c r="BL17" s="160">
        <v>1</v>
      </c>
      <c r="BM17" s="160">
        <v>2</v>
      </c>
      <c r="BN17" s="160">
        <v>0</v>
      </c>
      <c r="BO17" s="165">
        <v>14</v>
      </c>
      <c r="BP17" s="164">
        <v>14</v>
      </c>
      <c r="BQ17" s="159">
        <v>0</v>
      </c>
      <c r="BR17" s="160">
        <v>0</v>
      </c>
      <c r="BS17" s="165">
        <v>0</v>
      </c>
      <c r="BT17" s="162">
        <v>0</v>
      </c>
      <c r="BU17" s="160">
        <v>1</v>
      </c>
      <c r="BV17" s="160">
        <v>1</v>
      </c>
      <c r="BW17" s="160">
        <v>5</v>
      </c>
      <c r="BX17" s="160">
        <v>1</v>
      </c>
      <c r="BY17" s="160">
        <v>0</v>
      </c>
      <c r="BZ17" s="165">
        <v>8</v>
      </c>
      <c r="CA17" s="164">
        <v>8</v>
      </c>
      <c r="CB17" s="159">
        <v>0</v>
      </c>
      <c r="CC17" s="160">
        <v>0</v>
      </c>
      <c r="CD17" s="165">
        <v>0</v>
      </c>
      <c r="CE17" s="162">
        <v>0</v>
      </c>
      <c r="CF17" s="160">
        <v>2</v>
      </c>
      <c r="CG17" s="160">
        <v>2</v>
      </c>
      <c r="CH17" s="160">
        <v>1</v>
      </c>
      <c r="CI17" s="160">
        <v>0</v>
      </c>
      <c r="CJ17" s="160">
        <v>1</v>
      </c>
      <c r="CK17" s="165">
        <v>6</v>
      </c>
      <c r="CL17" s="164">
        <v>6</v>
      </c>
      <c r="CM17" s="159">
        <v>0</v>
      </c>
      <c r="CN17" s="160">
        <v>0</v>
      </c>
      <c r="CO17" s="165">
        <v>0</v>
      </c>
      <c r="CP17" s="162">
        <v>0</v>
      </c>
      <c r="CQ17" s="160">
        <v>0</v>
      </c>
      <c r="CR17" s="160">
        <v>1</v>
      </c>
      <c r="CS17" s="160">
        <v>0</v>
      </c>
      <c r="CT17" s="160">
        <v>0</v>
      </c>
      <c r="CU17" s="160">
        <v>0</v>
      </c>
      <c r="CV17" s="165">
        <v>1</v>
      </c>
      <c r="CW17" s="164">
        <v>1</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0</v>
      </c>
      <c r="DU17" s="160">
        <v>8</v>
      </c>
      <c r="DV17" s="165">
        <v>8</v>
      </c>
      <c r="DW17" s="162">
        <v>0</v>
      </c>
      <c r="DX17" s="160">
        <v>11</v>
      </c>
      <c r="DY17" s="160">
        <v>16</v>
      </c>
      <c r="DZ17" s="160">
        <v>10</v>
      </c>
      <c r="EA17" s="160">
        <v>9</v>
      </c>
      <c r="EB17" s="160">
        <v>3</v>
      </c>
      <c r="EC17" s="165">
        <v>49</v>
      </c>
      <c r="ED17" s="164">
        <v>57</v>
      </c>
      <c r="EE17" s="159">
        <v>0</v>
      </c>
      <c r="EF17" s="160">
        <v>4</v>
      </c>
      <c r="EG17" s="165">
        <v>4</v>
      </c>
      <c r="EH17" s="162">
        <v>0</v>
      </c>
      <c r="EI17" s="160">
        <v>9</v>
      </c>
      <c r="EJ17" s="160">
        <v>0</v>
      </c>
      <c r="EK17" s="160">
        <v>3</v>
      </c>
      <c r="EL17" s="160">
        <v>1</v>
      </c>
      <c r="EM17" s="160">
        <v>0</v>
      </c>
      <c r="EN17" s="165">
        <v>13</v>
      </c>
      <c r="EO17" s="164">
        <v>17</v>
      </c>
      <c r="EP17" s="159">
        <v>0</v>
      </c>
      <c r="EQ17" s="160">
        <v>10</v>
      </c>
      <c r="ER17" s="165">
        <v>10</v>
      </c>
      <c r="ES17" s="162">
        <v>0</v>
      </c>
      <c r="ET17" s="160">
        <v>29</v>
      </c>
      <c r="EU17" s="160">
        <v>25</v>
      </c>
      <c r="EV17" s="160">
        <v>9</v>
      </c>
      <c r="EW17" s="160">
        <v>12</v>
      </c>
      <c r="EX17" s="160">
        <v>4</v>
      </c>
      <c r="EY17" s="165">
        <v>79</v>
      </c>
      <c r="EZ17" s="164">
        <v>89</v>
      </c>
    </row>
    <row r="18" spans="2:156" ht="21" customHeight="1" x14ac:dyDescent="0.2">
      <c r="B18" s="166" t="s">
        <v>16</v>
      </c>
      <c r="C18" s="159">
        <v>0</v>
      </c>
      <c r="D18" s="160">
        <v>0</v>
      </c>
      <c r="E18" s="161">
        <v>0</v>
      </c>
      <c r="F18" s="162">
        <v>0</v>
      </c>
      <c r="G18" s="160">
        <v>14</v>
      </c>
      <c r="H18" s="160">
        <v>14</v>
      </c>
      <c r="I18" s="160">
        <v>12</v>
      </c>
      <c r="J18" s="160">
        <v>4</v>
      </c>
      <c r="K18" s="160">
        <v>2</v>
      </c>
      <c r="L18" s="163">
        <v>46</v>
      </c>
      <c r="M18" s="164">
        <v>46</v>
      </c>
      <c r="N18" s="159">
        <v>0</v>
      </c>
      <c r="O18" s="160">
        <v>0</v>
      </c>
      <c r="P18" s="165">
        <v>0</v>
      </c>
      <c r="Q18" s="162">
        <v>0</v>
      </c>
      <c r="R18" s="160">
        <v>0</v>
      </c>
      <c r="S18" s="160">
        <v>0</v>
      </c>
      <c r="T18" s="160">
        <v>1</v>
      </c>
      <c r="U18" s="160">
        <v>0</v>
      </c>
      <c r="V18" s="160">
        <v>1</v>
      </c>
      <c r="W18" s="165">
        <v>2</v>
      </c>
      <c r="X18" s="164">
        <v>2</v>
      </c>
      <c r="Y18" s="159">
        <v>6</v>
      </c>
      <c r="Z18" s="160">
        <v>4</v>
      </c>
      <c r="AA18" s="165">
        <v>10</v>
      </c>
      <c r="AB18" s="162">
        <v>0</v>
      </c>
      <c r="AC18" s="160">
        <v>13</v>
      </c>
      <c r="AD18" s="160">
        <v>25</v>
      </c>
      <c r="AE18" s="160">
        <v>6</v>
      </c>
      <c r="AF18" s="160">
        <v>9</v>
      </c>
      <c r="AG18" s="160">
        <v>6</v>
      </c>
      <c r="AH18" s="165">
        <v>59</v>
      </c>
      <c r="AI18" s="164">
        <v>69</v>
      </c>
      <c r="AJ18" s="159">
        <v>1</v>
      </c>
      <c r="AK18" s="160">
        <v>0</v>
      </c>
      <c r="AL18" s="165">
        <v>1</v>
      </c>
      <c r="AM18" s="162">
        <v>0</v>
      </c>
      <c r="AN18" s="160">
        <v>1</v>
      </c>
      <c r="AO18" s="160">
        <v>2</v>
      </c>
      <c r="AP18" s="160">
        <v>1</v>
      </c>
      <c r="AQ18" s="160">
        <v>1</v>
      </c>
      <c r="AR18" s="160">
        <v>1</v>
      </c>
      <c r="AS18" s="165">
        <v>6</v>
      </c>
      <c r="AT18" s="164">
        <v>7</v>
      </c>
      <c r="AU18" s="159">
        <v>2</v>
      </c>
      <c r="AV18" s="160">
        <v>5</v>
      </c>
      <c r="AW18" s="165">
        <v>7</v>
      </c>
      <c r="AX18" s="162">
        <v>0</v>
      </c>
      <c r="AY18" s="160">
        <v>16</v>
      </c>
      <c r="AZ18" s="160">
        <v>23</v>
      </c>
      <c r="BA18" s="160">
        <v>13</v>
      </c>
      <c r="BB18" s="160">
        <v>20</v>
      </c>
      <c r="BC18" s="160">
        <v>11</v>
      </c>
      <c r="BD18" s="163">
        <v>83</v>
      </c>
      <c r="BE18" s="164">
        <v>90</v>
      </c>
      <c r="BF18" s="159">
        <v>0</v>
      </c>
      <c r="BG18" s="160">
        <v>0</v>
      </c>
      <c r="BH18" s="165">
        <v>0</v>
      </c>
      <c r="BI18" s="162">
        <v>0</v>
      </c>
      <c r="BJ18" s="160">
        <v>19</v>
      </c>
      <c r="BK18" s="160">
        <v>21</v>
      </c>
      <c r="BL18" s="160">
        <v>11</v>
      </c>
      <c r="BM18" s="160">
        <v>5</v>
      </c>
      <c r="BN18" s="160">
        <v>0</v>
      </c>
      <c r="BO18" s="165">
        <v>56</v>
      </c>
      <c r="BP18" s="164">
        <v>56</v>
      </c>
      <c r="BQ18" s="159">
        <v>2</v>
      </c>
      <c r="BR18" s="160">
        <v>11</v>
      </c>
      <c r="BS18" s="165">
        <v>13</v>
      </c>
      <c r="BT18" s="162">
        <v>0</v>
      </c>
      <c r="BU18" s="160">
        <v>9</v>
      </c>
      <c r="BV18" s="160">
        <v>23</v>
      </c>
      <c r="BW18" s="160">
        <v>5</v>
      </c>
      <c r="BX18" s="160">
        <v>2</v>
      </c>
      <c r="BY18" s="160">
        <v>2</v>
      </c>
      <c r="BZ18" s="165">
        <v>41</v>
      </c>
      <c r="CA18" s="164">
        <v>54</v>
      </c>
      <c r="CB18" s="159">
        <v>0</v>
      </c>
      <c r="CC18" s="160">
        <v>0</v>
      </c>
      <c r="CD18" s="165">
        <v>0</v>
      </c>
      <c r="CE18" s="162">
        <v>0</v>
      </c>
      <c r="CF18" s="160">
        <v>2</v>
      </c>
      <c r="CG18" s="160">
        <v>2</v>
      </c>
      <c r="CH18" s="160">
        <v>1</v>
      </c>
      <c r="CI18" s="160">
        <v>2</v>
      </c>
      <c r="CJ18" s="160">
        <v>0</v>
      </c>
      <c r="CK18" s="165">
        <v>7</v>
      </c>
      <c r="CL18" s="164">
        <v>7</v>
      </c>
      <c r="CM18" s="159">
        <v>0</v>
      </c>
      <c r="CN18" s="160">
        <v>0</v>
      </c>
      <c r="CO18" s="165">
        <v>0</v>
      </c>
      <c r="CP18" s="162">
        <v>0</v>
      </c>
      <c r="CQ18" s="160">
        <v>1</v>
      </c>
      <c r="CR18" s="160">
        <v>3</v>
      </c>
      <c r="CS18" s="160">
        <v>0</v>
      </c>
      <c r="CT18" s="160">
        <v>0</v>
      </c>
      <c r="CU18" s="160">
        <v>1</v>
      </c>
      <c r="CV18" s="165">
        <v>5</v>
      </c>
      <c r="CW18" s="164">
        <v>5</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3</v>
      </c>
      <c r="DU18" s="160">
        <v>19</v>
      </c>
      <c r="DV18" s="165">
        <v>32</v>
      </c>
      <c r="DW18" s="162">
        <v>0</v>
      </c>
      <c r="DX18" s="160">
        <v>18</v>
      </c>
      <c r="DY18" s="160">
        <v>47</v>
      </c>
      <c r="DZ18" s="160">
        <v>32</v>
      </c>
      <c r="EA18" s="160">
        <v>13</v>
      </c>
      <c r="EB18" s="160">
        <v>7</v>
      </c>
      <c r="EC18" s="165">
        <v>117</v>
      </c>
      <c r="ED18" s="164">
        <v>149</v>
      </c>
      <c r="EE18" s="159">
        <v>1</v>
      </c>
      <c r="EF18" s="160">
        <v>1</v>
      </c>
      <c r="EG18" s="165">
        <v>2</v>
      </c>
      <c r="EH18" s="162">
        <v>0</v>
      </c>
      <c r="EI18" s="160">
        <v>9</v>
      </c>
      <c r="EJ18" s="160">
        <v>14</v>
      </c>
      <c r="EK18" s="160">
        <v>5</v>
      </c>
      <c r="EL18" s="160">
        <v>11</v>
      </c>
      <c r="EM18" s="160">
        <v>4</v>
      </c>
      <c r="EN18" s="165">
        <v>43</v>
      </c>
      <c r="EO18" s="164">
        <v>45</v>
      </c>
      <c r="EP18" s="159">
        <v>20</v>
      </c>
      <c r="EQ18" s="160">
        <v>30</v>
      </c>
      <c r="ER18" s="165">
        <v>50</v>
      </c>
      <c r="ES18" s="162">
        <v>0</v>
      </c>
      <c r="ET18" s="160">
        <v>55</v>
      </c>
      <c r="EU18" s="160">
        <v>72</v>
      </c>
      <c r="EV18" s="160">
        <v>33</v>
      </c>
      <c r="EW18" s="160">
        <v>14</v>
      </c>
      <c r="EX18" s="160">
        <v>7</v>
      </c>
      <c r="EY18" s="165">
        <v>181</v>
      </c>
      <c r="EZ18" s="164">
        <v>231</v>
      </c>
    </row>
    <row r="19" spans="2:156" ht="21" customHeight="1" x14ac:dyDescent="0.2">
      <c r="B19" s="166" t="s">
        <v>17</v>
      </c>
      <c r="C19" s="159">
        <v>0</v>
      </c>
      <c r="D19" s="160">
        <v>0</v>
      </c>
      <c r="E19" s="161">
        <v>0</v>
      </c>
      <c r="F19" s="162">
        <v>0</v>
      </c>
      <c r="G19" s="160">
        <v>17</v>
      </c>
      <c r="H19" s="160">
        <v>30</v>
      </c>
      <c r="I19" s="160">
        <v>15</v>
      </c>
      <c r="J19" s="160">
        <v>6</v>
      </c>
      <c r="K19" s="160">
        <v>6</v>
      </c>
      <c r="L19" s="163">
        <v>74</v>
      </c>
      <c r="M19" s="164">
        <v>74</v>
      </c>
      <c r="N19" s="159">
        <v>0</v>
      </c>
      <c r="O19" s="160">
        <v>0</v>
      </c>
      <c r="P19" s="165">
        <v>0</v>
      </c>
      <c r="Q19" s="162">
        <v>0</v>
      </c>
      <c r="R19" s="160">
        <v>0</v>
      </c>
      <c r="S19" s="160">
        <v>1</v>
      </c>
      <c r="T19" s="160">
        <v>1</v>
      </c>
      <c r="U19" s="160">
        <v>0</v>
      </c>
      <c r="V19" s="160">
        <v>0</v>
      </c>
      <c r="W19" s="165">
        <v>2</v>
      </c>
      <c r="X19" s="164">
        <v>2</v>
      </c>
      <c r="Y19" s="159">
        <v>1</v>
      </c>
      <c r="Z19" s="160">
        <v>3</v>
      </c>
      <c r="AA19" s="165">
        <v>4</v>
      </c>
      <c r="AB19" s="162">
        <v>0</v>
      </c>
      <c r="AC19" s="160">
        <v>16</v>
      </c>
      <c r="AD19" s="160">
        <v>21</v>
      </c>
      <c r="AE19" s="160">
        <v>18</v>
      </c>
      <c r="AF19" s="160">
        <v>9</v>
      </c>
      <c r="AG19" s="160">
        <v>2</v>
      </c>
      <c r="AH19" s="165">
        <v>66</v>
      </c>
      <c r="AI19" s="164">
        <v>70</v>
      </c>
      <c r="AJ19" s="159">
        <v>0</v>
      </c>
      <c r="AK19" s="160">
        <v>2</v>
      </c>
      <c r="AL19" s="165">
        <v>2</v>
      </c>
      <c r="AM19" s="162">
        <v>0</v>
      </c>
      <c r="AN19" s="160">
        <v>1</v>
      </c>
      <c r="AO19" s="160">
        <v>2</v>
      </c>
      <c r="AP19" s="160">
        <v>1</v>
      </c>
      <c r="AQ19" s="160">
        <v>0</v>
      </c>
      <c r="AR19" s="160">
        <v>1</v>
      </c>
      <c r="AS19" s="165">
        <v>5</v>
      </c>
      <c r="AT19" s="164">
        <v>7</v>
      </c>
      <c r="AU19" s="159">
        <v>9</v>
      </c>
      <c r="AV19" s="160">
        <v>3</v>
      </c>
      <c r="AW19" s="165">
        <v>12</v>
      </c>
      <c r="AX19" s="162">
        <v>0</v>
      </c>
      <c r="AY19" s="160">
        <v>13</v>
      </c>
      <c r="AZ19" s="160">
        <v>35</v>
      </c>
      <c r="BA19" s="160">
        <v>28</v>
      </c>
      <c r="BB19" s="160">
        <v>12</v>
      </c>
      <c r="BC19" s="160">
        <v>10</v>
      </c>
      <c r="BD19" s="163">
        <v>98</v>
      </c>
      <c r="BE19" s="164">
        <v>110</v>
      </c>
      <c r="BF19" s="159">
        <v>0</v>
      </c>
      <c r="BG19" s="160">
        <v>0</v>
      </c>
      <c r="BH19" s="165">
        <v>0</v>
      </c>
      <c r="BI19" s="162">
        <v>0</v>
      </c>
      <c r="BJ19" s="160">
        <v>20</v>
      </c>
      <c r="BK19" s="160">
        <v>29</v>
      </c>
      <c r="BL19" s="160">
        <v>20</v>
      </c>
      <c r="BM19" s="160">
        <v>4</v>
      </c>
      <c r="BN19" s="160">
        <v>1</v>
      </c>
      <c r="BO19" s="165">
        <v>74</v>
      </c>
      <c r="BP19" s="164">
        <v>74</v>
      </c>
      <c r="BQ19" s="159">
        <v>5</v>
      </c>
      <c r="BR19" s="160">
        <v>3</v>
      </c>
      <c r="BS19" s="165">
        <v>8</v>
      </c>
      <c r="BT19" s="162">
        <v>0</v>
      </c>
      <c r="BU19" s="160">
        <v>3</v>
      </c>
      <c r="BV19" s="160">
        <v>15</v>
      </c>
      <c r="BW19" s="160">
        <v>6</v>
      </c>
      <c r="BX19" s="160">
        <v>2</v>
      </c>
      <c r="BY19" s="160">
        <v>2</v>
      </c>
      <c r="BZ19" s="165">
        <v>28</v>
      </c>
      <c r="CA19" s="164">
        <v>36</v>
      </c>
      <c r="CB19" s="159">
        <v>0</v>
      </c>
      <c r="CC19" s="160">
        <v>1</v>
      </c>
      <c r="CD19" s="165">
        <v>1</v>
      </c>
      <c r="CE19" s="162">
        <v>0</v>
      </c>
      <c r="CF19" s="160">
        <v>2</v>
      </c>
      <c r="CG19" s="160">
        <v>11</v>
      </c>
      <c r="CH19" s="160">
        <v>5</v>
      </c>
      <c r="CI19" s="160">
        <v>1</v>
      </c>
      <c r="CJ19" s="160">
        <v>2</v>
      </c>
      <c r="CK19" s="165">
        <v>21</v>
      </c>
      <c r="CL19" s="164">
        <v>22</v>
      </c>
      <c r="CM19" s="159">
        <v>0</v>
      </c>
      <c r="CN19" s="160">
        <v>0</v>
      </c>
      <c r="CO19" s="165">
        <v>0</v>
      </c>
      <c r="CP19" s="162">
        <v>0</v>
      </c>
      <c r="CQ19" s="160">
        <v>0</v>
      </c>
      <c r="CR19" s="160">
        <v>3</v>
      </c>
      <c r="CS19" s="160">
        <v>2</v>
      </c>
      <c r="CT19" s="160">
        <v>1</v>
      </c>
      <c r="CU19" s="160">
        <v>0</v>
      </c>
      <c r="CV19" s="165">
        <v>6</v>
      </c>
      <c r="CW19" s="164">
        <v>6</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10</v>
      </c>
      <c r="DU19" s="160">
        <v>27</v>
      </c>
      <c r="DV19" s="165">
        <v>37</v>
      </c>
      <c r="DW19" s="162">
        <v>0</v>
      </c>
      <c r="DX19" s="160">
        <v>23</v>
      </c>
      <c r="DY19" s="160">
        <v>75</v>
      </c>
      <c r="DZ19" s="160">
        <v>41</v>
      </c>
      <c r="EA19" s="160">
        <v>15</v>
      </c>
      <c r="EB19" s="160">
        <v>11</v>
      </c>
      <c r="EC19" s="165">
        <v>165</v>
      </c>
      <c r="ED19" s="164">
        <v>202</v>
      </c>
      <c r="EE19" s="159">
        <v>4</v>
      </c>
      <c r="EF19" s="160">
        <v>2</v>
      </c>
      <c r="EG19" s="165">
        <v>6</v>
      </c>
      <c r="EH19" s="162">
        <v>0</v>
      </c>
      <c r="EI19" s="160">
        <v>7</v>
      </c>
      <c r="EJ19" s="160">
        <v>14</v>
      </c>
      <c r="EK19" s="160">
        <v>6</v>
      </c>
      <c r="EL19" s="160">
        <v>1</v>
      </c>
      <c r="EM19" s="160">
        <v>1</v>
      </c>
      <c r="EN19" s="165">
        <v>29</v>
      </c>
      <c r="EO19" s="164">
        <v>35</v>
      </c>
      <c r="EP19" s="159">
        <v>16</v>
      </c>
      <c r="EQ19" s="160">
        <v>30</v>
      </c>
      <c r="ER19" s="165">
        <v>46</v>
      </c>
      <c r="ES19" s="162">
        <v>0</v>
      </c>
      <c r="ET19" s="160">
        <v>75</v>
      </c>
      <c r="EU19" s="160">
        <v>106</v>
      </c>
      <c r="EV19" s="160">
        <v>47</v>
      </c>
      <c r="EW19" s="160">
        <v>17</v>
      </c>
      <c r="EX19" s="160">
        <v>11</v>
      </c>
      <c r="EY19" s="165">
        <v>256</v>
      </c>
      <c r="EZ19" s="164">
        <v>302</v>
      </c>
    </row>
    <row r="20" spans="2:156" ht="21" customHeight="1" x14ac:dyDescent="0.2">
      <c r="B20" s="166" t="s">
        <v>18</v>
      </c>
      <c r="C20" s="159">
        <v>0</v>
      </c>
      <c r="D20" s="160">
        <v>0</v>
      </c>
      <c r="E20" s="161">
        <v>0</v>
      </c>
      <c r="F20" s="162">
        <v>0</v>
      </c>
      <c r="G20" s="160">
        <v>24</v>
      </c>
      <c r="H20" s="160">
        <v>23</v>
      </c>
      <c r="I20" s="160">
        <v>21</v>
      </c>
      <c r="J20" s="160">
        <v>8</v>
      </c>
      <c r="K20" s="160">
        <v>8</v>
      </c>
      <c r="L20" s="163">
        <v>84</v>
      </c>
      <c r="M20" s="164">
        <v>84</v>
      </c>
      <c r="N20" s="159">
        <v>0</v>
      </c>
      <c r="O20" s="160">
        <v>0</v>
      </c>
      <c r="P20" s="165">
        <v>0</v>
      </c>
      <c r="Q20" s="162">
        <v>0</v>
      </c>
      <c r="R20" s="160">
        <v>0</v>
      </c>
      <c r="S20" s="160">
        <v>0</v>
      </c>
      <c r="T20" s="160">
        <v>0</v>
      </c>
      <c r="U20" s="160">
        <v>5</v>
      </c>
      <c r="V20" s="160">
        <v>7</v>
      </c>
      <c r="W20" s="165">
        <v>12</v>
      </c>
      <c r="X20" s="164">
        <v>12</v>
      </c>
      <c r="Y20" s="159">
        <v>7</v>
      </c>
      <c r="Z20" s="160">
        <v>11</v>
      </c>
      <c r="AA20" s="165">
        <v>18</v>
      </c>
      <c r="AB20" s="162">
        <v>0</v>
      </c>
      <c r="AC20" s="160">
        <v>25</v>
      </c>
      <c r="AD20" s="160">
        <v>28</v>
      </c>
      <c r="AE20" s="160">
        <v>15</v>
      </c>
      <c r="AF20" s="160">
        <v>9</v>
      </c>
      <c r="AG20" s="160">
        <v>5</v>
      </c>
      <c r="AH20" s="165">
        <v>82</v>
      </c>
      <c r="AI20" s="164">
        <v>100</v>
      </c>
      <c r="AJ20" s="159">
        <v>0</v>
      </c>
      <c r="AK20" s="160">
        <v>1</v>
      </c>
      <c r="AL20" s="165">
        <v>1</v>
      </c>
      <c r="AM20" s="162">
        <v>0</v>
      </c>
      <c r="AN20" s="160">
        <v>2</v>
      </c>
      <c r="AO20" s="160">
        <v>3</v>
      </c>
      <c r="AP20" s="160">
        <v>5</v>
      </c>
      <c r="AQ20" s="160">
        <v>1</v>
      </c>
      <c r="AR20" s="160">
        <v>0</v>
      </c>
      <c r="AS20" s="165">
        <v>11</v>
      </c>
      <c r="AT20" s="164">
        <v>12</v>
      </c>
      <c r="AU20" s="159">
        <v>5</v>
      </c>
      <c r="AV20" s="160">
        <v>5</v>
      </c>
      <c r="AW20" s="165">
        <v>10</v>
      </c>
      <c r="AX20" s="162">
        <v>0</v>
      </c>
      <c r="AY20" s="160">
        <v>40</v>
      </c>
      <c r="AZ20" s="160">
        <v>40</v>
      </c>
      <c r="BA20" s="160">
        <v>43</v>
      </c>
      <c r="BB20" s="160">
        <v>30</v>
      </c>
      <c r="BC20" s="160">
        <v>24</v>
      </c>
      <c r="BD20" s="163">
        <v>177</v>
      </c>
      <c r="BE20" s="164">
        <v>187</v>
      </c>
      <c r="BF20" s="159">
        <v>0</v>
      </c>
      <c r="BG20" s="160">
        <v>0</v>
      </c>
      <c r="BH20" s="165">
        <v>0</v>
      </c>
      <c r="BI20" s="162">
        <v>0</v>
      </c>
      <c r="BJ20" s="160">
        <v>63</v>
      </c>
      <c r="BK20" s="160">
        <v>39</v>
      </c>
      <c r="BL20" s="160">
        <v>26</v>
      </c>
      <c r="BM20" s="160">
        <v>2</v>
      </c>
      <c r="BN20" s="160">
        <v>4</v>
      </c>
      <c r="BO20" s="165">
        <v>134</v>
      </c>
      <c r="BP20" s="164">
        <v>134</v>
      </c>
      <c r="BQ20" s="159">
        <v>3</v>
      </c>
      <c r="BR20" s="160">
        <v>9</v>
      </c>
      <c r="BS20" s="165">
        <v>12</v>
      </c>
      <c r="BT20" s="162">
        <v>0</v>
      </c>
      <c r="BU20" s="160">
        <v>17</v>
      </c>
      <c r="BV20" s="160">
        <v>8</v>
      </c>
      <c r="BW20" s="160">
        <v>6</v>
      </c>
      <c r="BX20" s="160">
        <v>2</v>
      </c>
      <c r="BY20" s="160">
        <v>2</v>
      </c>
      <c r="BZ20" s="165">
        <v>35</v>
      </c>
      <c r="CA20" s="164">
        <v>47</v>
      </c>
      <c r="CB20" s="159">
        <v>0</v>
      </c>
      <c r="CC20" s="160">
        <v>1</v>
      </c>
      <c r="CD20" s="165">
        <v>1</v>
      </c>
      <c r="CE20" s="162">
        <v>0</v>
      </c>
      <c r="CF20" s="160">
        <v>6</v>
      </c>
      <c r="CG20" s="160">
        <v>10</v>
      </c>
      <c r="CH20" s="160">
        <v>9</v>
      </c>
      <c r="CI20" s="160">
        <v>4</v>
      </c>
      <c r="CJ20" s="160">
        <v>5</v>
      </c>
      <c r="CK20" s="165">
        <v>34</v>
      </c>
      <c r="CL20" s="164">
        <v>35</v>
      </c>
      <c r="CM20" s="159">
        <v>0</v>
      </c>
      <c r="CN20" s="160">
        <v>0</v>
      </c>
      <c r="CO20" s="165">
        <v>0</v>
      </c>
      <c r="CP20" s="162">
        <v>0</v>
      </c>
      <c r="CQ20" s="160">
        <v>1</v>
      </c>
      <c r="CR20" s="160">
        <v>0</v>
      </c>
      <c r="CS20" s="160">
        <v>2</v>
      </c>
      <c r="CT20" s="160">
        <v>0</v>
      </c>
      <c r="CU20" s="160">
        <v>0</v>
      </c>
      <c r="CV20" s="165">
        <v>3</v>
      </c>
      <c r="CW20" s="164">
        <v>3</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11</v>
      </c>
      <c r="DU20" s="160">
        <v>30</v>
      </c>
      <c r="DV20" s="165">
        <v>41</v>
      </c>
      <c r="DW20" s="162">
        <v>0</v>
      </c>
      <c r="DX20" s="160">
        <v>60</v>
      </c>
      <c r="DY20" s="160">
        <v>64</v>
      </c>
      <c r="DZ20" s="160">
        <v>43</v>
      </c>
      <c r="EA20" s="160">
        <v>24</v>
      </c>
      <c r="EB20" s="160">
        <v>18</v>
      </c>
      <c r="EC20" s="165">
        <v>209</v>
      </c>
      <c r="ED20" s="164">
        <v>250</v>
      </c>
      <c r="EE20" s="159">
        <v>2</v>
      </c>
      <c r="EF20" s="160">
        <v>0</v>
      </c>
      <c r="EG20" s="165">
        <v>2</v>
      </c>
      <c r="EH20" s="162">
        <v>0</v>
      </c>
      <c r="EI20" s="160">
        <v>16</v>
      </c>
      <c r="EJ20" s="160">
        <v>10</v>
      </c>
      <c r="EK20" s="160">
        <v>15</v>
      </c>
      <c r="EL20" s="160">
        <v>10</v>
      </c>
      <c r="EM20" s="160">
        <v>5</v>
      </c>
      <c r="EN20" s="165">
        <v>56</v>
      </c>
      <c r="EO20" s="164">
        <v>58</v>
      </c>
      <c r="EP20" s="159">
        <v>18</v>
      </c>
      <c r="EQ20" s="160">
        <v>39</v>
      </c>
      <c r="ER20" s="165">
        <v>57</v>
      </c>
      <c r="ES20" s="162">
        <v>0</v>
      </c>
      <c r="ET20" s="160">
        <v>125</v>
      </c>
      <c r="EU20" s="160">
        <v>90</v>
      </c>
      <c r="EV20" s="160">
        <v>55</v>
      </c>
      <c r="EW20" s="160">
        <v>22</v>
      </c>
      <c r="EX20" s="160">
        <v>21</v>
      </c>
      <c r="EY20" s="165">
        <v>313</v>
      </c>
      <c r="EZ20" s="164">
        <v>370</v>
      </c>
    </row>
    <row r="21" spans="2:156" ht="21" customHeight="1" x14ac:dyDescent="0.2">
      <c r="B21" s="166" t="s">
        <v>19</v>
      </c>
      <c r="C21" s="159">
        <v>0</v>
      </c>
      <c r="D21" s="160">
        <v>0</v>
      </c>
      <c r="E21" s="161">
        <v>0</v>
      </c>
      <c r="F21" s="162">
        <v>0</v>
      </c>
      <c r="G21" s="160">
        <v>9</v>
      </c>
      <c r="H21" s="160">
        <v>7</v>
      </c>
      <c r="I21" s="160">
        <v>3</v>
      </c>
      <c r="J21" s="160">
        <v>2</v>
      </c>
      <c r="K21" s="160">
        <v>1</v>
      </c>
      <c r="L21" s="163">
        <v>22</v>
      </c>
      <c r="M21" s="164">
        <v>22</v>
      </c>
      <c r="N21" s="159">
        <v>0</v>
      </c>
      <c r="O21" s="160">
        <v>0</v>
      </c>
      <c r="P21" s="165">
        <v>0</v>
      </c>
      <c r="Q21" s="162">
        <v>0</v>
      </c>
      <c r="R21" s="160">
        <v>0</v>
      </c>
      <c r="S21" s="160">
        <v>0</v>
      </c>
      <c r="T21" s="160">
        <v>2</v>
      </c>
      <c r="U21" s="160">
        <v>0</v>
      </c>
      <c r="V21" s="160">
        <v>0</v>
      </c>
      <c r="W21" s="165">
        <v>2</v>
      </c>
      <c r="X21" s="164">
        <v>2</v>
      </c>
      <c r="Y21" s="159">
        <v>3</v>
      </c>
      <c r="Z21" s="160">
        <v>6</v>
      </c>
      <c r="AA21" s="165">
        <v>9</v>
      </c>
      <c r="AB21" s="162">
        <v>0</v>
      </c>
      <c r="AC21" s="160">
        <v>14</v>
      </c>
      <c r="AD21" s="160">
        <v>9</v>
      </c>
      <c r="AE21" s="160">
        <v>6</v>
      </c>
      <c r="AF21" s="160">
        <v>3</v>
      </c>
      <c r="AG21" s="160">
        <v>3</v>
      </c>
      <c r="AH21" s="165">
        <v>35</v>
      </c>
      <c r="AI21" s="164">
        <v>44</v>
      </c>
      <c r="AJ21" s="159">
        <v>0</v>
      </c>
      <c r="AK21" s="160">
        <v>0</v>
      </c>
      <c r="AL21" s="165">
        <v>0</v>
      </c>
      <c r="AM21" s="162">
        <v>0</v>
      </c>
      <c r="AN21" s="160">
        <v>1</v>
      </c>
      <c r="AO21" s="160">
        <v>1</v>
      </c>
      <c r="AP21" s="160">
        <v>0</v>
      </c>
      <c r="AQ21" s="160">
        <v>1</v>
      </c>
      <c r="AR21" s="160">
        <v>1</v>
      </c>
      <c r="AS21" s="165">
        <v>4</v>
      </c>
      <c r="AT21" s="164">
        <v>4</v>
      </c>
      <c r="AU21" s="159">
        <v>3</v>
      </c>
      <c r="AV21" s="160">
        <v>7</v>
      </c>
      <c r="AW21" s="165">
        <v>10</v>
      </c>
      <c r="AX21" s="162">
        <v>0</v>
      </c>
      <c r="AY21" s="160">
        <v>21</v>
      </c>
      <c r="AZ21" s="160">
        <v>16</v>
      </c>
      <c r="BA21" s="160">
        <v>11</v>
      </c>
      <c r="BB21" s="160">
        <v>8</v>
      </c>
      <c r="BC21" s="160">
        <v>14</v>
      </c>
      <c r="BD21" s="163">
        <v>70</v>
      </c>
      <c r="BE21" s="164">
        <v>80</v>
      </c>
      <c r="BF21" s="159">
        <v>0</v>
      </c>
      <c r="BG21" s="160">
        <v>0</v>
      </c>
      <c r="BH21" s="165">
        <v>0</v>
      </c>
      <c r="BI21" s="162">
        <v>0</v>
      </c>
      <c r="BJ21" s="160">
        <v>21</v>
      </c>
      <c r="BK21" s="160">
        <v>15</v>
      </c>
      <c r="BL21" s="160">
        <v>4</v>
      </c>
      <c r="BM21" s="160">
        <v>0</v>
      </c>
      <c r="BN21" s="160">
        <v>1</v>
      </c>
      <c r="BO21" s="165">
        <v>41</v>
      </c>
      <c r="BP21" s="164">
        <v>41</v>
      </c>
      <c r="BQ21" s="159">
        <v>3</v>
      </c>
      <c r="BR21" s="160">
        <v>2</v>
      </c>
      <c r="BS21" s="165">
        <v>5</v>
      </c>
      <c r="BT21" s="162">
        <v>0</v>
      </c>
      <c r="BU21" s="160">
        <v>10</v>
      </c>
      <c r="BV21" s="160">
        <v>10</v>
      </c>
      <c r="BW21" s="160">
        <v>2</v>
      </c>
      <c r="BX21" s="160">
        <v>2</v>
      </c>
      <c r="BY21" s="160">
        <v>1</v>
      </c>
      <c r="BZ21" s="165">
        <v>25</v>
      </c>
      <c r="CA21" s="164">
        <v>30</v>
      </c>
      <c r="CB21" s="159">
        <v>0</v>
      </c>
      <c r="CC21" s="160">
        <v>0</v>
      </c>
      <c r="CD21" s="165">
        <v>0</v>
      </c>
      <c r="CE21" s="162">
        <v>0</v>
      </c>
      <c r="CF21" s="160">
        <v>1</v>
      </c>
      <c r="CG21" s="160">
        <v>2</v>
      </c>
      <c r="CH21" s="160">
        <v>2</v>
      </c>
      <c r="CI21" s="160">
        <v>1</v>
      </c>
      <c r="CJ21" s="160">
        <v>0</v>
      </c>
      <c r="CK21" s="165">
        <v>6</v>
      </c>
      <c r="CL21" s="164">
        <v>6</v>
      </c>
      <c r="CM21" s="159">
        <v>0</v>
      </c>
      <c r="CN21" s="160">
        <v>0</v>
      </c>
      <c r="CO21" s="165">
        <v>0</v>
      </c>
      <c r="CP21" s="162">
        <v>0</v>
      </c>
      <c r="CQ21" s="160">
        <v>0</v>
      </c>
      <c r="CR21" s="160">
        <v>1</v>
      </c>
      <c r="CS21" s="160">
        <v>1</v>
      </c>
      <c r="CT21" s="160">
        <v>0</v>
      </c>
      <c r="CU21" s="160">
        <v>0</v>
      </c>
      <c r="CV21" s="165">
        <v>2</v>
      </c>
      <c r="CW21" s="164">
        <v>2</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9</v>
      </c>
      <c r="DU21" s="160">
        <v>14</v>
      </c>
      <c r="DV21" s="165">
        <v>23</v>
      </c>
      <c r="DW21" s="162">
        <v>0</v>
      </c>
      <c r="DX21" s="160">
        <v>34</v>
      </c>
      <c r="DY21" s="160">
        <v>28</v>
      </c>
      <c r="DZ21" s="160">
        <v>12</v>
      </c>
      <c r="EA21" s="160">
        <v>6</v>
      </c>
      <c r="EB21" s="160">
        <v>8</v>
      </c>
      <c r="EC21" s="165">
        <v>88</v>
      </c>
      <c r="ED21" s="164">
        <v>111</v>
      </c>
      <c r="EE21" s="159">
        <v>2</v>
      </c>
      <c r="EF21" s="160">
        <v>4</v>
      </c>
      <c r="EG21" s="165">
        <v>6</v>
      </c>
      <c r="EH21" s="162">
        <v>0</v>
      </c>
      <c r="EI21" s="160">
        <v>7</v>
      </c>
      <c r="EJ21" s="160">
        <v>7</v>
      </c>
      <c r="EK21" s="160">
        <v>3</v>
      </c>
      <c r="EL21" s="160">
        <v>3</v>
      </c>
      <c r="EM21" s="160">
        <v>4</v>
      </c>
      <c r="EN21" s="165">
        <v>24</v>
      </c>
      <c r="EO21" s="164">
        <v>30</v>
      </c>
      <c r="EP21" s="159">
        <v>14</v>
      </c>
      <c r="EQ21" s="160">
        <v>20</v>
      </c>
      <c r="ER21" s="165">
        <v>34</v>
      </c>
      <c r="ES21" s="162">
        <v>0</v>
      </c>
      <c r="ET21" s="160">
        <v>54</v>
      </c>
      <c r="EU21" s="160">
        <v>39</v>
      </c>
      <c r="EV21" s="160">
        <v>11</v>
      </c>
      <c r="EW21" s="160">
        <v>6</v>
      </c>
      <c r="EX21" s="160">
        <v>6</v>
      </c>
      <c r="EY21" s="165">
        <v>116</v>
      </c>
      <c r="EZ21" s="164">
        <v>150</v>
      </c>
    </row>
    <row r="22" spans="2:156" ht="21" customHeight="1" x14ac:dyDescent="0.2">
      <c r="B22" s="166" t="s">
        <v>20</v>
      </c>
      <c r="C22" s="159">
        <v>0</v>
      </c>
      <c r="D22" s="160">
        <v>0</v>
      </c>
      <c r="E22" s="161">
        <v>0</v>
      </c>
      <c r="F22" s="162">
        <v>0</v>
      </c>
      <c r="G22" s="160">
        <v>19</v>
      </c>
      <c r="H22" s="160">
        <v>17</v>
      </c>
      <c r="I22" s="160">
        <v>6</v>
      </c>
      <c r="J22" s="160">
        <v>5</v>
      </c>
      <c r="K22" s="160">
        <v>3</v>
      </c>
      <c r="L22" s="163">
        <v>50</v>
      </c>
      <c r="M22" s="164">
        <v>50</v>
      </c>
      <c r="N22" s="159">
        <v>0</v>
      </c>
      <c r="O22" s="160">
        <v>0</v>
      </c>
      <c r="P22" s="165">
        <v>0</v>
      </c>
      <c r="Q22" s="162">
        <v>0</v>
      </c>
      <c r="R22" s="160">
        <v>0</v>
      </c>
      <c r="S22" s="160">
        <v>1</v>
      </c>
      <c r="T22" s="160">
        <v>1</v>
      </c>
      <c r="U22" s="160">
        <v>2</v>
      </c>
      <c r="V22" s="160">
        <v>2</v>
      </c>
      <c r="W22" s="165">
        <v>6</v>
      </c>
      <c r="X22" s="164">
        <v>6</v>
      </c>
      <c r="Y22" s="159">
        <v>3</v>
      </c>
      <c r="Z22" s="160">
        <v>8</v>
      </c>
      <c r="AA22" s="165">
        <v>11</v>
      </c>
      <c r="AB22" s="162">
        <v>0</v>
      </c>
      <c r="AC22" s="160">
        <v>18</v>
      </c>
      <c r="AD22" s="160">
        <v>23</v>
      </c>
      <c r="AE22" s="160">
        <v>12</v>
      </c>
      <c r="AF22" s="160">
        <v>4</v>
      </c>
      <c r="AG22" s="160">
        <v>3</v>
      </c>
      <c r="AH22" s="165">
        <v>60</v>
      </c>
      <c r="AI22" s="164">
        <v>71</v>
      </c>
      <c r="AJ22" s="159">
        <v>3</v>
      </c>
      <c r="AK22" s="160">
        <v>3</v>
      </c>
      <c r="AL22" s="165">
        <v>6</v>
      </c>
      <c r="AM22" s="162">
        <v>0</v>
      </c>
      <c r="AN22" s="160">
        <v>4</v>
      </c>
      <c r="AO22" s="160">
        <v>8</v>
      </c>
      <c r="AP22" s="160">
        <v>7</v>
      </c>
      <c r="AQ22" s="160">
        <v>2</v>
      </c>
      <c r="AR22" s="160">
        <v>0</v>
      </c>
      <c r="AS22" s="165">
        <v>21</v>
      </c>
      <c r="AT22" s="164">
        <v>27</v>
      </c>
      <c r="AU22" s="159">
        <v>2</v>
      </c>
      <c r="AV22" s="160">
        <v>4</v>
      </c>
      <c r="AW22" s="165">
        <v>6</v>
      </c>
      <c r="AX22" s="162">
        <v>0</v>
      </c>
      <c r="AY22" s="160">
        <v>23</v>
      </c>
      <c r="AZ22" s="160">
        <v>25</v>
      </c>
      <c r="BA22" s="160">
        <v>25</v>
      </c>
      <c r="BB22" s="160">
        <v>14</v>
      </c>
      <c r="BC22" s="160">
        <v>7</v>
      </c>
      <c r="BD22" s="163">
        <v>94</v>
      </c>
      <c r="BE22" s="164">
        <v>100</v>
      </c>
      <c r="BF22" s="159">
        <v>0</v>
      </c>
      <c r="BG22" s="160">
        <v>0</v>
      </c>
      <c r="BH22" s="165">
        <v>0</v>
      </c>
      <c r="BI22" s="162">
        <v>0</v>
      </c>
      <c r="BJ22" s="160">
        <v>40</v>
      </c>
      <c r="BK22" s="160">
        <v>21</v>
      </c>
      <c r="BL22" s="160">
        <v>13</v>
      </c>
      <c r="BM22" s="160">
        <v>5</v>
      </c>
      <c r="BN22" s="160">
        <v>0</v>
      </c>
      <c r="BO22" s="165">
        <v>79</v>
      </c>
      <c r="BP22" s="164">
        <v>79</v>
      </c>
      <c r="BQ22" s="159">
        <v>2</v>
      </c>
      <c r="BR22" s="160">
        <v>0</v>
      </c>
      <c r="BS22" s="165">
        <v>2</v>
      </c>
      <c r="BT22" s="162">
        <v>0</v>
      </c>
      <c r="BU22" s="160">
        <v>16</v>
      </c>
      <c r="BV22" s="160">
        <v>7</v>
      </c>
      <c r="BW22" s="160">
        <v>3</v>
      </c>
      <c r="BX22" s="160">
        <v>2</v>
      </c>
      <c r="BY22" s="160">
        <v>1</v>
      </c>
      <c r="BZ22" s="165">
        <v>29</v>
      </c>
      <c r="CA22" s="164">
        <v>31</v>
      </c>
      <c r="CB22" s="159">
        <v>0</v>
      </c>
      <c r="CC22" s="160">
        <v>0</v>
      </c>
      <c r="CD22" s="165">
        <v>0</v>
      </c>
      <c r="CE22" s="162">
        <v>0</v>
      </c>
      <c r="CF22" s="160">
        <v>8</v>
      </c>
      <c r="CG22" s="160">
        <v>5</v>
      </c>
      <c r="CH22" s="160">
        <v>8</v>
      </c>
      <c r="CI22" s="160">
        <v>3</v>
      </c>
      <c r="CJ22" s="160">
        <v>2</v>
      </c>
      <c r="CK22" s="165">
        <v>26</v>
      </c>
      <c r="CL22" s="164">
        <v>26</v>
      </c>
      <c r="CM22" s="159">
        <v>0</v>
      </c>
      <c r="CN22" s="160">
        <v>0</v>
      </c>
      <c r="CO22" s="165">
        <v>0</v>
      </c>
      <c r="CP22" s="162">
        <v>0</v>
      </c>
      <c r="CQ22" s="160">
        <v>1</v>
      </c>
      <c r="CR22" s="160">
        <v>2</v>
      </c>
      <c r="CS22" s="160">
        <v>1</v>
      </c>
      <c r="CT22" s="160">
        <v>1</v>
      </c>
      <c r="CU22" s="160">
        <v>0</v>
      </c>
      <c r="CV22" s="165">
        <v>5</v>
      </c>
      <c r="CW22" s="164">
        <v>5</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3</v>
      </c>
      <c r="DU22" s="160">
        <v>17</v>
      </c>
      <c r="DV22" s="165">
        <v>30</v>
      </c>
      <c r="DW22" s="162">
        <v>0</v>
      </c>
      <c r="DX22" s="160">
        <v>53</v>
      </c>
      <c r="DY22" s="160">
        <v>50</v>
      </c>
      <c r="DZ22" s="160">
        <v>22</v>
      </c>
      <c r="EA22" s="160">
        <v>13</v>
      </c>
      <c r="EB22" s="160">
        <v>4</v>
      </c>
      <c r="EC22" s="165">
        <v>142</v>
      </c>
      <c r="ED22" s="164">
        <v>172</v>
      </c>
      <c r="EE22" s="159">
        <v>2</v>
      </c>
      <c r="EF22" s="160">
        <v>3</v>
      </c>
      <c r="EG22" s="165">
        <v>5</v>
      </c>
      <c r="EH22" s="162">
        <v>0</v>
      </c>
      <c r="EI22" s="160">
        <v>6</v>
      </c>
      <c r="EJ22" s="160">
        <v>3</v>
      </c>
      <c r="EK22" s="160">
        <v>6</v>
      </c>
      <c r="EL22" s="160">
        <v>7</v>
      </c>
      <c r="EM22" s="160">
        <v>2</v>
      </c>
      <c r="EN22" s="165">
        <v>24</v>
      </c>
      <c r="EO22" s="164">
        <v>29</v>
      </c>
      <c r="EP22" s="159">
        <v>19</v>
      </c>
      <c r="EQ22" s="160">
        <v>24</v>
      </c>
      <c r="ER22" s="165">
        <v>43</v>
      </c>
      <c r="ES22" s="162">
        <v>0</v>
      </c>
      <c r="ET22" s="160">
        <v>103</v>
      </c>
      <c r="EU22" s="160">
        <v>70</v>
      </c>
      <c r="EV22" s="160">
        <v>32</v>
      </c>
      <c r="EW22" s="160">
        <v>15</v>
      </c>
      <c r="EX22" s="160">
        <v>5</v>
      </c>
      <c r="EY22" s="165">
        <v>225</v>
      </c>
      <c r="EZ22" s="164">
        <v>268</v>
      </c>
    </row>
    <row r="23" spans="2:156" ht="21" customHeight="1" x14ac:dyDescent="0.2">
      <c r="B23" s="166" t="s">
        <v>21</v>
      </c>
      <c r="C23" s="159">
        <v>0</v>
      </c>
      <c r="D23" s="160">
        <v>0</v>
      </c>
      <c r="E23" s="161">
        <v>0</v>
      </c>
      <c r="F23" s="162">
        <v>0</v>
      </c>
      <c r="G23" s="160">
        <v>12</v>
      </c>
      <c r="H23" s="160">
        <v>17</v>
      </c>
      <c r="I23" s="160">
        <v>6</v>
      </c>
      <c r="J23" s="160">
        <v>5</v>
      </c>
      <c r="K23" s="160">
        <v>3</v>
      </c>
      <c r="L23" s="163">
        <v>43</v>
      </c>
      <c r="M23" s="164">
        <v>43</v>
      </c>
      <c r="N23" s="159">
        <v>0</v>
      </c>
      <c r="O23" s="160">
        <v>0</v>
      </c>
      <c r="P23" s="165">
        <v>0</v>
      </c>
      <c r="Q23" s="162">
        <v>0</v>
      </c>
      <c r="R23" s="160">
        <v>0</v>
      </c>
      <c r="S23" s="160">
        <v>0</v>
      </c>
      <c r="T23" s="160">
        <v>1</v>
      </c>
      <c r="U23" s="160">
        <v>0</v>
      </c>
      <c r="V23" s="160">
        <v>1</v>
      </c>
      <c r="W23" s="165">
        <v>2</v>
      </c>
      <c r="X23" s="164">
        <v>2</v>
      </c>
      <c r="Y23" s="159">
        <v>3</v>
      </c>
      <c r="Z23" s="160">
        <v>6</v>
      </c>
      <c r="AA23" s="165">
        <v>9</v>
      </c>
      <c r="AB23" s="162">
        <v>0</v>
      </c>
      <c r="AC23" s="160">
        <v>17</v>
      </c>
      <c r="AD23" s="160">
        <v>14</v>
      </c>
      <c r="AE23" s="160">
        <v>13</v>
      </c>
      <c r="AF23" s="160">
        <v>5</v>
      </c>
      <c r="AG23" s="160">
        <v>2</v>
      </c>
      <c r="AH23" s="165">
        <v>51</v>
      </c>
      <c r="AI23" s="164">
        <v>60</v>
      </c>
      <c r="AJ23" s="159">
        <v>1</v>
      </c>
      <c r="AK23" s="160">
        <v>1</v>
      </c>
      <c r="AL23" s="165">
        <v>2</v>
      </c>
      <c r="AM23" s="162">
        <v>0</v>
      </c>
      <c r="AN23" s="160">
        <v>1</v>
      </c>
      <c r="AO23" s="160">
        <v>4</v>
      </c>
      <c r="AP23" s="160">
        <v>1</v>
      </c>
      <c r="AQ23" s="160">
        <v>1</v>
      </c>
      <c r="AR23" s="160">
        <v>0</v>
      </c>
      <c r="AS23" s="165">
        <v>7</v>
      </c>
      <c r="AT23" s="164">
        <v>9</v>
      </c>
      <c r="AU23" s="159">
        <v>4</v>
      </c>
      <c r="AV23" s="160">
        <v>1</v>
      </c>
      <c r="AW23" s="165">
        <v>5</v>
      </c>
      <c r="AX23" s="162">
        <v>0</v>
      </c>
      <c r="AY23" s="160">
        <v>19</v>
      </c>
      <c r="AZ23" s="160">
        <v>26</v>
      </c>
      <c r="BA23" s="160">
        <v>13</v>
      </c>
      <c r="BB23" s="160">
        <v>18</v>
      </c>
      <c r="BC23" s="160">
        <v>9</v>
      </c>
      <c r="BD23" s="163">
        <v>85</v>
      </c>
      <c r="BE23" s="164">
        <v>90</v>
      </c>
      <c r="BF23" s="159">
        <v>0</v>
      </c>
      <c r="BG23" s="160">
        <v>0</v>
      </c>
      <c r="BH23" s="165">
        <v>0</v>
      </c>
      <c r="BI23" s="162">
        <v>0</v>
      </c>
      <c r="BJ23" s="160">
        <v>23</v>
      </c>
      <c r="BK23" s="160">
        <v>23</v>
      </c>
      <c r="BL23" s="160">
        <v>10</v>
      </c>
      <c r="BM23" s="160">
        <v>2</v>
      </c>
      <c r="BN23" s="160">
        <v>0</v>
      </c>
      <c r="BO23" s="165">
        <v>58</v>
      </c>
      <c r="BP23" s="164">
        <v>58</v>
      </c>
      <c r="BQ23" s="159">
        <v>2</v>
      </c>
      <c r="BR23" s="160">
        <v>2</v>
      </c>
      <c r="BS23" s="165">
        <v>4</v>
      </c>
      <c r="BT23" s="162">
        <v>0</v>
      </c>
      <c r="BU23" s="160">
        <v>4</v>
      </c>
      <c r="BV23" s="160">
        <v>3</v>
      </c>
      <c r="BW23" s="160">
        <v>3</v>
      </c>
      <c r="BX23" s="160">
        <v>0</v>
      </c>
      <c r="BY23" s="160">
        <v>1</v>
      </c>
      <c r="BZ23" s="165">
        <v>11</v>
      </c>
      <c r="CA23" s="164">
        <v>15</v>
      </c>
      <c r="CB23" s="159">
        <v>0</v>
      </c>
      <c r="CC23" s="160">
        <v>1</v>
      </c>
      <c r="CD23" s="165">
        <v>1</v>
      </c>
      <c r="CE23" s="162">
        <v>0</v>
      </c>
      <c r="CF23" s="160">
        <v>4</v>
      </c>
      <c r="CG23" s="160">
        <v>4</v>
      </c>
      <c r="CH23" s="160">
        <v>1</v>
      </c>
      <c r="CI23" s="160">
        <v>2</v>
      </c>
      <c r="CJ23" s="160">
        <v>1</v>
      </c>
      <c r="CK23" s="165">
        <v>12</v>
      </c>
      <c r="CL23" s="164">
        <v>13</v>
      </c>
      <c r="CM23" s="159">
        <v>0</v>
      </c>
      <c r="CN23" s="160">
        <v>0</v>
      </c>
      <c r="CO23" s="165">
        <v>0</v>
      </c>
      <c r="CP23" s="162">
        <v>0</v>
      </c>
      <c r="CQ23" s="160">
        <v>0</v>
      </c>
      <c r="CR23" s="160">
        <v>0</v>
      </c>
      <c r="CS23" s="160">
        <v>0</v>
      </c>
      <c r="CT23" s="160">
        <v>0</v>
      </c>
      <c r="CU23" s="160">
        <v>0</v>
      </c>
      <c r="CV23" s="165">
        <v>0</v>
      </c>
      <c r="CW23" s="164">
        <v>0</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9</v>
      </c>
      <c r="DU23" s="160">
        <v>26</v>
      </c>
      <c r="DV23" s="165">
        <v>35</v>
      </c>
      <c r="DW23" s="162">
        <v>0</v>
      </c>
      <c r="DX23" s="160">
        <v>26</v>
      </c>
      <c r="DY23" s="160">
        <v>39</v>
      </c>
      <c r="DZ23" s="160">
        <v>19</v>
      </c>
      <c r="EA23" s="160">
        <v>8</v>
      </c>
      <c r="EB23" s="160">
        <v>2</v>
      </c>
      <c r="EC23" s="165">
        <v>94</v>
      </c>
      <c r="ED23" s="164">
        <v>129</v>
      </c>
      <c r="EE23" s="159">
        <v>0</v>
      </c>
      <c r="EF23" s="160">
        <v>0</v>
      </c>
      <c r="EG23" s="165">
        <v>0</v>
      </c>
      <c r="EH23" s="162">
        <v>0</v>
      </c>
      <c r="EI23" s="160">
        <v>7</v>
      </c>
      <c r="EJ23" s="160">
        <v>8</v>
      </c>
      <c r="EK23" s="160">
        <v>5</v>
      </c>
      <c r="EL23" s="160">
        <v>11</v>
      </c>
      <c r="EM23" s="160">
        <v>5</v>
      </c>
      <c r="EN23" s="165">
        <v>36</v>
      </c>
      <c r="EO23" s="164">
        <v>36</v>
      </c>
      <c r="EP23" s="159">
        <v>14</v>
      </c>
      <c r="EQ23" s="160">
        <v>29</v>
      </c>
      <c r="ER23" s="165">
        <v>43</v>
      </c>
      <c r="ES23" s="162">
        <v>0</v>
      </c>
      <c r="ET23" s="160">
        <v>63</v>
      </c>
      <c r="EU23" s="160">
        <v>57</v>
      </c>
      <c r="EV23" s="160">
        <v>24</v>
      </c>
      <c r="EW23" s="160">
        <v>8</v>
      </c>
      <c r="EX23" s="160">
        <v>4</v>
      </c>
      <c r="EY23" s="165">
        <v>156</v>
      </c>
      <c r="EZ23" s="164">
        <v>199</v>
      </c>
    </row>
    <row r="24" spans="2:156" ht="21" customHeight="1" x14ac:dyDescent="0.2">
      <c r="B24" s="166" t="s">
        <v>22</v>
      </c>
      <c r="C24" s="159">
        <v>0</v>
      </c>
      <c r="D24" s="160">
        <v>0</v>
      </c>
      <c r="E24" s="161">
        <v>0</v>
      </c>
      <c r="F24" s="162">
        <v>0</v>
      </c>
      <c r="G24" s="160">
        <v>8</v>
      </c>
      <c r="H24" s="160">
        <v>8</v>
      </c>
      <c r="I24" s="160">
        <v>4</v>
      </c>
      <c r="J24" s="160">
        <v>1</v>
      </c>
      <c r="K24" s="160">
        <v>4</v>
      </c>
      <c r="L24" s="163">
        <v>25</v>
      </c>
      <c r="M24" s="164">
        <v>25</v>
      </c>
      <c r="N24" s="159">
        <v>0</v>
      </c>
      <c r="O24" s="160">
        <v>0</v>
      </c>
      <c r="P24" s="165">
        <v>0</v>
      </c>
      <c r="Q24" s="162">
        <v>0</v>
      </c>
      <c r="R24" s="160">
        <v>0</v>
      </c>
      <c r="S24" s="160">
        <v>0</v>
      </c>
      <c r="T24" s="160">
        <v>0</v>
      </c>
      <c r="U24" s="160">
        <v>0</v>
      </c>
      <c r="V24" s="160">
        <v>0</v>
      </c>
      <c r="W24" s="165">
        <v>0</v>
      </c>
      <c r="X24" s="164">
        <v>0</v>
      </c>
      <c r="Y24" s="159">
        <v>0</v>
      </c>
      <c r="Z24" s="160">
        <v>0</v>
      </c>
      <c r="AA24" s="165">
        <v>0</v>
      </c>
      <c r="AB24" s="162">
        <v>0</v>
      </c>
      <c r="AC24" s="160">
        <v>5</v>
      </c>
      <c r="AD24" s="160">
        <v>8</v>
      </c>
      <c r="AE24" s="160">
        <v>5</v>
      </c>
      <c r="AF24" s="160">
        <v>1</v>
      </c>
      <c r="AG24" s="160">
        <v>2</v>
      </c>
      <c r="AH24" s="165">
        <v>21</v>
      </c>
      <c r="AI24" s="164">
        <v>21</v>
      </c>
      <c r="AJ24" s="159">
        <v>1</v>
      </c>
      <c r="AK24" s="160">
        <v>0</v>
      </c>
      <c r="AL24" s="165">
        <v>1</v>
      </c>
      <c r="AM24" s="162">
        <v>0</v>
      </c>
      <c r="AN24" s="160">
        <v>1</v>
      </c>
      <c r="AO24" s="160">
        <v>0</v>
      </c>
      <c r="AP24" s="160">
        <v>0</v>
      </c>
      <c r="AQ24" s="160">
        <v>0</v>
      </c>
      <c r="AR24" s="160">
        <v>0</v>
      </c>
      <c r="AS24" s="165">
        <v>1</v>
      </c>
      <c r="AT24" s="164">
        <v>2</v>
      </c>
      <c r="AU24" s="159">
        <v>3</v>
      </c>
      <c r="AV24" s="160">
        <v>0</v>
      </c>
      <c r="AW24" s="165">
        <v>3</v>
      </c>
      <c r="AX24" s="162">
        <v>0</v>
      </c>
      <c r="AY24" s="160">
        <v>7</v>
      </c>
      <c r="AZ24" s="160">
        <v>8</v>
      </c>
      <c r="BA24" s="160">
        <v>9</v>
      </c>
      <c r="BB24" s="160">
        <v>5</v>
      </c>
      <c r="BC24" s="160">
        <v>2</v>
      </c>
      <c r="BD24" s="163">
        <v>31</v>
      </c>
      <c r="BE24" s="164">
        <v>34</v>
      </c>
      <c r="BF24" s="159">
        <v>0</v>
      </c>
      <c r="BG24" s="160">
        <v>0</v>
      </c>
      <c r="BH24" s="165">
        <v>0</v>
      </c>
      <c r="BI24" s="162">
        <v>0</v>
      </c>
      <c r="BJ24" s="160">
        <v>12</v>
      </c>
      <c r="BK24" s="160">
        <v>14</v>
      </c>
      <c r="BL24" s="160">
        <v>8</v>
      </c>
      <c r="BM24" s="160">
        <v>1</v>
      </c>
      <c r="BN24" s="160">
        <v>1</v>
      </c>
      <c r="BO24" s="165">
        <v>36</v>
      </c>
      <c r="BP24" s="164">
        <v>36</v>
      </c>
      <c r="BQ24" s="159">
        <v>0</v>
      </c>
      <c r="BR24" s="160">
        <v>1</v>
      </c>
      <c r="BS24" s="165">
        <v>1</v>
      </c>
      <c r="BT24" s="162">
        <v>0</v>
      </c>
      <c r="BU24" s="160">
        <v>3</v>
      </c>
      <c r="BV24" s="160">
        <v>2</v>
      </c>
      <c r="BW24" s="160">
        <v>0</v>
      </c>
      <c r="BX24" s="160">
        <v>0</v>
      </c>
      <c r="BY24" s="160">
        <v>1</v>
      </c>
      <c r="BZ24" s="165">
        <v>6</v>
      </c>
      <c r="CA24" s="164">
        <v>7</v>
      </c>
      <c r="CB24" s="159">
        <v>0</v>
      </c>
      <c r="CC24" s="160">
        <v>0</v>
      </c>
      <c r="CD24" s="165">
        <v>0</v>
      </c>
      <c r="CE24" s="162">
        <v>0</v>
      </c>
      <c r="CF24" s="160">
        <v>0</v>
      </c>
      <c r="CG24" s="160">
        <v>1</v>
      </c>
      <c r="CH24" s="160">
        <v>2</v>
      </c>
      <c r="CI24" s="160">
        <v>2</v>
      </c>
      <c r="CJ24" s="160">
        <v>0</v>
      </c>
      <c r="CK24" s="165">
        <v>5</v>
      </c>
      <c r="CL24" s="164">
        <v>5</v>
      </c>
      <c r="CM24" s="159">
        <v>0</v>
      </c>
      <c r="CN24" s="160">
        <v>0</v>
      </c>
      <c r="CO24" s="165">
        <v>0</v>
      </c>
      <c r="CP24" s="162">
        <v>0</v>
      </c>
      <c r="CQ24" s="160">
        <v>1</v>
      </c>
      <c r="CR24" s="160">
        <v>0</v>
      </c>
      <c r="CS24" s="160">
        <v>0</v>
      </c>
      <c r="CT24" s="160">
        <v>0</v>
      </c>
      <c r="CU24" s="160">
        <v>0</v>
      </c>
      <c r="CV24" s="165">
        <v>1</v>
      </c>
      <c r="CW24" s="164">
        <v>1</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0</v>
      </c>
      <c r="DU24" s="160">
        <v>7</v>
      </c>
      <c r="DV24" s="165">
        <v>7</v>
      </c>
      <c r="DW24" s="162">
        <v>0</v>
      </c>
      <c r="DX24" s="160">
        <v>20</v>
      </c>
      <c r="DY24" s="160">
        <v>18</v>
      </c>
      <c r="DZ24" s="160">
        <v>16</v>
      </c>
      <c r="EA24" s="160">
        <v>3</v>
      </c>
      <c r="EB24" s="160">
        <v>8</v>
      </c>
      <c r="EC24" s="165">
        <v>65</v>
      </c>
      <c r="ED24" s="164">
        <v>72</v>
      </c>
      <c r="EE24" s="159">
        <v>1</v>
      </c>
      <c r="EF24" s="160">
        <v>1</v>
      </c>
      <c r="EG24" s="165">
        <v>2</v>
      </c>
      <c r="EH24" s="162">
        <v>0</v>
      </c>
      <c r="EI24" s="160">
        <v>6</v>
      </c>
      <c r="EJ24" s="160">
        <v>1</v>
      </c>
      <c r="EK24" s="160">
        <v>4</v>
      </c>
      <c r="EL24" s="160">
        <v>4</v>
      </c>
      <c r="EM24" s="160">
        <v>0</v>
      </c>
      <c r="EN24" s="165">
        <v>15</v>
      </c>
      <c r="EO24" s="164">
        <v>17</v>
      </c>
      <c r="EP24" s="159">
        <v>1</v>
      </c>
      <c r="EQ24" s="160">
        <v>7</v>
      </c>
      <c r="ER24" s="165">
        <v>8</v>
      </c>
      <c r="ES24" s="162">
        <v>0</v>
      </c>
      <c r="ET24" s="160">
        <v>36</v>
      </c>
      <c r="EU24" s="160">
        <v>26</v>
      </c>
      <c r="EV24" s="160">
        <v>17</v>
      </c>
      <c r="EW24" s="160">
        <v>4</v>
      </c>
      <c r="EX24" s="160">
        <v>7</v>
      </c>
      <c r="EY24" s="165">
        <v>90</v>
      </c>
      <c r="EZ24" s="164">
        <v>98</v>
      </c>
    </row>
    <row r="25" spans="2:156" ht="21" customHeight="1" x14ac:dyDescent="0.2">
      <c r="B25" s="166" t="s">
        <v>23</v>
      </c>
      <c r="C25" s="159">
        <v>0</v>
      </c>
      <c r="D25" s="160">
        <v>0</v>
      </c>
      <c r="E25" s="161">
        <v>0</v>
      </c>
      <c r="F25" s="162">
        <v>0</v>
      </c>
      <c r="G25" s="160">
        <v>10</v>
      </c>
      <c r="H25" s="160">
        <v>8</v>
      </c>
      <c r="I25" s="160">
        <v>0</v>
      </c>
      <c r="J25" s="160">
        <v>2</v>
      </c>
      <c r="K25" s="160">
        <v>3</v>
      </c>
      <c r="L25" s="163">
        <v>23</v>
      </c>
      <c r="M25" s="164">
        <v>23</v>
      </c>
      <c r="N25" s="159">
        <v>0</v>
      </c>
      <c r="O25" s="160">
        <v>0</v>
      </c>
      <c r="P25" s="165">
        <v>0</v>
      </c>
      <c r="Q25" s="162">
        <v>0</v>
      </c>
      <c r="R25" s="160">
        <v>0</v>
      </c>
      <c r="S25" s="160">
        <v>0</v>
      </c>
      <c r="T25" s="160">
        <v>0</v>
      </c>
      <c r="U25" s="160">
        <v>0</v>
      </c>
      <c r="V25" s="160">
        <v>0</v>
      </c>
      <c r="W25" s="165">
        <v>0</v>
      </c>
      <c r="X25" s="164">
        <v>0</v>
      </c>
      <c r="Y25" s="159">
        <v>5</v>
      </c>
      <c r="Z25" s="160">
        <v>2</v>
      </c>
      <c r="AA25" s="165">
        <v>7</v>
      </c>
      <c r="AB25" s="162">
        <v>0</v>
      </c>
      <c r="AC25" s="160">
        <v>8</v>
      </c>
      <c r="AD25" s="160">
        <v>17</v>
      </c>
      <c r="AE25" s="160">
        <v>2</v>
      </c>
      <c r="AF25" s="160">
        <v>1</v>
      </c>
      <c r="AG25" s="160">
        <v>3</v>
      </c>
      <c r="AH25" s="165">
        <v>31</v>
      </c>
      <c r="AI25" s="164">
        <v>38</v>
      </c>
      <c r="AJ25" s="159">
        <v>0</v>
      </c>
      <c r="AK25" s="160">
        <v>1</v>
      </c>
      <c r="AL25" s="165">
        <v>1</v>
      </c>
      <c r="AM25" s="162">
        <v>0</v>
      </c>
      <c r="AN25" s="160">
        <v>1</v>
      </c>
      <c r="AO25" s="160">
        <v>2</v>
      </c>
      <c r="AP25" s="160">
        <v>1</v>
      </c>
      <c r="AQ25" s="160">
        <v>0</v>
      </c>
      <c r="AR25" s="160">
        <v>0</v>
      </c>
      <c r="AS25" s="165">
        <v>4</v>
      </c>
      <c r="AT25" s="164">
        <v>5</v>
      </c>
      <c r="AU25" s="159">
        <v>2</v>
      </c>
      <c r="AV25" s="160">
        <v>0</v>
      </c>
      <c r="AW25" s="165">
        <v>2</v>
      </c>
      <c r="AX25" s="162">
        <v>0</v>
      </c>
      <c r="AY25" s="160">
        <v>12</v>
      </c>
      <c r="AZ25" s="160">
        <v>13</v>
      </c>
      <c r="BA25" s="160">
        <v>9</v>
      </c>
      <c r="BB25" s="160">
        <v>9</v>
      </c>
      <c r="BC25" s="160">
        <v>4</v>
      </c>
      <c r="BD25" s="163">
        <v>47</v>
      </c>
      <c r="BE25" s="164">
        <v>49</v>
      </c>
      <c r="BF25" s="159">
        <v>0</v>
      </c>
      <c r="BG25" s="160">
        <v>0</v>
      </c>
      <c r="BH25" s="165">
        <v>0</v>
      </c>
      <c r="BI25" s="162">
        <v>0</v>
      </c>
      <c r="BJ25" s="160">
        <v>12</v>
      </c>
      <c r="BK25" s="160">
        <v>21</v>
      </c>
      <c r="BL25" s="160">
        <v>2</v>
      </c>
      <c r="BM25" s="160">
        <v>2</v>
      </c>
      <c r="BN25" s="160">
        <v>3</v>
      </c>
      <c r="BO25" s="165">
        <v>40</v>
      </c>
      <c r="BP25" s="164">
        <v>40</v>
      </c>
      <c r="BQ25" s="159">
        <v>0</v>
      </c>
      <c r="BR25" s="160">
        <v>0</v>
      </c>
      <c r="BS25" s="165">
        <v>0</v>
      </c>
      <c r="BT25" s="162">
        <v>0</v>
      </c>
      <c r="BU25" s="160">
        <v>3</v>
      </c>
      <c r="BV25" s="160">
        <v>5</v>
      </c>
      <c r="BW25" s="160">
        <v>0</v>
      </c>
      <c r="BX25" s="160">
        <v>0</v>
      </c>
      <c r="BY25" s="160">
        <v>0</v>
      </c>
      <c r="BZ25" s="165">
        <v>8</v>
      </c>
      <c r="CA25" s="164">
        <v>8</v>
      </c>
      <c r="CB25" s="159">
        <v>0</v>
      </c>
      <c r="CC25" s="160">
        <v>0</v>
      </c>
      <c r="CD25" s="165">
        <v>0</v>
      </c>
      <c r="CE25" s="162">
        <v>0</v>
      </c>
      <c r="CF25" s="160">
        <v>1</v>
      </c>
      <c r="CG25" s="160">
        <v>0</v>
      </c>
      <c r="CH25" s="160">
        <v>1</v>
      </c>
      <c r="CI25" s="160">
        <v>3</v>
      </c>
      <c r="CJ25" s="160">
        <v>2</v>
      </c>
      <c r="CK25" s="165">
        <v>7</v>
      </c>
      <c r="CL25" s="164">
        <v>7</v>
      </c>
      <c r="CM25" s="159">
        <v>0</v>
      </c>
      <c r="CN25" s="160">
        <v>0</v>
      </c>
      <c r="CO25" s="165">
        <v>0</v>
      </c>
      <c r="CP25" s="162">
        <v>0</v>
      </c>
      <c r="CQ25" s="160">
        <v>1</v>
      </c>
      <c r="CR25" s="160">
        <v>1</v>
      </c>
      <c r="CS25" s="160">
        <v>0</v>
      </c>
      <c r="CT25" s="160">
        <v>0</v>
      </c>
      <c r="CU25" s="160">
        <v>0</v>
      </c>
      <c r="CV25" s="165">
        <v>2</v>
      </c>
      <c r="CW25" s="164">
        <v>2</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4</v>
      </c>
      <c r="DU25" s="160">
        <v>11</v>
      </c>
      <c r="DV25" s="165">
        <v>15</v>
      </c>
      <c r="DW25" s="162">
        <v>0</v>
      </c>
      <c r="DX25" s="160">
        <v>16</v>
      </c>
      <c r="DY25" s="160">
        <v>29</v>
      </c>
      <c r="DZ25" s="160">
        <v>4</v>
      </c>
      <c r="EA25" s="160">
        <v>5</v>
      </c>
      <c r="EB25" s="160">
        <v>5</v>
      </c>
      <c r="EC25" s="165">
        <v>59</v>
      </c>
      <c r="ED25" s="164">
        <v>74</v>
      </c>
      <c r="EE25" s="159">
        <v>2</v>
      </c>
      <c r="EF25" s="160">
        <v>0</v>
      </c>
      <c r="EG25" s="165">
        <v>2</v>
      </c>
      <c r="EH25" s="162">
        <v>0</v>
      </c>
      <c r="EI25" s="160">
        <v>4</v>
      </c>
      <c r="EJ25" s="160">
        <v>0</v>
      </c>
      <c r="EK25" s="160">
        <v>3</v>
      </c>
      <c r="EL25" s="160">
        <v>5</v>
      </c>
      <c r="EM25" s="160">
        <v>2</v>
      </c>
      <c r="EN25" s="165">
        <v>14</v>
      </c>
      <c r="EO25" s="164">
        <v>16</v>
      </c>
      <c r="EP25" s="159">
        <v>7</v>
      </c>
      <c r="EQ25" s="160">
        <v>14</v>
      </c>
      <c r="ER25" s="165">
        <v>21</v>
      </c>
      <c r="ES25" s="162">
        <v>0</v>
      </c>
      <c r="ET25" s="160">
        <v>32</v>
      </c>
      <c r="EU25" s="160">
        <v>39</v>
      </c>
      <c r="EV25" s="160">
        <v>6</v>
      </c>
      <c r="EW25" s="160">
        <v>5</v>
      </c>
      <c r="EX25" s="160">
        <v>7</v>
      </c>
      <c r="EY25" s="165">
        <v>89</v>
      </c>
      <c r="EZ25" s="164">
        <v>110</v>
      </c>
    </row>
    <row r="26" spans="2:156" ht="21" customHeight="1" x14ac:dyDescent="0.2">
      <c r="B26" s="166" t="s">
        <v>24</v>
      </c>
      <c r="C26" s="159">
        <v>0</v>
      </c>
      <c r="D26" s="160">
        <v>0</v>
      </c>
      <c r="E26" s="161">
        <v>0</v>
      </c>
      <c r="F26" s="162">
        <v>0</v>
      </c>
      <c r="G26" s="160">
        <v>6</v>
      </c>
      <c r="H26" s="160">
        <v>3</v>
      </c>
      <c r="I26" s="160">
        <v>3</v>
      </c>
      <c r="J26" s="160">
        <v>4</v>
      </c>
      <c r="K26" s="160">
        <v>4</v>
      </c>
      <c r="L26" s="163">
        <v>20</v>
      </c>
      <c r="M26" s="164">
        <v>20</v>
      </c>
      <c r="N26" s="159">
        <v>0</v>
      </c>
      <c r="O26" s="160">
        <v>0</v>
      </c>
      <c r="P26" s="165">
        <v>0</v>
      </c>
      <c r="Q26" s="162">
        <v>0</v>
      </c>
      <c r="R26" s="160">
        <v>0</v>
      </c>
      <c r="S26" s="160">
        <v>0</v>
      </c>
      <c r="T26" s="160">
        <v>0</v>
      </c>
      <c r="U26" s="160">
        <v>2</v>
      </c>
      <c r="V26" s="160">
        <v>0</v>
      </c>
      <c r="W26" s="165">
        <v>2</v>
      </c>
      <c r="X26" s="164">
        <v>2</v>
      </c>
      <c r="Y26" s="159">
        <v>1</v>
      </c>
      <c r="Z26" s="160">
        <v>1</v>
      </c>
      <c r="AA26" s="165">
        <v>2</v>
      </c>
      <c r="AB26" s="162">
        <v>0</v>
      </c>
      <c r="AC26" s="160">
        <v>8</v>
      </c>
      <c r="AD26" s="160">
        <v>8</v>
      </c>
      <c r="AE26" s="160">
        <v>10</v>
      </c>
      <c r="AF26" s="160">
        <v>4</v>
      </c>
      <c r="AG26" s="160">
        <v>1</v>
      </c>
      <c r="AH26" s="165">
        <v>31</v>
      </c>
      <c r="AI26" s="164">
        <v>33</v>
      </c>
      <c r="AJ26" s="159">
        <v>0</v>
      </c>
      <c r="AK26" s="160">
        <v>0</v>
      </c>
      <c r="AL26" s="165">
        <v>0</v>
      </c>
      <c r="AM26" s="162">
        <v>0</v>
      </c>
      <c r="AN26" s="160">
        <v>1</v>
      </c>
      <c r="AO26" s="160">
        <v>1</v>
      </c>
      <c r="AP26" s="160">
        <v>0</v>
      </c>
      <c r="AQ26" s="160">
        <v>0</v>
      </c>
      <c r="AR26" s="160">
        <v>0</v>
      </c>
      <c r="AS26" s="165">
        <v>2</v>
      </c>
      <c r="AT26" s="164">
        <v>2</v>
      </c>
      <c r="AU26" s="159">
        <v>3</v>
      </c>
      <c r="AV26" s="160">
        <v>0</v>
      </c>
      <c r="AW26" s="165">
        <v>3</v>
      </c>
      <c r="AX26" s="162">
        <v>0</v>
      </c>
      <c r="AY26" s="160">
        <v>10</v>
      </c>
      <c r="AZ26" s="160">
        <v>8</v>
      </c>
      <c r="BA26" s="160">
        <v>12</v>
      </c>
      <c r="BB26" s="160">
        <v>11</v>
      </c>
      <c r="BC26" s="160">
        <v>6</v>
      </c>
      <c r="BD26" s="163">
        <v>47</v>
      </c>
      <c r="BE26" s="164">
        <v>50</v>
      </c>
      <c r="BF26" s="159">
        <v>0</v>
      </c>
      <c r="BG26" s="160">
        <v>0</v>
      </c>
      <c r="BH26" s="165">
        <v>0</v>
      </c>
      <c r="BI26" s="162">
        <v>0</v>
      </c>
      <c r="BJ26" s="160">
        <v>10</v>
      </c>
      <c r="BK26" s="160">
        <v>10</v>
      </c>
      <c r="BL26" s="160">
        <v>5</v>
      </c>
      <c r="BM26" s="160">
        <v>2</v>
      </c>
      <c r="BN26" s="160">
        <v>1</v>
      </c>
      <c r="BO26" s="165">
        <v>28</v>
      </c>
      <c r="BP26" s="164">
        <v>28</v>
      </c>
      <c r="BQ26" s="159">
        <v>1</v>
      </c>
      <c r="BR26" s="160">
        <v>0</v>
      </c>
      <c r="BS26" s="165">
        <v>1</v>
      </c>
      <c r="BT26" s="162">
        <v>0</v>
      </c>
      <c r="BU26" s="160">
        <v>0</v>
      </c>
      <c r="BV26" s="160">
        <v>7</v>
      </c>
      <c r="BW26" s="160">
        <v>5</v>
      </c>
      <c r="BX26" s="160">
        <v>3</v>
      </c>
      <c r="BY26" s="160">
        <v>1</v>
      </c>
      <c r="BZ26" s="165">
        <v>16</v>
      </c>
      <c r="CA26" s="164">
        <v>17</v>
      </c>
      <c r="CB26" s="159">
        <v>0</v>
      </c>
      <c r="CC26" s="160">
        <v>0</v>
      </c>
      <c r="CD26" s="165">
        <v>0</v>
      </c>
      <c r="CE26" s="162">
        <v>0</v>
      </c>
      <c r="CF26" s="160">
        <v>1</v>
      </c>
      <c r="CG26" s="160">
        <v>4</v>
      </c>
      <c r="CH26" s="160">
        <v>2</v>
      </c>
      <c r="CI26" s="160">
        <v>4</v>
      </c>
      <c r="CJ26" s="160">
        <v>0</v>
      </c>
      <c r="CK26" s="165">
        <v>11</v>
      </c>
      <c r="CL26" s="164">
        <v>11</v>
      </c>
      <c r="CM26" s="159">
        <v>0</v>
      </c>
      <c r="CN26" s="160">
        <v>0</v>
      </c>
      <c r="CO26" s="165">
        <v>0</v>
      </c>
      <c r="CP26" s="162">
        <v>0</v>
      </c>
      <c r="CQ26" s="160">
        <v>0</v>
      </c>
      <c r="CR26" s="160">
        <v>1</v>
      </c>
      <c r="CS26" s="160">
        <v>2</v>
      </c>
      <c r="CT26" s="160">
        <v>0</v>
      </c>
      <c r="CU26" s="160">
        <v>0</v>
      </c>
      <c r="CV26" s="165">
        <v>3</v>
      </c>
      <c r="CW26" s="164">
        <v>3</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9</v>
      </c>
      <c r="DU26" s="160">
        <v>6</v>
      </c>
      <c r="DV26" s="165">
        <v>15</v>
      </c>
      <c r="DW26" s="162">
        <v>0</v>
      </c>
      <c r="DX26" s="160">
        <v>13</v>
      </c>
      <c r="DY26" s="160">
        <v>16</v>
      </c>
      <c r="DZ26" s="160">
        <v>14</v>
      </c>
      <c r="EA26" s="160">
        <v>10</v>
      </c>
      <c r="EB26" s="160">
        <v>6</v>
      </c>
      <c r="EC26" s="165">
        <v>59</v>
      </c>
      <c r="ED26" s="164">
        <v>74</v>
      </c>
      <c r="EE26" s="159">
        <v>1</v>
      </c>
      <c r="EF26" s="160">
        <v>0</v>
      </c>
      <c r="EG26" s="165">
        <v>1</v>
      </c>
      <c r="EH26" s="162">
        <v>0</v>
      </c>
      <c r="EI26" s="160">
        <v>5</v>
      </c>
      <c r="EJ26" s="160">
        <v>3</v>
      </c>
      <c r="EK26" s="160">
        <v>3</v>
      </c>
      <c r="EL26" s="160">
        <v>1</v>
      </c>
      <c r="EM26" s="160">
        <v>1</v>
      </c>
      <c r="EN26" s="165">
        <v>13</v>
      </c>
      <c r="EO26" s="164">
        <v>14</v>
      </c>
      <c r="EP26" s="159">
        <v>10</v>
      </c>
      <c r="EQ26" s="160">
        <v>7</v>
      </c>
      <c r="ER26" s="165">
        <v>17</v>
      </c>
      <c r="ES26" s="162">
        <v>0</v>
      </c>
      <c r="ET26" s="160">
        <v>28</v>
      </c>
      <c r="EU26" s="160">
        <v>25</v>
      </c>
      <c r="EV26" s="160">
        <v>16</v>
      </c>
      <c r="EW26" s="160">
        <v>10</v>
      </c>
      <c r="EX26" s="160">
        <v>6</v>
      </c>
      <c r="EY26" s="165">
        <v>85</v>
      </c>
      <c r="EZ26" s="164">
        <v>102</v>
      </c>
    </row>
    <row r="27" spans="2:156" ht="21" customHeight="1" x14ac:dyDescent="0.2">
      <c r="B27" s="166" t="s">
        <v>25</v>
      </c>
      <c r="C27" s="159">
        <v>0</v>
      </c>
      <c r="D27" s="160">
        <v>0</v>
      </c>
      <c r="E27" s="161">
        <v>0</v>
      </c>
      <c r="F27" s="162">
        <v>0</v>
      </c>
      <c r="G27" s="160">
        <v>5</v>
      </c>
      <c r="H27" s="160">
        <v>4</v>
      </c>
      <c r="I27" s="160">
        <v>2</v>
      </c>
      <c r="J27" s="160">
        <v>2</v>
      </c>
      <c r="K27" s="160">
        <v>0</v>
      </c>
      <c r="L27" s="163">
        <v>13</v>
      </c>
      <c r="M27" s="164">
        <v>13</v>
      </c>
      <c r="N27" s="159">
        <v>0</v>
      </c>
      <c r="O27" s="160">
        <v>0</v>
      </c>
      <c r="P27" s="165">
        <v>0</v>
      </c>
      <c r="Q27" s="162">
        <v>0</v>
      </c>
      <c r="R27" s="160">
        <v>0</v>
      </c>
      <c r="S27" s="160">
        <v>1</v>
      </c>
      <c r="T27" s="160">
        <v>1</v>
      </c>
      <c r="U27" s="160">
        <v>0</v>
      </c>
      <c r="V27" s="160">
        <v>0</v>
      </c>
      <c r="W27" s="165">
        <v>2</v>
      </c>
      <c r="X27" s="164">
        <v>2</v>
      </c>
      <c r="Y27" s="159">
        <v>1</v>
      </c>
      <c r="Z27" s="160">
        <v>3</v>
      </c>
      <c r="AA27" s="165">
        <v>4</v>
      </c>
      <c r="AB27" s="162">
        <v>0</v>
      </c>
      <c r="AC27" s="160">
        <v>3</v>
      </c>
      <c r="AD27" s="160">
        <v>7</v>
      </c>
      <c r="AE27" s="160">
        <v>4</v>
      </c>
      <c r="AF27" s="160">
        <v>2</v>
      </c>
      <c r="AG27" s="160">
        <v>0</v>
      </c>
      <c r="AH27" s="165">
        <v>16</v>
      </c>
      <c r="AI27" s="164">
        <v>20</v>
      </c>
      <c r="AJ27" s="159">
        <v>0</v>
      </c>
      <c r="AK27" s="160">
        <v>2</v>
      </c>
      <c r="AL27" s="165">
        <v>2</v>
      </c>
      <c r="AM27" s="162">
        <v>0</v>
      </c>
      <c r="AN27" s="160">
        <v>0</v>
      </c>
      <c r="AO27" s="160">
        <v>1</v>
      </c>
      <c r="AP27" s="160">
        <v>0</v>
      </c>
      <c r="AQ27" s="160">
        <v>0</v>
      </c>
      <c r="AR27" s="160">
        <v>0</v>
      </c>
      <c r="AS27" s="165">
        <v>1</v>
      </c>
      <c r="AT27" s="164">
        <v>3</v>
      </c>
      <c r="AU27" s="159">
        <v>0</v>
      </c>
      <c r="AV27" s="160">
        <v>2</v>
      </c>
      <c r="AW27" s="165">
        <v>2</v>
      </c>
      <c r="AX27" s="162">
        <v>0</v>
      </c>
      <c r="AY27" s="160">
        <v>4</v>
      </c>
      <c r="AZ27" s="160">
        <v>2</v>
      </c>
      <c r="BA27" s="160">
        <v>5</v>
      </c>
      <c r="BB27" s="160">
        <v>6</v>
      </c>
      <c r="BC27" s="160">
        <v>0</v>
      </c>
      <c r="BD27" s="163">
        <v>17</v>
      </c>
      <c r="BE27" s="164">
        <v>19</v>
      </c>
      <c r="BF27" s="159">
        <v>0</v>
      </c>
      <c r="BG27" s="160">
        <v>0</v>
      </c>
      <c r="BH27" s="165">
        <v>0</v>
      </c>
      <c r="BI27" s="162">
        <v>0</v>
      </c>
      <c r="BJ27" s="160">
        <v>6</v>
      </c>
      <c r="BK27" s="160">
        <v>1</v>
      </c>
      <c r="BL27" s="160">
        <v>1</v>
      </c>
      <c r="BM27" s="160">
        <v>2</v>
      </c>
      <c r="BN27" s="160">
        <v>1</v>
      </c>
      <c r="BO27" s="165">
        <v>11</v>
      </c>
      <c r="BP27" s="164">
        <v>11</v>
      </c>
      <c r="BQ27" s="159">
        <v>0</v>
      </c>
      <c r="BR27" s="160">
        <v>1</v>
      </c>
      <c r="BS27" s="165">
        <v>1</v>
      </c>
      <c r="BT27" s="162">
        <v>0</v>
      </c>
      <c r="BU27" s="160">
        <v>1</v>
      </c>
      <c r="BV27" s="160">
        <v>2</v>
      </c>
      <c r="BW27" s="160">
        <v>3</v>
      </c>
      <c r="BX27" s="160">
        <v>1</v>
      </c>
      <c r="BY27" s="160">
        <v>0</v>
      </c>
      <c r="BZ27" s="165">
        <v>7</v>
      </c>
      <c r="CA27" s="164">
        <v>8</v>
      </c>
      <c r="CB27" s="159">
        <v>0</v>
      </c>
      <c r="CC27" s="160">
        <v>0</v>
      </c>
      <c r="CD27" s="165">
        <v>0</v>
      </c>
      <c r="CE27" s="162">
        <v>0</v>
      </c>
      <c r="CF27" s="160">
        <v>1</v>
      </c>
      <c r="CG27" s="160">
        <v>1</v>
      </c>
      <c r="CH27" s="160">
        <v>1</v>
      </c>
      <c r="CI27" s="160">
        <v>1</v>
      </c>
      <c r="CJ27" s="160">
        <v>0</v>
      </c>
      <c r="CK27" s="165">
        <v>4</v>
      </c>
      <c r="CL27" s="164">
        <v>4</v>
      </c>
      <c r="CM27" s="159">
        <v>0</v>
      </c>
      <c r="CN27" s="160">
        <v>0</v>
      </c>
      <c r="CO27" s="165">
        <v>0</v>
      </c>
      <c r="CP27" s="162">
        <v>0</v>
      </c>
      <c r="CQ27" s="160">
        <v>1</v>
      </c>
      <c r="CR27" s="160">
        <v>0</v>
      </c>
      <c r="CS27" s="160">
        <v>1</v>
      </c>
      <c r="CT27" s="160">
        <v>0</v>
      </c>
      <c r="CU27" s="160">
        <v>0</v>
      </c>
      <c r="CV27" s="165">
        <v>2</v>
      </c>
      <c r="CW27" s="164">
        <v>2</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7</v>
      </c>
      <c r="DU27" s="160">
        <v>11</v>
      </c>
      <c r="DV27" s="165">
        <v>18</v>
      </c>
      <c r="DW27" s="162">
        <v>0</v>
      </c>
      <c r="DX27" s="160">
        <v>3</v>
      </c>
      <c r="DY27" s="160">
        <v>11</v>
      </c>
      <c r="DZ27" s="160">
        <v>5</v>
      </c>
      <c r="EA27" s="160">
        <v>4</v>
      </c>
      <c r="EB27" s="160">
        <v>1</v>
      </c>
      <c r="EC27" s="165">
        <v>24</v>
      </c>
      <c r="ED27" s="164">
        <v>42</v>
      </c>
      <c r="EE27" s="159">
        <v>0</v>
      </c>
      <c r="EF27" s="160">
        <v>1</v>
      </c>
      <c r="EG27" s="165">
        <v>1</v>
      </c>
      <c r="EH27" s="162">
        <v>0</v>
      </c>
      <c r="EI27" s="160">
        <v>4</v>
      </c>
      <c r="EJ27" s="160">
        <v>0</v>
      </c>
      <c r="EK27" s="160">
        <v>1</v>
      </c>
      <c r="EL27" s="160">
        <v>3</v>
      </c>
      <c r="EM27" s="160">
        <v>0</v>
      </c>
      <c r="EN27" s="165">
        <v>8</v>
      </c>
      <c r="EO27" s="164">
        <v>9</v>
      </c>
      <c r="EP27" s="159">
        <v>7</v>
      </c>
      <c r="EQ27" s="160">
        <v>13</v>
      </c>
      <c r="ER27" s="165">
        <v>20</v>
      </c>
      <c r="ES27" s="162">
        <v>0</v>
      </c>
      <c r="ET27" s="160">
        <v>15</v>
      </c>
      <c r="EU27" s="160">
        <v>12</v>
      </c>
      <c r="EV27" s="160">
        <v>9</v>
      </c>
      <c r="EW27" s="160">
        <v>4</v>
      </c>
      <c r="EX27" s="160">
        <v>1</v>
      </c>
      <c r="EY27" s="165">
        <v>41</v>
      </c>
      <c r="EZ27" s="164">
        <v>61</v>
      </c>
    </row>
    <row r="28" spans="2:156" ht="21" customHeight="1" x14ac:dyDescent="0.2">
      <c r="B28" s="166" t="s">
        <v>26</v>
      </c>
      <c r="C28" s="159">
        <v>0</v>
      </c>
      <c r="D28" s="160">
        <v>0</v>
      </c>
      <c r="E28" s="161">
        <v>0</v>
      </c>
      <c r="F28" s="162">
        <v>0</v>
      </c>
      <c r="G28" s="160">
        <v>8</v>
      </c>
      <c r="H28" s="160">
        <v>6</v>
      </c>
      <c r="I28" s="160">
        <v>3</v>
      </c>
      <c r="J28" s="160">
        <v>4</v>
      </c>
      <c r="K28" s="160">
        <v>3</v>
      </c>
      <c r="L28" s="163">
        <v>24</v>
      </c>
      <c r="M28" s="164">
        <v>24</v>
      </c>
      <c r="N28" s="159">
        <v>0</v>
      </c>
      <c r="O28" s="160">
        <v>0</v>
      </c>
      <c r="P28" s="165">
        <v>0</v>
      </c>
      <c r="Q28" s="162">
        <v>0</v>
      </c>
      <c r="R28" s="160">
        <v>0</v>
      </c>
      <c r="S28" s="160">
        <v>0</v>
      </c>
      <c r="T28" s="160">
        <v>0</v>
      </c>
      <c r="U28" s="160">
        <v>1</v>
      </c>
      <c r="V28" s="160">
        <v>1</v>
      </c>
      <c r="W28" s="165">
        <v>2</v>
      </c>
      <c r="X28" s="164">
        <v>2</v>
      </c>
      <c r="Y28" s="159">
        <v>1</v>
      </c>
      <c r="Z28" s="160">
        <v>0</v>
      </c>
      <c r="AA28" s="165">
        <v>1</v>
      </c>
      <c r="AB28" s="162">
        <v>0</v>
      </c>
      <c r="AC28" s="160">
        <v>6</v>
      </c>
      <c r="AD28" s="160">
        <v>8</v>
      </c>
      <c r="AE28" s="160">
        <v>2</v>
      </c>
      <c r="AF28" s="160">
        <v>5</v>
      </c>
      <c r="AG28" s="160">
        <v>3</v>
      </c>
      <c r="AH28" s="165">
        <v>24</v>
      </c>
      <c r="AI28" s="164">
        <v>25</v>
      </c>
      <c r="AJ28" s="159">
        <v>0</v>
      </c>
      <c r="AK28" s="160">
        <v>0</v>
      </c>
      <c r="AL28" s="165">
        <v>0</v>
      </c>
      <c r="AM28" s="162">
        <v>0</v>
      </c>
      <c r="AN28" s="160">
        <v>0</v>
      </c>
      <c r="AO28" s="160">
        <v>0</v>
      </c>
      <c r="AP28" s="160">
        <v>0</v>
      </c>
      <c r="AQ28" s="160">
        <v>0</v>
      </c>
      <c r="AR28" s="160">
        <v>0</v>
      </c>
      <c r="AS28" s="165">
        <v>0</v>
      </c>
      <c r="AT28" s="164">
        <v>0</v>
      </c>
      <c r="AU28" s="159">
        <v>2</v>
      </c>
      <c r="AV28" s="160">
        <v>0</v>
      </c>
      <c r="AW28" s="165">
        <v>2</v>
      </c>
      <c r="AX28" s="162">
        <v>0</v>
      </c>
      <c r="AY28" s="160">
        <v>4</v>
      </c>
      <c r="AZ28" s="160">
        <v>3</v>
      </c>
      <c r="BA28" s="160">
        <v>7</v>
      </c>
      <c r="BB28" s="160">
        <v>5</v>
      </c>
      <c r="BC28" s="160">
        <v>3</v>
      </c>
      <c r="BD28" s="163">
        <v>22</v>
      </c>
      <c r="BE28" s="164">
        <v>24</v>
      </c>
      <c r="BF28" s="159">
        <v>0</v>
      </c>
      <c r="BG28" s="160">
        <v>0</v>
      </c>
      <c r="BH28" s="165">
        <v>0</v>
      </c>
      <c r="BI28" s="162">
        <v>0</v>
      </c>
      <c r="BJ28" s="160">
        <v>8</v>
      </c>
      <c r="BK28" s="160">
        <v>6</v>
      </c>
      <c r="BL28" s="160">
        <v>3</v>
      </c>
      <c r="BM28" s="160">
        <v>2</v>
      </c>
      <c r="BN28" s="160">
        <v>0</v>
      </c>
      <c r="BO28" s="165">
        <v>19</v>
      </c>
      <c r="BP28" s="164">
        <v>19</v>
      </c>
      <c r="BQ28" s="159">
        <v>0</v>
      </c>
      <c r="BR28" s="160">
        <v>0</v>
      </c>
      <c r="BS28" s="165">
        <v>0</v>
      </c>
      <c r="BT28" s="162">
        <v>0</v>
      </c>
      <c r="BU28" s="160">
        <v>5</v>
      </c>
      <c r="BV28" s="160">
        <v>2</v>
      </c>
      <c r="BW28" s="160">
        <v>0</v>
      </c>
      <c r="BX28" s="160">
        <v>1</v>
      </c>
      <c r="BY28" s="160">
        <v>1</v>
      </c>
      <c r="BZ28" s="165">
        <v>9</v>
      </c>
      <c r="CA28" s="164">
        <v>9</v>
      </c>
      <c r="CB28" s="159">
        <v>0</v>
      </c>
      <c r="CC28" s="160">
        <v>0</v>
      </c>
      <c r="CD28" s="165">
        <v>0</v>
      </c>
      <c r="CE28" s="162">
        <v>0</v>
      </c>
      <c r="CF28" s="160">
        <v>2</v>
      </c>
      <c r="CG28" s="160">
        <v>0</v>
      </c>
      <c r="CH28" s="160">
        <v>3</v>
      </c>
      <c r="CI28" s="160">
        <v>1</v>
      </c>
      <c r="CJ28" s="160">
        <v>0</v>
      </c>
      <c r="CK28" s="165">
        <v>6</v>
      </c>
      <c r="CL28" s="164">
        <v>6</v>
      </c>
      <c r="CM28" s="159">
        <v>0</v>
      </c>
      <c r="CN28" s="160">
        <v>0</v>
      </c>
      <c r="CO28" s="165">
        <v>0</v>
      </c>
      <c r="CP28" s="162">
        <v>0</v>
      </c>
      <c r="CQ28" s="160">
        <v>0</v>
      </c>
      <c r="CR28" s="160">
        <v>0</v>
      </c>
      <c r="CS28" s="160">
        <v>1</v>
      </c>
      <c r="CT28" s="160">
        <v>1</v>
      </c>
      <c r="CU28" s="160">
        <v>0</v>
      </c>
      <c r="CV28" s="165">
        <v>2</v>
      </c>
      <c r="CW28" s="164">
        <v>2</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8</v>
      </c>
      <c r="DU28" s="160">
        <v>8</v>
      </c>
      <c r="DV28" s="165">
        <v>16</v>
      </c>
      <c r="DW28" s="162">
        <v>0</v>
      </c>
      <c r="DX28" s="160">
        <v>17</v>
      </c>
      <c r="DY28" s="160">
        <v>13</v>
      </c>
      <c r="DZ28" s="160">
        <v>7</v>
      </c>
      <c r="EA28" s="160">
        <v>7</v>
      </c>
      <c r="EB28" s="160">
        <v>4</v>
      </c>
      <c r="EC28" s="165">
        <v>48</v>
      </c>
      <c r="ED28" s="164">
        <v>64</v>
      </c>
      <c r="EE28" s="159">
        <v>1</v>
      </c>
      <c r="EF28" s="160">
        <v>0</v>
      </c>
      <c r="EG28" s="165">
        <v>1</v>
      </c>
      <c r="EH28" s="162">
        <v>0</v>
      </c>
      <c r="EI28" s="160">
        <v>2</v>
      </c>
      <c r="EJ28" s="160">
        <v>2</v>
      </c>
      <c r="EK28" s="160">
        <v>2</v>
      </c>
      <c r="EL28" s="160">
        <v>1</v>
      </c>
      <c r="EM28" s="160">
        <v>0</v>
      </c>
      <c r="EN28" s="165">
        <v>7</v>
      </c>
      <c r="EO28" s="164">
        <v>8</v>
      </c>
      <c r="EP28" s="159">
        <v>9</v>
      </c>
      <c r="EQ28" s="160">
        <v>8</v>
      </c>
      <c r="ER28" s="165">
        <v>17</v>
      </c>
      <c r="ES28" s="162">
        <v>0</v>
      </c>
      <c r="ET28" s="160">
        <v>28</v>
      </c>
      <c r="EU28" s="160">
        <v>17</v>
      </c>
      <c r="EV28" s="160">
        <v>11</v>
      </c>
      <c r="EW28" s="160">
        <v>7</v>
      </c>
      <c r="EX28" s="160">
        <v>4</v>
      </c>
      <c r="EY28" s="165">
        <v>67</v>
      </c>
      <c r="EZ28" s="164">
        <v>84</v>
      </c>
    </row>
    <row r="29" spans="2:156" ht="21" customHeight="1" x14ac:dyDescent="0.2">
      <c r="B29" s="166" t="s">
        <v>27</v>
      </c>
      <c r="C29" s="159">
        <v>0</v>
      </c>
      <c r="D29" s="160">
        <v>0</v>
      </c>
      <c r="E29" s="161">
        <v>0</v>
      </c>
      <c r="F29" s="162">
        <v>0</v>
      </c>
      <c r="G29" s="160">
        <v>2</v>
      </c>
      <c r="H29" s="160">
        <v>5</v>
      </c>
      <c r="I29" s="160">
        <v>3</v>
      </c>
      <c r="J29" s="160">
        <v>4</v>
      </c>
      <c r="K29" s="160">
        <v>3</v>
      </c>
      <c r="L29" s="163">
        <v>17</v>
      </c>
      <c r="M29" s="164">
        <v>17</v>
      </c>
      <c r="N29" s="159">
        <v>0</v>
      </c>
      <c r="O29" s="160">
        <v>0</v>
      </c>
      <c r="P29" s="165">
        <v>0</v>
      </c>
      <c r="Q29" s="162">
        <v>0</v>
      </c>
      <c r="R29" s="160">
        <v>0</v>
      </c>
      <c r="S29" s="160">
        <v>0</v>
      </c>
      <c r="T29" s="160">
        <v>0</v>
      </c>
      <c r="U29" s="160">
        <v>2</v>
      </c>
      <c r="V29" s="160">
        <v>0</v>
      </c>
      <c r="W29" s="165">
        <v>2</v>
      </c>
      <c r="X29" s="164">
        <v>2</v>
      </c>
      <c r="Y29" s="159">
        <v>3</v>
      </c>
      <c r="Z29" s="160">
        <v>5</v>
      </c>
      <c r="AA29" s="165">
        <v>8</v>
      </c>
      <c r="AB29" s="162">
        <v>0</v>
      </c>
      <c r="AC29" s="160">
        <v>4</v>
      </c>
      <c r="AD29" s="160">
        <v>2</v>
      </c>
      <c r="AE29" s="160">
        <v>5</v>
      </c>
      <c r="AF29" s="160">
        <v>3</v>
      </c>
      <c r="AG29" s="160">
        <v>3</v>
      </c>
      <c r="AH29" s="165">
        <v>17</v>
      </c>
      <c r="AI29" s="164">
        <v>25</v>
      </c>
      <c r="AJ29" s="159">
        <v>0</v>
      </c>
      <c r="AK29" s="160">
        <v>0</v>
      </c>
      <c r="AL29" s="165">
        <v>0</v>
      </c>
      <c r="AM29" s="162">
        <v>0</v>
      </c>
      <c r="AN29" s="160">
        <v>0</v>
      </c>
      <c r="AO29" s="160">
        <v>0</v>
      </c>
      <c r="AP29" s="160">
        <v>0</v>
      </c>
      <c r="AQ29" s="160">
        <v>0</v>
      </c>
      <c r="AR29" s="160">
        <v>0</v>
      </c>
      <c r="AS29" s="165">
        <v>0</v>
      </c>
      <c r="AT29" s="164">
        <v>0</v>
      </c>
      <c r="AU29" s="159">
        <v>2</v>
      </c>
      <c r="AV29" s="160">
        <v>2</v>
      </c>
      <c r="AW29" s="165">
        <v>4</v>
      </c>
      <c r="AX29" s="162">
        <v>0</v>
      </c>
      <c r="AY29" s="160">
        <v>10</v>
      </c>
      <c r="AZ29" s="160">
        <v>3</v>
      </c>
      <c r="BA29" s="160">
        <v>5</v>
      </c>
      <c r="BB29" s="160">
        <v>5</v>
      </c>
      <c r="BC29" s="160">
        <v>4</v>
      </c>
      <c r="BD29" s="163">
        <v>27</v>
      </c>
      <c r="BE29" s="164">
        <v>31</v>
      </c>
      <c r="BF29" s="159">
        <v>0</v>
      </c>
      <c r="BG29" s="160">
        <v>0</v>
      </c>
      <c r="BH29" s="165">
        <v>0</v>
      </c>
      <c r="BI29" s="162">
        <v>0</v>
      </c>
      <c r="BJ29" s="160">
        <v>5</v>
      </c>
      <c r="BK29" s="160">
        <v>6</v>
      </c>
      <c r="BL29" s="160">
        <v>2</v>
      </c>
      <c r="BM29" s="160">
        <v>5</v>
      </c>
      <c r="BN29" s="160">
        <v>0</v>
      </c>
      <c r="BO29" s="165">
        <v>18</v>
      </c>
      <c r="BP29" s="164">
        <v>18</v>
      </c>
      <c r="BQ29" s="159">
        <v>3</v>
      </c>
      <c r="BR29" s="160">
        <v>3</v>
      </c>
      <c r="BS29" s="165">
        <v>6</v>
      </c>
      <c r="BT29" s="162">
        <v>0</v>
      </c>
      <c r="BU29" s="160">
        <v>1</v>
      </c>
      <c r="BV29" s="160">
        <v>2</v>
      </c>
      <c r="BW29" s="160">
        <v>0</v>
      </c>
      <c r="BX29" s="160">
        <v>0</v>
      </c>
      <c r="BY29" s="160">
        <v>0</v>
      </c>
      <c r="BZ29" s="165">
        <v>3</v>
      </c>
      <c r="CA29" s="164">
        <v>9</v>
      </c>
      <c r="CB29" s="159">
        <v>0</v>
      </c>
      <c r="CC29" s="160">
        <v>1</v>
      </c>
      <c r="CD29" s="165">
        <v>1</v>
      </c>
      <c r="CE29" s="162">
        <v>0</v>
      </c>
      <c r="CF29" s="160">
        <v>0</v>
      </c>
      <c r="CG29" s="160">
        <v>0</v>
      </c>
      <c r="CH29" s="160">
        <v>0</v>
      </c>
      <c r="CI29" s="160">
        <v>0</v>
      </c>
      <c r="CJ29" s="160">
        <v>0</v>
      </c>
      <c r="CK29" s="165">
        <v>0</v>
      </c>
      <c r="CL29" s="164">
        <v>1</v>
      </c>
      <c r="CM29" s="159">
        <v>0</v>
      </c>
      <c r="CN29" s="160">
        <v>1</v>
      </c>
      <c r="CO29" s="165">
        <v>1</v>
      </c>
      <c r="CP29" s="162">
        <v>0</v>
      </c>
      <c r="CQ29" s="160">
        <v>0</v>
      </c>
      <c r="CR29" s="160">
        <v>0</v>
      </c>
      <c r="CS29" s="160">
        <v>0</v>
      </c>
      <c r="CT29" s="160">
        <v>0</v>
      </c>
      <c r="CU29" s="160">
        <v>0</v>
      </c>
      <c r="CV29" s="165">
        <v>0</v>
      </c>
      <c r="CW29" s="164">
        <v>1</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11</v>
      </c>
      <c r="DU29" s="160">
        <v>16</v>
      </c>
      <c r="DV29" s="165">
        <v>27</v>
      </c>
      <c r="DW29" s="162">
        <v>0</v>
      </c>
      <c r="DX29" s="160">
        <v>4</v>
      </c>
      <c r="DY29" s="160">
        <v>10</v>
      </c>
      <c r="DZ29" s="160">
        <v>6</v>
      </c>
      <c r="EA29" s="160">
        <v>6</v>
      </c>
      <c r="EB29" s="160">
        <v>4</v>
      </c>
      <c r="EC29" s="165">
        <v>30</v>
      </c>
      <c r="ED29" s="164">
        <v>57</v>
      </c>
      <c r="EE29" s="159">
        <v>2</v>
      </c>
      <c r="EF29" s="160">
        <v>0</v>
      </c>
      <c r="EG29" s="165">
        <v>2</v>
      </c>
      <c r="EH29" s="162">
        <v>0</v>
      </c>
      <c r="EI29" s="160">
        <v>5</v>
      </c>
      <c r="EJ29" s="160">
        <v>1</v>
      </c>
      <c r="EK29" s="160">
        <v>0</v>
      </c>
      <c r="EL29" s="160">
        <v>2</v>
      </c>
      <c r="EM29" s="160">
        <v>0</v>
      </c>
      <c r="EN29" s="165">
        <v>8</v>
      </c>
      <c r="EO29" s="164">
        <v>10</v>
      </c>
      <c r="EP29" s="159">
        <v>14</v>
      </c>
      <c r="EQ29" s="160">
        <v>19</v>
      </c>
      <c r="ER29" s="165">
        <v>33</v>
      </c>
      <c r="ES29" s="162">
        <v>0</v>
      </c>
      <c r="ET29" s="160">
        <v>11</v>
      </c>
      <c r="EU29" s="160">
        <v>11</v>
      </c>
      <c r="EV29" s="160">
        <v>7</v>
      </c>
      <c r="EW29" s="160">
        <v>7</v>
      </c>
      <c r="EX29" s="160">
        <v>4</v>
      </c>
      <c r="EY29" s="165">
        <v>40</v>
      </c>
      <c r="EZ29" s="164">
        <v>73</v>
      </c>
    </row>
    <row r="30" spans="2:156" ht="21" customHeight="1" x14ac:dyDescent="0.2">
      <c r="B30" s="166" t="s">
        <v>28</v>
      </c>
      <c r="C30" s="159">
        <v>0</v>
      </c>
      <c r="D30" s="160">
        <v>0</v>
      </c>
      <c r="E30" s="161">
        <v>0</v>
      </c>
      <c r="F30" s="162">
        <v>0</v>
      </c>
      <c r="G30" s="160">
        <v>0</v>
      </c>
      <c r="H30" s="160">
        <v>0</v>
      </c>
      <c r="I30" s="160">
        <v>1</v>
      </c>
      <c r="J30" s="160">
        <v>0</v>
      </c>
      <c r="K30" s="160">
        <v>0</v>
      </c>
      <c r="L30" s="163">
        <v>1</v>
      </c>
      <c r="M30" s="164">
        <v>1</v>
      </c>
      <c r="N30" s="159">
        <v>0</v>
      </c>
      <c r="O30" s="160">
        <v>0</v>
      </c>
      <c r="P30" s="165">
        <v>0</v>
      </c>
      <c r="Q30" s="162">
        <v>0</v>
      </c>
      <c r="R30" s="160">
        <v>0</v>
      </c>
      <c r="S30" s="160">
        <v>0</v>
      </c>
      <c r="T30" s="160">
        <v>0</v>
      </c>
      <c r="U30" s="160">
        <v>0</v>
      </c>
      <c r="V30" s="160">
        <v>0</v>
      </c>
      <c r="W30" s="165">
        <v>0</v>
      </c>
      <c r="X30" s="164">
        <v>0</v>
      </c>
      <c r="Y30" s="159">
        <v>0</v>
      </c>
      <c r="Z30" s="160">
        <v>0</v>
      </c>
      <c r="AA30" s="165">
        <v>0</v>
      </c>
      <c r="AB30" s="162">
        <v>0</v>
      </c>
      <c r="AC30" s="160">
        <v>1</v>
      </c>
      <c r="AD30" s="160">
        <v>0</v>
      </c>
      <c r="AE30" s="160">
        <v>1</v>
      </c>
      <c r="AF30" s="160">
        <v>1</v>
      </c>
      <c r="AG30" s="160">
        <v>0</v>
      </c>
      <c r="AH30" s="165">
        <v>3</v>
      </c>
      <c r="AI30" s="164">
        <v>3</v>
      </c>
      <c r="AJ30" s="159">
        <v>0</v>
      </c>
      <c r="AK30" s="160">
        <v>0</v>
      </c>
      <c r="AL30" s="165">
        <v>0</v>
      </c>
      <c r="AM30" s="162">
        <v>0</v>
      </c>
      <c r="AN30" s="160">
        <v>0</v>
      </c>
      <c r="AO30" s="160">
        <v>0</v>
      </c>
      <c r="AP30" s="160">
        <v>0</v>
      </c>
      <c r="AQ30" s="160">
        <v>0</v>
      </c>
      <c r="AR30" s="160">
        <v>0</v>
      </c>
      <c r="AS30" s="165">
        <v>0</v>
      </c>
      <c r="AT30" s="164">
        <v>0</v>
      </c>
      <c r="AU30" s="159">
        <v>0</v>
      </c>
      <c r="AV30" s="160">
        <v>0</v>
      </c>
      <c r="AW30" s="165">
        <v>0</v>
      </c>
      <c r="AX30" s="162">
        <v>0</v>
      </c>
      <c r="AY30" s="160">
        <v>3</v>
      </c>
      <c r="AZ30" s="160">
        <v>1</v>
      </c>
      <c r="BA30" s="160">
        <v>2</v>
      </c>
      <c r="BB30" s="160">
        <v>0</v>
      </c>
      <c r="BC30" s="160">
        <v>1</v>
      </c>
      <c r="BD30" s="163">
        <v>7</v>
      </c>
      <c r="BE30" s="164">
        <v>7</v>
      </c>
      <c r="BF30" s="159">
        <v>0</v>
      </c>
      <c r="BG30" s="160">
        <v>0</v>
      </c>
      <c r="BH30" s="165">
        <v>0</v>
      </c>
      <c r="BI30" s="162">
        <v>0</v>
      </c>
      <c r="BJ30" s="160">
        <v>2</v>
      </c>
      <c r="BK30" s="160">
        <v>5</v>
      </c>
      <c r="BL30" s="160">
        <v>1</v>
      </c>
      <c r="BM30" s="160">
        <v>0</v>
      </c>
      <c r="BN30" s="160">
        <v>0</v>
      </c>
      <c r="BO30" s="165">
        <v>8</v>
      </c>
      <c r="BP30" s="164">
        <v>8</v>
      </c>
      <c r="BQ30" s="159">
        <v>0</v>
      </c>
      <c r="BR30" s="160">
        <v>0</v>
      </c>
      <c r="BS30" s="165">
        <v>0</v>
      </c>
      <c r="BT30" s="162">
        <v>0</v>
      </c>
      <c r="BU30" s="160">
        <v>1</v>
      </c>
      <c r="BV30" s="160">
        <v>0</v>
      </c>
      <c r="BW30" s="160">
        <v>0</v>
      </c>
      <c r="BX30" s="160">
        <v>0</v>
      </c>
      <c r="BY30" s="160">
        <v>0</v>
      </c>
      <c r="BZ30" s="165">
        <v>1</v>
      </c>
      <c r="CA30" s="164">
        <v>1</v>
      </c>
      <c r="CB30" s="159">
        <v>0</v>
      </c>
      <c r="CC30" s="160">
        <v>0</v>
      </c>
      <c r="CD30" s="165">
        <v>0</v>
      </c>
      <c r="CE30" s="162">
        <v>0</v>
      </c>
      <c r="CF30" s="160">
        <v>0</v>
      </c>
      <c r="CG30" s="160">
        <v>1</v>
      </c>
      <c r="CH30" s="160">
        <v>0</v>
      </c>
      <c r="CI30" s="160">
        <v>0</v>
      </c>
      <c r="CJ30" s="160">
        <v>0</v>
      </c>
      <c r="CK30" s="165">
        <v>1</v>
      </c>
      <c r="CL30" s="164">
        <v>1</v>
      </c>
      <c r="CM30" s="159">
        <v>0</v>
      </c>
      <c r="CN30" s="160">
        <v>0</v>
      </c>
      <c r="CO30" s="165">
        <v>0</v>
      </c>
      <c r="CP30" s="162">
        <v>0</v>
      </c>
      <c r="CQ30" s="160">
        <v>0</v>
      </c>
      <c r="CR30" s="160">
        <v>0</v>
      </c>
      <c r="CS30" s="160">
        <v>1</v>
      </c>
      <c r="CT30" s="160">
        <v>0</v>
      </c>
      <c r="CU30" s="160">
        <v>0</v>
      </c>
      <c r="CV30" s="165">
        <v>1</v>
      </c>
      <c r="CW30" s="164">
        <v>1</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0</v>
      </c>
      <c r="DU30" s="160">
        <v>1</v>
      </c>
      <c r="DV30" s="165">
        <v>1</v>
      </c>
      <c r="DW30" s="162">
        <v>0</v>
      </c>
      <c r="DX30" s="160">
        <v>4</v>
      </c>
      <c r="DY30" s="160">
        <v>5</v>
      </c>
      <c r="DZ30" s="160">
        <v>1</v>
      </c>
      <c r="EA30" s="160">
        <v>1</v>
      </c>
      <c r="EB30" s="160">
        <v>0</v>
      </c>
      <c r="EC30" s="165">
        <v>11</v>
      </c>
      <c r="ED30" s="164">
        <v>12</v>
      </c>
      <c r="EE30" s="159">
        <v>0</v>
      </c>
      <c r="EF30" s="160">
        <v>0</v>
      </c>
      <c r="EG30" s="165">
        <v>0</v>
      </c>
      <c r="EH30" s="162">
        <v>0</v>
      </c>
      <c r="EI30" s="160">
        <v>3</v>
      </c>
      <c r="EJ30" s="160">
        <v>0</v>
      </c>
      <c r="EK30" s="160">
        <v>1</v>
      </c>
      <c r="EL30" s="160">
        <v>0</v>
      </c>
      <c r="EM30" s="160">
        <v>0</v>
      </c>
      <c r="EN30" s="165">
        <v>4</v>
      </c>
      <c r="EO30" s="164">
        <v>4</v>
      </c>
      <c r="EP30" s="159">
        <v>0</v>
      </c>
      <c r="EQ30" s="160">
        <v>1</v>
      </c>
      <c r="ER30" s="165">
        <v>1</v>
      </c>
      <c r="ES30" s="162">
        <v>0</v>
      </c>
      <c r="ET30" s="160">
        <v>10</v>
      </c>
      <c r="EU30" s="160">
        <v>7</v>
      </c>
      <c r="EV30" s="160">
        <v>2</v>
      </c>
      <c r="EW30" s="160">
        <v>1</v>
      </c>
      <c r="EX30" s="160">
        <v>0</v>
      </c>
      <c r="EY30" s="165">
        <v>20</v>
      </c>
      <c r="EZ30" s="164">
        <v>21</v>
      </c>
    </row>
    <row r="31" spans="2:156" ht="21" customHeight="1" x14ac:dyDescent="0.2">
      <c r="B31" s="166" t="s">
        <v>29</v>
      </c>
      <c r="C31" s="159">
        <v>0</v>
      </c>
      <c r="D31" s="160">
        <v>0</v>
      </c>
      <c r="E31" s="161">
        <v>0</v>
      </c>
      <c r="F31" s="162">
        <v>0</v>
      </c>
      <c r="G31" s="160">
        <v>0</v>
      </c>
      <c r="H31" s="160">
        <v>2</v>
      </c>
      <c r="I31" s="160">
        <v>0</v>
      </c>
      <c r="J31" s="160">
        <v>2</v>
      </c>
      <c r="K31" s="160">
        <v>0</v>
      </c>
      <c r="L31" s="163">
        <v>4</v>
      </c>
      <c r="M31" s="164">
        <v>4</v>
      </c>
      <c r="N31" s="159">
        <v>0</v>
      </c>
      <c r="O31" s="160">
        <v>0</v>
      </c>
      <c r="P31" s="165">
        <v>0</v>
      </c>
      <c r="Q31" s="162">
        <v>0</v>
      </c>
      <c r="R31" s="160">
        <v>0</v>
      </c>
      <c r="S31" s="160">
        <v>0</v>
      </c>
      <c r="T31" s="160">
        <v>0</v>
      </c>
      <c r="U31" s="160">
        <v>2</v>
      </c>
      <c r="V31" s="160">
        <v>0</v>
      </c>
      <c r="W31" s="165">
        <v>2</v>
      </c>
      <c r="X31" s="164">
        <v>2</v>
      </c>
      <c r="Y31" s="159">
        <v>2</v>
      </c>
      <c r="Z31" s="160">
        <v>0</v>
      </c>
      <c r="AA31" s="165">
        <v>2</v>
      </c>
      <c r="AB31" s="162">
        <v>0</v>
      </c>
      <c r="AC31" s="160">
        <v>0</v>
      </c>
      <c r="AD31" s="160">
        <v>2</v>
      </c>
      <c r="AE31" s="160">
        <v>3</v>
      </c>
      <c r="AF31" s="160">
        <v>1</v>
      </c>
      <c r="AG31" s="160">
        <v>0</v>
      </c>
      <c r="AH31" s="165">
        <v>6</v>
      </c>
      <c r="AI31" s="164">
        <v>8</v>
      </c>
      <c r="AJ31" s="159">
        <v>0</v>
      </c>
      <c r="AK31" s="160">
        <v>0</v>
      </c>
      <c r="AL31" s="165">
        <v>0</v>
      </c>
      <c r="AM31" s="162">
        <v>0</v>
      </c>
      <c r="AN31" s="160">
        <v>0</v>
      </c>
      <c r="AO31" s="160">
        <v>1</v>
      </c>
      <c r="AP31" s="160">
        <v>0</v>
      </c>
      <c r="AQ31" s="160">
        <v>0</v>
      </c>
      <c r="AR31" s="160">
        <v>0</v>
      </c>
      <c r="AS31" s="165">
        <v>1</v>
      </c>
      <c r="AT31" s="164">
        <v>1</v>
      </c>
      <c r="AU31" s="159">
        <v>1</v>
      </c>
      <c r="AV31" s="160">
        <v>0</v>
      </c>
      <c r="AW31" s="165">
        <v>1</v>
      </c>
      <c r="AX31" s="162">
        <v>0</v>
      </c>
      <c r="AY31" s="160">
        <v>2</v>
      </c>
      <c r="AZ31" s="160">
        <v>0</v>
      </c>
      <c r="BA31" s="160">
        <v>1</v>
      </c>
      <c r="BB31" s="160">
        <v>2</v>
      </c>
      <c r="BC31" s="160">
        <v>0</v>
      </c>
      <c r="BD31" s="163">
        <v>5</v>
      </c>
      <c r="BE31" s="164">
        <v>6</v>
      </c>
      <c r="BF31" s="159">
        <v>0</v>
      </c>
      <c r="BG31" s="160">
        <v>0</v>
      </c>
      <c r="BH31" s="165">
        <v>0</v>
      </c>
      <c r="BI31" s="162">
        <v>0</v>
      </c>
      <c r="BJ31" s="160">
        <v>0</v>
      </c>
      <c r="BK31" s="160">
        <v>4</v>
      </c>
      <c r="BL31" s="160">
        <v>1</v>
      </c>
      <c r="BM31" s="160">
        <v>0</v>
      </c>
      <c r="BN31" s="160">
        <v>0</v>
      </c>
      <c r="BO31" s="165">
        <v>5</v>
      </c>
      <c r="BP31" s="164">
        <v>5</v>
      </c>
      <c r="BQ31" s="159">
        <v>1</v>
      </c>
      <c r="BR31" s="160">
        <v>0</v>
      </c>
      <c r="BS31" s="165">
        <v>1</v>
      </c>
      <c r="BT31" s="162">
        <v>0</v>
      </c>
      <c r="BU31" s="160">
        <v>1</v>
      </c>
      <c r="BV31" s="160">
        <v>0</v>
      </c>
      <c r="BW31" s="160">
        <v>1</v>
      </c>
      <c r="BX31" s="160">
        <v>1</v>
      </c>
      <c r="BY31" s="160">
        <v>0</v>
      </c>
      <c r="BZ31" s="165">
        <v>3</v>
      </c>
      <c r="CA31" s="164">
        <v>4</v>
      </c>
      <c r="CB31" s="159">
        <v>0</v>
      </c>
      <c r="CC31" s="160">
        <v>0</v>
      </c>
      <c r="CD31" s="165">
        <v>0</v>
      </c>
      <c r="CE31" s="162">
        <v>0</v>
      </c>
      <c r="CF31" s="160">
        <v>0</v>
      </c>
      <c r="CG31" s="160">
        <v>1</v>
      </c>
      <c r="CH31" s="160">
        <v>0</v>
      </c>
      <c r="CI31" s="160">
        <v>0</v>
      </c>
      <c r="CJ31" s="160">
        <v>0</v>
      </c>
      <c r="CK31" s="165">
        <v>1</v>
      </c>
      <c r="CL31" s="164">
        <v>1</v>
      </c>
      <c r="CM31" s="159">
        <v>0</v>
      </c>
      <c r="CN31" s="160">
        <v>0</v>
      </c>
      <c r="CO31" s="165">
        <v>0</v>
      </c>
      <c r="CP31" s="162">
        <v>0</v>
      </c>
      <c r="CQ31" s="160">
        <v>0</v>
      </c>
      <c r="CR31" s="160">
        <v>0</v>
      </c>
      <c r="CS31" s="160">
        <v>0</v>
      </c>
      <c r="CT31" s="160">
        <v>0</v>
      </c>
      <c r="CU31" s="160">
        <v>0</v>
      </c>
      <c r="CV31" s="165">
        <v>0</v>
      </c>
      <c r="CW31" s="164">
        <v>0</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2</v>
      </c>
      <c r="DU31" s="160">
        <v>0</v>
      </c>
      <c r="DV31" s="165">
        <v>2</v>
      </c>
      <c r="DW31" s="162">
        <v>0</v>
      </c>
      <c r="DX31" s="160">
        <v>2</v>
      </c>
      <c r="DY31" s="160">
        <v>3</v>
      </c>
      <c r="DZ31" s="160">
        <v>4</v>
      </c>
      <c r="EA31" s="160">
        <v>3</v>
      </c>
      <c r="EB31" s="160">
        <v>0</v>
      </c>
      <c r="EC31" s="165">
        <v>12</v>
      </c>
      <c r="ED31" s="164">
        <v>14</v>
      </c>
      <c r="EE31" s="159">
        <v>1</v>
      </c>
      <c r="EF31" s="160">
        <v>0</v>
      </c>
      <c r="EG31" s="165">
        <v>1</v>
      </c>
      <c r="EH31" s="162">
        <v>0</v>
      </c>
      <c r="EI31" s="160">
        <v>2</v>
      </c>
      <c r="EJ31" s="160">
        <v>1</v>
      </c>
      <c r="EK31" s="160">
        <v>0</v>
      </c>
      <c r="EL31" s="160">
        <v>1</v>
      </c>
      <c r="EM31" s="160">
        <v>0</v>
      </c>
      <c r="EN31" s="165">
        <v>4</v>
      </c>
      <c r="EO31" s="164">
        <v>5</v>
      </c>
      <c r="EP31" s="159">
        <v>3</v>
      </c>
      <c r="EQ31" s="160">
        <v>0</v>
      </c>
      <c r="ER31" s="165">
        <v>3</v>
      </c>
      <c r="ES31" s="162">
        <v>0</v>
      </c>
      <c r="ET31" s="160">
        <v>2</v>
      </c>
      <c r="EU31" s="160">
        <v>6</v>
      </c>
      <c r="EV31" s="160">
        <v>4</v>
      </c>
      <c r="EW31" s="160">
        <v>2</v>
      </c>
      <c r="EX31" s="160">
        <v>0</v>
      </c>
      <c r="EY31" s="165">
        <v>14</v>
      </c>
      <c r="EZ31" s="164">
        <v>17</v>
      </c>
    </row>
    <row r="32" spans="2:156" ht="21" customHeight="1" x14ac:dyDescent="0.2">
      <c r="B32" s="166" t="s">
        <v>30</v>
      </c>
      <c r="C32" s="159">
        <v>0</v>
      </c>
      <c r="D32" s="160">
        <v>0</v>
      </c>
      <c r="E32" s="161">
        <v>0</v>
      </c>
      <c r="F32" s="162">
        <v>0</v>
      </c>
      <c r="G32" s="160">
        <v>2</v>
      </c>
      <c r="H32" s="160">
        <v>0</v>
      </c>
      <c r="I32" s="160">
        <v>1</v>
      </c>
      <c r="J32" s="160">
        <v>1</v>
      </c>
      <c r="K32" s="160">
        <v>1</v>
      </c>
      <c r="L32" s="163">
        <v>5</v>
      </c>
      <c r="M32" s="164">
        <v>5</v>
      </c>
      <c r="N32" s="159">
        <v>0</v>
      </c>
      <c r="O32" s="160">
        <v>0</v>
      </c>
      <c r="P32" s="165">
        <v>0</v>
      </c>
      <c r="Q32" s="162">
        <v>0</v>
      </c>
      <c r="R32" s="160">
        <v>0</v>
      </c>
      <c r="S32" s="160">
        <v>0</v>
      </c>
      <c r="T32" s="160">
        <v>0</v>
      </c>
      <c r="U32" s="160">
        <v>1</v>
      </c>
      <c r="V32" s="160">
        <v>0</v>
      </c>
      <c r="W32" s="165">
        <v>1</v>
      </c>
      <c r="X32" s="164">
        <v>1</v>
      </c>
      <c r="Y32" s="159">
        <v>1</v>
      </c>
      <c r="Z32" s="160">
        <v>1</v>
      </c>
      <c r="AA32" s="165">
        <v>2</v>
      </c>
      <c r="AB32" s="162">
        <v>0</v>
      </c>
      <c r="AC32" s="160">
        <v>0</v>
      </c>
      <c r="AD32" s="160">
        <v>0</v>
      </c>
      <c r="AE32" s="160">
        <v>2</v>
      </c>
      <c r="AF32" s="160">
        <v>2</v>
      </c>
      <c r="AG32" s="160">
        <v>1</v>
      </c>
      <c r="AH32" s="165">
        <v>5</v>
      </c>
      <c r="AI32" s="164">
        <v>7</v>
      </c>
      <c r="AJ32" s="159">
        <v>0</v>
      </c>
      <c r="AK32" s="160">
        <v>0</v>
      </c>
      <c r="AL32" s="165">
        <v>0</v>
      </c>
      <c r="AM32" s="162">
        <v>0</v>
      </c>
      <c r="AN32" s="160">
        <v>1</v>
      </c>
      <c r="AO32" s="160">
        <v>0</v>
      </c>
      <c r="AP32" s="160">
        <v>0</v>
      </c>
      <c r="AQ32" s="160">
        <v>0</v>
      </c>
      <c r="AR32" s="160">
        <v>0</v>
      </c>
      <c r="AS32" s="165">
        <v>1</v>
      </c>
      <c r="AT32" s="164">
        <v>1</v>
      </c>
      <c r="AU32" s="159">
        <v>0</v>
      </c>
      <c r="AV32" s="160">
        <v>0</v>
      </c>
      <c r="AW32" s="165">
        <v>0</v>
      </c>
      <c r="AX32" s="162">
        <v>0</v>
      </c>
      <c r="AY32" s="160">
        <v>0</v>
      </c>
      <c r="AZ32" s="160">
        <v>2</v>
      </c>
      <c r="BA32" s="160">
        <v>1</v>
      </c>
      <c r="BB32" s="160">
        <v>1</v>
      </c>
      <c r="BC32" s="160">
        <v>0</v>
      </c>
      <c r="BD32" s="163">
        <v>4</v>
      </c>
      <c r="BE32" s="164">
        <v>4</v>
      </c>
      <c r="BF32" s="159">
        <v>0</v>
      </c>
      <c r="BG32" s="160">
        <v>0</v>
      </c>
      <c r="BH32" s="165">
        <v>0</v>
      </c>
      <c r="BI32" s="162">
        <v>0</v>
      </c>
      <c r="BJ32" s="160">
        <v>3</v>
      </c>
      <c r="BK32" s="160">
        <v>1</v>
      </c>
      <c r="BL32" s="160">
        <v>0</v>
      </c>
      <c r="BM32" s="160">
        <v>1</v>
      </c>
      <c r="BN32" s="160">
        <v>1</v>
      </c>
      <c r="BO32" s="165">
        <v>6</v>
      </c>
      <c r="BP32" s="164">
        <v>6</v>
      </c>
      <c r="BQ32" s="159">
        <v>0</v>
      </c>
      <c r="BR32" s="160">
        <v>1</v>
      </c>
      <c r="BS32" s="165">
        <v>1</v>
      </c>
      <c r="BT32" s="162">
        <v>0</v>
      </c>
      <c r="BU32" s="160">
        <v>1</v>
      </c>
      <c r="BV32" s="160">
        <v>0</v>
      </c>
      <c r="BW32" s="160">
        <v>0</v>
      </c>
      <c r="BX32" s="160">
        <v>0</v>
      </c>
      <c r="BY32" s="160">
        <v>0</v>
      </c>
      <c r="BZ32" s="165">
        <v>1</v>
      </c>
      <c r="CA32" s="164">
        <v>2</v>
      </c>
      <c r="CB32" s="159">
        <v>0</v>
      </c>
      <c r="CC32" s="160">
        <v>0</v>
      </c>
      <c r="CD32" s="165">
        <v>0</v>
      </c>
      <c r="CE32" s="162">
        <v>0</v>
      </c>
      <c r="CF32" s="160">
        <v>0</v>
      </c>
      <c r="CG32" s="160">
        <v>0</v>
      </c>
      <c r="CH32" s="160">
        <v>1</v>
      </c>
      <c r="CI32" s="160">
        <v>1</v>
      </c>
      <c r="CJ32" s="160">
        <v>0</v>
      </c>
      <c r="CK32" s="165">
        <v>2</v>
      </c>
      <c r="CL32" s="164">
        <v>2</v>
      </c>
      <c r="CM32" s="159">
        <v>0</v>
      </c>
      <c r="CN32" s="160">
        <v>0</v>
      </c>
      <c r="CO32" s="165">
        <v>0</v>
      </c>
      <c r="CP32" s="162">
        <v>0</v>
      </c>
      <c r="CQ32" s="160">
        <v>0</v>
      </c>
      <c r="CR32" s="160">
        <v>0</v>
      </c>
      <c r="CS32" s="160">
        <v>0</v>
      </c>
      <c r="CT32" s="160">
        <v>0</v>
      </c>
      <c r="CU32" s="160">
        <v>0</v>
      </c>
      <c r="CV32" s="165">
        <v>0</v>
      </c>
      <c r="CW32" s="164">
        <v>0</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0</v>
      </c>
      <c r="DU32" s="160">
        <v>0</v>
      </c>
      <c r="DV32" s="165">
        <v>0</v>
      </c>
      <c r="DW32" s="162">
        <v>0</v>
      </c>
      <c r="DX32" s="160">
        <v>2</v>
      </c>
      <c r="DY32" s="160">
        <v>1</v>
      </c>
      <c r="DZ32" s="160">
        <v>2</v>
      </c>
      <c r="EA32" s="160">
        <v>2</v>
      </c>
      <c r="EB32" s="160">
        <v>1</v>
      </c>
      <c r="EC32" s="165">
        <v>8</v>
      </c>
      <c r="ED32" s="164">
        <v>8</v>
      </c>
      <c r="EE32" s="159">
        <v>0</v>
      </c>
      <c r="EF32" s="160">
        <v>0</v>
      </c>
      <c r="EG32" s="165">
        <v>0</v>
      </c>
      <c r="EH32" s="162">
        <v>0</v>
      </c>
      <c r="EI32" s="160">
        <v>0</v>
      </c>
      <c r="EJ32" s="160">
        <v>4</v>
      </c>
      <c r="EK32" s="160">
        <v>0</v>
      </c>
      <c r="EL32" s="160">
        <v>1</v>
      </c>
      <c r="EM32" s="160">
        <v>0</v>
      </c>
      <c r="EN32" s="165">
        <v>5</v>
      </c>
      <c r="EO32" s="164">
        <v>5</v>
      </c>
      <c r="EP32" s="159">
        <v>1</v>
      </c>
      <c r="EQ32" s="160">
        <v>2</v>
      </c>
      <c r="ER32" s="165">
        <v>3</v>
      </c>
      <c r="ES32" s="162">
        <v>0</v>
      </c>
      <c r="ET32" s="160">
        <v>5</v>
      </c>
      <c r="EU32" s="160">
        <v>1</v>
      </c>
      <c r="EV32" s="160">
        <v>3</v>
      </c>
      <c r="EW32" s="160">
        <v>2</v>
      </c>
      <c r="EX32" s="160">
        <v>1</v>
      </c>
      <c r="EY32" s="165">
        <v>12</v>
      </c>
      <c r="EZ32" s="164">
        <v>15</v>
      </c>
    </row>
    <row r="33" spans="2:156" ht="21" customHeight="1" x14ac:dyDescent="0.2">
      <c r="B33" s="166" t="s">
        <v>31</v>
      </c>
      <c r="C33" s="159">
        <v>0</v>
      </c>
      <c r="D33" s="160">
        <v>0</v>
      </c>
      <c r="E33" s="161">
        <v>0</v>
      </c>
      <c r="F33" s="162">
        <v>0</v>
      </c>
      <c r="G33" s="160">
        <v>0</v>
      </c>
      <c r="H33" s="160">
        <v>1</v>
      </c>
      <c r="I33" s="160">
        <v>1</v>
      </c>
      <c r="J33" s="160">
        <v>0</v>
      </c>
      <c r="K33" s="160">
        <v>0</v>
      </c>
      <c r="L33" s="163">
        <v>2</v>
      </c>
      <c r="M33" s="164">
        <v>2</v>
      </c>
      <c r="N33" s="159">
        <v>0</v>
      </c>
      <c r="O33" s="160">
        <v>0</v>
      </c>
      <c r="P33" s="165">
        <v>0</v>
      </c>
      <c r="Q33" s="162">
        <v>0</v>
      </c>
      <c r="R33" s="160">
        <v>0</v>
      </c>
      <c r="S33" s="160">
        <v>0</v>
      </c>
      <c r="T33" s="160">
        <v>0</v>
      </c>
      <c r="U33" s="160">
        <v>0</v>
      </c>
      <c r="V33" s="160">
        <v>0</v>
      </c>
      <c r="W33" s="165">
        <v>0</v>
      </c>
      <c r="X33" s="164">
        <v>0</v>
      </c>
      <c r="Y33" s="159">
        <v>0</v>
      </c>
      <c r="Z33" s="160">
        <v>0</v>
      </c>
      <c r="AA33" s="165">
        <v>0</v>
      </c>
      <c r="AB33" s="162">
        <v>0</v>
      </c>
      <c r="AC33" s="160">
        <v>0</v>
      </c>
      <c r="AD33" s="160">
        <v>1</v>
      </c>
      <c r="AE33" s="160">
        <v>2</v>
      </c>
      <c r="AF33" s="160">
        <v>0</v>
      </c>
      <c r="AG33" s="160">
        <v>0</v>
      </c>
      <c r="AH33" s="165">
        <v>3</v>
      </c>
      <c r="AI33" s="164">
        <v>3</v>
      </c>
      <c r="AJ33" s="159">
        <v>0</v>
      </c>
      <c r="AK33" s="160">
        <v>0</v>
      </c>
      <c r="AL33" s="165">
        <v>0</v>
      </c>
      <c r="AM33" s="162">
        <v>0</v>
      </c>
      <c r="AN33" s="160">
        <v>0</v>
      </c>
      <c r="AO33" s="160">
        <v>0</v>
      </c>
      <c r="AP33" s="160">
        <v>0</v>
      </c>
      <c r="AQ33" s="160">
        <v>0</v>
      </c>
      <c r="AR33" s="160">
        <v>0</v>
      </c>
      <c r="AS33" s="165">
        <v>0</v>
      </c>
      <c r="AT33" s="164">
        <v>0</v>
      </c>
      <c r="AU33" s="159">
        <v>0</v>
      </c>
      <c r="AV33" s="160">
        <v>0</v>
      </c>
      <c r="AW33" s="165">
        <v>0</v>
      </c>
      <c r="AX33" s="162">
        <v>0</v>
      </c>
      <c r="AY33" s="160">
        <v>0</v>
      </c>
      <c r="AZ33" s="160">
        <v>0</v>
      </c>
      <c r="BA33" s="160">
        <v>1</v>
      </c>
      <c r="BB33" s="160">
        <v>2</v>
      </c>
      <c r="BC33" s="160">
        <v>1</v>
      </c>
      <c r="BD33" s="163">
        <v>4</v>
      </c>
      <c r="BE33" s="164">
        <v>4</v>
      </c>
      <c r="BF33" s="159">
        <v>0</v>
      </c>
      <c r="BG33" s="160">
        <v>0</v>
      </c>
      <c r="BH33" s="165">
        <v>0</v>
      </c>
      <c r="BI33" s="162">
        <v>0</v>
      </c>
      <c r="BJ33" s="160">
        <v>1</v>
      </c>
      <c r="BK33" s="160">
        <v>3</v>
      </c>
      <c r="BL33" s="160">
        <v>0</v>
      </c>
      <c r="BM33" s="160">
        <v>1</v>
      </c>
      <c r="BN33" s="160">
        <v>0</v>
      </c>
      <c r="BO33" s="165">
        <v>5</v>
      </c>
      <c r="BP33" s="164">
        <v>5</v>
      </c>
      <c r="BQ33" s="159">
        <v>1</v>
      </c>
      <c r="BR33" s="160">
        <v>0</v>
      </c>
      <c r="BS33" s="165">
        <v>1</v>
      </c>
      <c r="BT33" s="162">
        <v>0</v>
      </c>
      <c r="BU33" s="160">
        <v>1</v>
      </c>
      <c r="BV33" s="160">
        <v>1</v>
      </c>
      <c r="BW33" s="160">
        <v>1</v>
      </c>
      <c r="BX33" s="160">
        <v>0</v>
      </c>
      <c r="BY33" s="160">
        <v>0</v>
      </c>
      <c r="BZ33" s="165">
        <v>3</v>
      </c>
      <c r="CA33" s="164">
        <v>4</v>
      </c>
      <c r="CB33" s="159">
        <v>0</v>
      </c>
      <c r="CC33" s="160">
        <v>0</v>
      </c>
      <c r="CD33" s="165">
        <v>0</v>
      </c>
      <c r="CE33" s="162">
        <v>0</v>
      </c>
      <c r="CF33" s="160">
        <v>0</v>
      </c>
      <c r="CG33" s="160">
        <v>0</v>
      </c>
      <c r="CH33" s="160">
        <v>0</v>
      </c>
      <c r="CI33" s="160">
        <v>1</v>
      </c>
      <c r="CJ33" s="160">
        <v>0</v>
      </c>
      <c r="CK33" s="165">
        <v>1</v>
      </c>
      <c r="CL33" s="164">
        <v>1</v>
      </c>
      <c r="CM33" s="159">
        <v>0</v>
      </c>
      <c r="CN33" s="160">
        <v>0</v>
      </c>
      <c r="CO33" s="165">
        <v>0</v>
      </c>
      <c r="CP33" s="162">
        <v>0</v>
      </c>
      <c r="CQ33" s="160">
        <v>0</v>
      </c>
      <c r="CR33" s="160">
        <v>0</v>
      </c>
      <c r="CS33" s="160">
        <v>0</v>
      </c>
      <c r="CT33" s="160">
        <v>0</v>
      </c>
      <c r="CU33" s="160">
        <v>0</v>
      </c>
      <c r="CV33" s="165">
        <v>0</v>
      </c>
      <c r="CW33" s="164">
        <v>0</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3</v>
      </c>
      <c r="DU33" s="160">
        <v>1</v>
      </c>
      <c r="DV33" s="165">
        <v>4</v>
      </c>
      <c r="DW33" s="162">
        <v>0</v>
      </c>
      <c r="DX33" s="160">
        <v>3</v>
      </c>
      <c r="DY33" s="160">
        <v>4</v>
      </c>
      <c r="DZ33" s="160">
        <v>2</v>
      </c>
      <c r="EA33" s="160">
        <v>2</v>
      </c>
      <c r="EB33" s="160">
        <v>0</v>
      </c>
      <c r="EC33" s="165">
        <v>11</v>
      </c>
      <c r="ED33" s="164">
        <v>15</v>
      </c>
      <c r="EE33" s="159">
        <v>0</v>
      </c>
      <c r="EF33" s="160">
        <v>0</v>
      </c>
      <c r="EG33" s="165">
        <v>0</v>
      </c>
      <c r="EH33" s="162">
        <v>0</v>
      </c>
      <c r="EI33" s="160">
        <v>0</v>
      </c>
      <c r="EJ33" s="160">
        <v>0</v>
      </c>
      <c r="EK33" s="160">
        <v>1</v>
      </c>
      <c r="EL33" s="160">
        <v>0</v>
      </c>
      <c r="EM33" s="160">
        <v>0</v>
      </c>
      <c r="EN33" s="165">
        <v>1</v>
      </c>
      <c r="EO33" s="164">
        <v>1</v>
      </c>
      <c r="EP33" s="159">
        <v>4</v>
      </c>
      <c r="EQ33" s="160">
        <v>1</v>
      </c>
      <c r="ER33" s="165">
        <v>5</v>
      </c>
      <c r="ES33" s="162">
        <v>0</v>
      </c>
      <c r="ET33" s="160">
        <v>4</v>
      </c>
      <c r="EU33" s="160">
        <v>6</v>
      </c>
      <c r="EV33" s="160">
        <v>2</v>
      </c>
      <c r="EW33" s="160">
        <v>2</v>
      </c>
      <c r="EX33" s="160">
        <v>0</v>
      </c>
      <c r="EY33" s="165">
        <v>14</v>
      </c>
      <c r="EZ33" s="164">
        <v>19</v>
      </c>
    </row>
    <row r="34" spans="2:156" ht="21" customHeight="1" x14ac:dyDescent="0.2">
      <c r="B34" s="166" t="s">
        <v>32</v>
      </c>
      <c r="C34" s="159">
        <v>0</v>
      </c>
      <c r="D34" s="160">
        <v>0</v>
      </c>
      <c r="E34" s="161">
        <v>0</v>
      </c>
      <c r="F34" s="162">
        <v>0</v>
      </c>
      <c r="G34" s="160">
        <v>2</v>
      </c>
      <c r="H34" s="160">
        <v>4</v>
      </c>
      <c r="I34" s="160">
        <v>1</v>
      </c>
      <c r="J34" s="160">
        <v>0</v>
      </c>
      <c r="K34" s="160">
        <v>1</v>
      </c>
      <c r="L34" s="163">
        <v>8</v>
      </c>
      <c r="M34" s="164">
        <v>8</v>
      </c>
      <c r="N34" s="159">
        <v>0</v>
      </c>
      <c r="O34" s="160">
        <v>0</v>
      </c>
      <c r="P34" s="165">
        <v>0</v>
      </c>
      <c r="Q34" s="162">
        <v>0</v>
      </c>
      <c r="R34" s="160">
        <v>0</v>
      </c>
      <c r="S34" s="160">
        <v>0</v>
      </c>
      <c r="T34" s="160">
        <v>0</v>
      </c>
      <c r="U34" s="160">
        <v>0</v>
      </c>
      <c r="V34" s="160">
        <v>1</v>
      </c>
      <c r="W34" s="165">
        <v>1</v>
      </c>
      <c r="X34" s="164">
        <v>1</v>
      </c>
      <c r="Y34" s="159">
        <v>1</v>
      </c>
      <c r="Z34" s="160">
        <v>0</v>
      </c>
      <c r="AA34" s="165">
        <v>1</v>
      </c>
      <c r="AB34" s="162">
        <v>0</v>
      </c>
      <c r="AC34" s="160">
        <v>2</v>
      </c>
      <c r="AD34" s="160">
        <v>4</v>
      </c>
      <c r="AE34" s="160">
        <v>0</v>
      </c>
      <c r="AF34" s="160">
        <v>1</v>
      </c>
      <c r="AG34" s="160">
        <v>1</v>
      </c>
      <c r="AH34" s="165">
        <v>8</v>
      </c>
      <c r="AI34" s="164">
        <v>9</v>
      </c>
      <c r="AJ34" s="159">
        <v>0</v>
      </c>
      <c r="AK34" s="160">
        <v>0</v>
      </c>
      <c r="AL34" s="165">
        <v>0</v>
      </c>
      <c r="AM34" s="162">
        <v>0</v>
      </c>
      <c r="AN34" s="160">
        <v>1</v>
      </c>
      <c r="AO34" s="160">
        <v>0</v>
      </c>
      <c r="AP34" s="160">
        <v>0</v>
      </c>
      <c r="AQ34" s="160">
        <v>0</v>
      </c>
      <c r="AR34" s="160">
        <v>0</v>
      </c>
      <c r="AS34" s="165">
        <v>1</v>
      </c>
      <c r="AT34" s="164">
        <v>1</v>
      </c>
      <c r="AU34" s="159">
        <v>0</v>
      </c>
      <c r="AV34" s="160">
        <v>0</v>
      </c>
      <c r="AW34" s="165">
        <v>0</v>
      </c>
      <c r="AX34" s="162">
        <v>0</v>
      </c>
      <c r="AY34" s="160">
        <v>2</v>
      </c>
      <c r="AZ34" s="160">
        <v>3</v>
      </c>
      <c r="BA34" s="160">
        <v>2</v>
      </c>
      <c r="BB34" s="160">
        <v>4</v>
      </c>
      <c r="BC34" s="160">
        <v>0</v>
      </c>
      <c r="BD34" s="163">
        <v>11</v>
      </c>
      <c r="BE34" s="164">
        <v>11</v>
      </c>
      <c r="BF34" s="159">
        <v>0</v>
      </c>
      <c r="BG34" s="160">
        <v>0</v>
      </c>
      <c r="BH34" s="165">
        <v>0</v>
      </c>
      <c r="BI34" s="162">
        <v>0</v>
      </c>
      <c r="BJ34" s="160">
        <v>1</v>
      </c>
      <c r="BK34" s="160">
        <v>4</v>
      </c>
      <c r="BL34" s="160">
        <v>1</v>
      </c>
      <c r="BM34" s="160">
        <v>0</v>
      </c>
      <c r="BN34" s="160">
        <v>0</v>
      </c>
      <c r="BO34" s="165">
        <v>6</v>
      </c>
      <c r="BP34" s="164">
        <v>6</v>
      </c>
      <c r="BQ34" s="159">
        <v>1</v>
      </c>
      <c r="BR34" s="160">
        <v>0</v>
      </c>
      <c r="BS34" s="165">
        <v>1</v>
      </c>
      <c r="BT34" s="162">
        <v>0</v>
      </c>
      <c r="BU34" s="160">
        <v>0</v>
      </c>
      <c r="BV34" s="160">
        <v>2</v>
      </c>
      <c r="BW34" s="160">
        <v>0</v>
      </c>
      <c r="BX34" s="160">
        <v>0</v>
      </c>
      <c r="BY34" s="160">
        <v>0</v>
      </c>
      <c r="BZ34" s="165">
        <v>2</v>
      </c>
      <c r="CA34" s="164">
        <v>3</v>
      </c>
      <c r="CB34" s="159">
        <v>0</v>
      </c>
      <c r="CC34" s="160">
        <v>0</v>
      </c>
      <c r="CD34" s="165">
        <v>0</v>
      </c>
      <c r="CE34" s="162">
        <v>0</v>
      </c>
      <c r="CF34" s="160">
        <v>0</v>
      </c>
      <c r="CG34" s="160">
        <v>0</v>
      </c>
      <c r="CH34" s="160">
        <v>0</v>
      </c>
      <c r="CI34" s="160">
        <v>0</v>
      </c>
      <c r="CJ34" s="160">
        <v>0</v>
      </c>
      <c r="CK34" s="165">
        <v>0</v>
      </c>
      <c r="CL34" s="164">
        <v>0</v>
      </c>
      <c r="CM34" s="159">
        <v>0</v>
      </c>
      <c r="CN34" s="160">
        <v>0</v>
      </c>
      <c r="CO34" s="165">
        <v>0</v>
      </c>
      <c r="CP34" s="162">
        <v>0</v>
      </c>
      <c r="CQ34" s="160">
        <v>0</v>
      </c>
      <c r="CR34" s="160">
        <v>0</v>
      </c>
      <c r="CS34" s="160">
        <v>0</v>
      </c>
      <c r="CT34" s="160">
        <v>0</v>
      </c>
      <c r="CU34" s="160">
        <v>0</v>
      </c>
      <c r="CV34" s="165">
        <v>0</v>
      </c>
      <c r="CW34" s="164">
        <v>0</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1</v>
      </c>
      <c r="DU34" s="160">
        <v>2</v>
      </c>
      <c r="DV34" s="165">
        <v>3</v>
      </c>
      <c r="DW34" s="162">
        <v>0</v>
      </c>
      <c r="DX34" s="160">
        <v>7</v>
      </c>
      <c r="DY34" s="160">
        <v>9</v>
      </c>
      <c r="DZ34" s="160">
        <v>3</v>
      </c>
      <c r="EA34" s="160">
        <v>1</v>
      </c>
      <c r="EB34" s="160">
        <v>1</v>
      </c>
      <c r="EC34" s="165">
        <v>21</v>
      </c>
      <c r="ED34" s="164">
        <v>24</v>
      </c>
      <c r="EE34" s="159">
        <v>0</v>
      </c>
      <c r="EF34" s="160">
        <v>0</v>
      </c>
      <c r="EG34" s="165">
        <v>0</v>
      </c>
      <c r="EH34" s="162">
        <v>0</v>
      </c>
      <c r="EI34" s="160">
        <v>1</v>
      </c>
      <c r="EJ34" s="160">
        <v>1</v>
      </c>
      <c r="EK34" s="160">
        <v>0</v>
      </c>
      <c r="EL34" s="160">
        <v>2</v>
      </c>
      <c r="EM34" s="160">
        <v>0</v>
      </c>
      <c r="EN34" s="165">
        <v>4</v>
      </c>
      <c r="EO34" s="164">
        <v>4</v>
      </c>
      <c r="EP34" s="159">
        <v>3</v>
      </c>
      <c r="EQ34" s="160">
        <v>2</v>
      </c>
      <c r="ER34" s="165">
        <v>5</v>
      </c>
      <c r="ES34" s="162">
        <v>0</v>
      </c>
      <c r="ET34" s="160">
        <v>8</v>
      </c>
      <c r="EU34" s="160">
        <v>13</v>
      </c>
      <c r="EV34" s="160">
        <v>3</v>
      </c>
      <c r="EW34" s="160">
        <v>1</v>
      </c>
      <c r="EX34" s="160">
        <v>1</v>
      </c>
      <c r="EY34" s="165">
        <v>26</v>
      </c>
      <c r="EZ34" s="164">
        <v>31</v>
      </c>
    </row>
    <row r="35" spans="2:156" ht="21" customHeight="1" x14ac:dyDescent="0.2">
      <c r="B35" s="166" t="s">
        <v>33</v>
      </c>
      <c r="C35" s="159">
        <v>0</v>
      </c>
      <c r="D35" s="160">
        <v>0</v>
      </c>
      <c r="E35" s="161">
        <v>0</v>
      </c>
      <c r="F35" s="162">
        <v>0</v>
      </c>
      <c r="G35" s="160">
        <v>1</v>
      </c>
      <c r="H35" s="160">
        <v>0</v>
      </c>
      <c r="I35" s="160">
        <v>0</v>
      </c>
      <c r="J35" s="160">
        <v>0</v>
      </c>
      <c r="K35" s="160">
        <v>0</v>
      </c>
      <c r="L35" s="163">
        <v>1</v>
      </c>
      <c r="M35" s="164">
        <v>1</v>
      </c>
      <c r="N35" s="159">
        <v>0</v>
      </c>
      <c r="O35" s="160">
        <v>0</v>
      </c>
      <c r="P35" s="165">
        <v>0</v>
      </c>
      <c r="Q35" s="162">
        <v>0</v>
      </c>
      <c r="R35" s="160">
        <v>0</v>
      </c>
      <c r="S35" s="160">
        <v>0</v>
      </c>
      <c r="T35" s="160">
        <v>0</v>
      </c>
      <c r="U35" s="160">
        <v>0</v>
      </c>
      <c r="V35" s="160">
        <v>0</v>
      </c>
      <c r="W35" s="165">
        <v>0</v>
      </c>
      <c r="X35" s="164">
        <v>0</v>
      </c>
      <c r="Y35" s="159">
        <v>0</v>
      </c>
      <c r="Z35" s="160">
        <v>0</v>
      </c>
      <c r="AA35" s="165">
        <v>0</v>
      </c>
      <c r="AB35" s="162">
        <v>0</v>
      </c>
      <c r="AC35" s="160">
        <v>1</v>
      </c>
      <c r="AD35" s="160">
        <v>0</v>
      </c>
      <c r="AE35" s="160">
        <v>0</v>
      </c>
      <c r="AF35" s="160">
        <v>0</v>
      </c>
      <c r="AG35" s="160">
        <v>0</v>
      </c>
      <c r="AH35" s="165">
        <v>1</v>
      </c>
      <c r="AI35" s="164">
        <v>1</v>
      </c>
      <c r="AJ35" s="159">
        <v>2</v>
      </c>
      <c r="AK35" s="160">
        <v>1</v>
      </c>
      <c r="AL35" s="165">
        <v>3</v>
      </c>
      <c r="AM35" s="162">
        <v>0</v>
      </c>
      <c r="AN35" s="160">
        <v>0</v>
      </c>
      <c r="AO35" s="160">
        <v>0</v>
      </c>
      <c r="AP35" s="160">
        <v>0</v>
      </c>
      <c r="AQ35" s="160">
        <v>0</v>
      </c>
      <c r="AR35" s="160">
        <v>0</v>
      </c>
      <c r="AS35" s="165">
        <v>0</v>
      </c>
      <c r="AT35" s="164">
        <v>3</v>
      </c>
      <c r="AU35" s="159">
        <v>0</v>
      </c>
      <c r="AV35" s="160">
        <v>0</v>
      </c>
      <c r="AW35" s="165">
        <v>0</v>
      </c>
      <c r="AX35" s="162">
        <v>0</v>
      </c>
      <c r="AY35" s="160">
        <v>1</v>
      </c>
      <c r="AZ35" s="160">
        <v>0</v>
      </c>
      <c r="BA35" s="160">
        <v>1</v>
      </c>
      <c r="BB35" s="160">
        <v>0</v>
      </c>
      <c r="BC35" s="160">
        <v>0</v>
      </c>
      <c r="BD35" s="163">
        <v>2</v>
      </c>
      <c r="BE35" s="164">
        <v>2</v>
      </c>
      <c r="BF35" s="159">
        <v>0</v>
      </c>
      <c r="BG35" s="160">
        <v>0</v>
      </c>
      <c r="BH35" s="165">
        <v>0</v>
      </c>
      <c r="BI35" s="162">
        <v>0</v>
      </c>
      <c r="BJ35" s="160">
        <v>0</v>
      </c>
      <c r="BK35" s="160">
        <v>0</v>
      </c>
      <c r="BL35" s="160">
        <v>0</v>
      </c>
      <c r="BM35" s="160">
        <v>0</v>
      </c>
      <c r="BN35" s="160">
        <v>0</v>
      </c>
      <c r="BO35" s="165">
        <v>0</v>
      </c>
      <c r="BP35" s="164">
        <v>0</v>
      </c>
      <c r="BQ35" s="159">
        <v>0</v>
      </c>
      <c r="BR35" s="160">
        <v>0</v>
      </c>
      <c r="BS35" s="165">
        <v>0</v>
      </c>
      <c r="BT35" s="162">
        <v>0</v>
      </c>
      <c r="BU35" s="160">
        <v>0</v>
      </c>
      <c r="BV35" s="160">
        <v>0</v>
      </c>
      <c r="BW35" s="160">
        <v>0</v>
      </c>
      <c r="BX35" s="160">
        <v>0</v>
      </c>
      <c r="BY35" s="160">
        <v>0</v>
      </c>
      <c r="BZ35" s="165">
        <v>0</v>
      </c>
      <c r="CA35" s="164">
        <v>0</v>
      </c>
      <c r="CB35" s="159">
        <v>0</v>
      </c>
      <c r="CC35" s="160">
        <v>0</v>
      </c>
      <c r="CD35" s="165">
        <v>0</v>
      </c>
      <c r="CE35" s="162">
        <v>0</v>
      </c>
      <c r="CF35" s="160">
        <v>0</v>
      </c>
      <c r="CG35" s="160">
        <v>0</v>
      </c>
      <c r="CH35" s="160">
        <v>0</v>
      </c>
      <c r="CI35" s="160">
        <v>0</v>
      </c>
      <c r="CJ35" s="160">
        <v>1</v>
      </c>
      <c r="CK35" s="165">
        <v>1</v>
      </c>
      <c r="CL35" s="164">
        <v>1</v>
      </c>
      <c r="CM35" s="159">
        <v>0</v>
      </c>
      <c r="CN35" s="160">
        <v>0</v>
      </c>
      <c r="CO35" s="165">
        <v>0</v>
      </c>
      <c r="CP35" s="162">
        <v>0</v>
      </c>
      <c r="CQ35" s="160">
        <v>0</v>
      </c>
      <c r="CR35" s="160">
        <v>0</v>
      </c>
      <c r="CS35" s="160">
        <v>0</v>
      </c>
      <c r="CT35" s="160">
        <v>0</v>
      </c>
      <c r="CU35" s="160">
        <v>0</v>
      </c>
      <c r="CV35" s="165">
        <v>0</v>
      </c>
      <c r="CW35" s="164">
        <v>0</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2</v>
      </c>
      <c r="DU35" s="160">
        <v>0</v>
      </c>
      <c r="DV35" s="165">
        <v>2</v>
      </c>
      <c r="DW35" s="162">
        <v>0</v>
      </c>
      <c r="DX35" s="160">
        <v>1</v>
      </c>
      <c r="DY35" s="160">
        <v>0</v>
      </c>
      <c r="DZ35" s="160">
        <v>0</v>
      </c>
      <c r="EA35" s="160">
        <v>0</v>
      </c>
      <c r="EB35" s="160">
        <v>0</v>
      </c>
      <c r="EC35" s="165">
        <v>1</v>
      </c>
      <c r="ED35" s="164">
        <v>3</v>
      </c>
      <c r="EE35" s="159">
        <v>0</v>
      </c>
      <c r="EF35" s="160">
        <v>0</v>
      </c>
      <c r="EG35" s="165">
        <v>0</v>
      </c>
      <c r="EH35" s="162">
        <v>0</v>
      </c>
      <c r="EI35" s="160">
        <v>0</v>
      </c>
      <c r="EJ35" s="160">
        <v>0</v>
      </c>
      <c r="EK35" s="160">
        <v>1</v>
      </c>
      <c r="EL35" s="160">
        <v>0</v>
      </c>
      <c r="EM35" s="160">
        <v>0</v>
      </c>
      <c r="EN35" s="165">
        <v>1</v>
      </c>
      <c r="EO35" s="164">
        <v>1</v>
      </c>
      <c r="EP35" s="159">
        <v>2</v>
      </c>
      <c r="EQ35" s="160">
        <v>1</v>
      </c>
      <c r="ER35" s="165">
        <v>3</v>
      </c>
      <c r="ES35" s="162">
        <v>0</v>
      </c>
      <c r="ET35" s="160">
        <v>1</v>
      </c>
      <c r="EU35" s="160">
        <v>0</v>
      </c>
      <c r="EV35" s="160">
        <v>0</v>
      </c>
      <c r="EW35" s="160">
        <v>0</v>
      </c>
      <c r="EX35" s="160">
        <v>1</v>
      </c>
      <c r="EY35" s="165">
        <v>2</v>
      </c>
      <c r="EZ35" s="164">
        <v>5</v>
      </c>
    </row>
    <row r="36" spans="2:156" ht="21" customHeight="1" x14ac:dyDescent="0.2">
      <c r="B36" s="166" t="s">
        <v>34</v>
      </c>
      <c r="C36" s="159">
        <v>0</v>
      </c>
      <c r="D36" s="160">
        <v>0</v>
      </c>
      <c r="E36" s="161">
        <v>0</v>
      </c>
      <c r="F36" s="162">
        <v>0</v>
      </c>
      <c r="G36" s="160">
        <v>0</v>
      </c>
      <c r="H36" s="160">
        <v>0</v>
      </c>
      <c r="I36" s="160">
        <v>0</v>
      </c>
      <c r="J36" s="160">
        <v>0</v>
      </c>
      <c r="K36" s="160">
        <v>0</v>
      </c>
      <c r="L36" s="163">
        <v>0</v>
      </c>
      <c r="M36" s="164">
        <v>0</v>
      </c>
      <c r="N36" s="159">
        <v>0</v>
      </c>
      <c r="O36" s="160">
        <v>0</v>
      </c>
      <c r="P36" s="165">
        <v>0</v>
      </c>
      <c r="Q36" s="162">
        <v>0</v>
      </c>
      <c r="R36" s="160">
        <v>0</v>
      </c>
      <c r="S36" s="160">
        <v>0</v>
      </c>
      <c r="T36" s="160">
        <v>0</v>
      </c>
      <c r="U36" s="160">
        <v>0</v>
      </c>
      <c r="V36" s="160">
        <v>0</v>
      </c>
      <c r="W36" s="165">
        <v>0</v>
      </c>
      <c r="X36" s="164">
        <v>0</v>
      </c>
      <c r="Y36" s="159">
        <v>0</v>
      </c>
      <c r="Z36" s="160">
        <v>0</v>
      </c>
      <c r="AA36" s="165">
        <v>0</v>
      </c>
      <c r="AB36" s="162">
        <v>0</v>
      </c>
      <c r="AC36" s="160">
        <v>1</v>
      </c>
      <c r="AD36" s="160">
        <v>2</v>
      </c>
      <c r="AE36" s="160">
        <v>0</v>
      </c>
      <c r="AF36" s="160">
        <v>0</v>
      </c>
      <c r="AG36" s="160">
        <v>1</v>
      </c>
      <c r="AH36" s="165">
        <v>4</v>
      </c>
      <c r="AI36" s="164">
        <v>4</v>
      </c>
      <c r="AJ36" s="159">
        <v>0</v>
      </c>
      <c r="AK36" s="160">
        <v>0</v>
      </c>
      <c r="AL36" s="165">
        <v>0</v>
      </c>
      <c r="AM36" s="162">
        <v>0</v>
      </c>
      <c r="AN36" s="160">
        <v>0</v>
      </c>
      <c r="AO36" s="160">
        <v>0</v>
      </c>
      <c r="AP36" s="160">
        <v>0</v>
      </c>
      <c r="AQ36" s="160">
        <v>0</v>
      </c>
      <c r="AR36" s="160">
        <v>1</v>
      </c>
      <c r="AS36" s="165">
        <v>1</v>
      </c>
      <c r="AT36" s="164">
        <v>1</v>
      </c>
      <c r="AU36" s="159">
        <v>0</v>
      </c>
      <c r="AV36" s="160">
        <v>0</v>
      </c>
      <c r="AW36" s="165">
        <v>0</v>
      </c>
      <c r="AX36" s="162">
        <v>0</v>
      </c>
      <c r="AY36" s="160">
        <v>0</v>
      </c>
      <c r="AZ36" s="160">
        <v>3</v>
      </c>
      <c r="BA36" s="160">
        <v>0</v>
      </c>
      <c r="BB36" s="160">
        <v>2</v>
      </c>
      <c r="BC36" s="160">
        <v>3</v>
      </c>
      <c r="BD36" s="163">
        <v>8</v>
      </c>
      <c r="BE36" s="164">
        <v>8</v>
      </c>
      <c r="BF36" s="159">
        <v>0</v>
      </c>
      <c r="BG36" s="160">
        <v>0</v>
      </c>
      <c r="BH36" s="165">
        <v>0</v>
      </c>
      <c r="BI36" s="162">
        <v>0</v>
      </c>
      <c r="BJ36" s="160">
        <v>1</v>
      </c>
      <c r="BK36" s="160">
        <v>1</v>
      </c>
      <c r="BL36" s="160">
        <v>1</v>
      </c>
      <c r="BM36" s="160">
        <v>0</v>
      </c>
      <c r="BN36" s="160">
        <v>0</v>
      </c>
      <c r="BO36" s="165">
        <v>3</v>
      </c>
      <c r="BP36" s="164">
        <v>3</v>
      </c>
      <c r="BQ36" s="159">
        <v>0</v>
      </c>
      <c r="BR36" s="160">
        <v>0</v>
      </c>
      <c r="BS36" s="165">
        <v>0</v>
      </c>
      <c r="BT36" s="162">
        <v>0</v>
      </c>
      <c r="BU36" s="160">
        <v>0</v>
      </c>
      <c r="BV36" s="160">
        <v>0</v>
      </c>
      <c r="BW36" s="160">
        <v>0</v>
      </c>
      <c r="BX36" s="160">
        <v>0</v>
      </c>
      <c r="BY36" s="160">
        <v>0</v>
      </c>
      <c r="BZ36" s="165">
        <v>0</v>
      </c>
      <c r="CA36" s="164">
        <v>0</v>
      </c>
      <c r="CB36" s="159">
        <v>0</v>
      </c>
      <c r="CC36" s="160">
        <v>0</v>
      </c>
      <c r="CD36" s="165">
        <v>0</v>
      </c>
      <c r="CE36" s="162">
        <v>0</v>
      </c>
      <c r="CF36" s="160">
        <v>0</v>
      </c>
      <c r="CG36" s="160">
        <v>0</v>
      </c>
      <c r="CH36" s="160">
        <v>0</v>
      </c>
      <c r="CI36" s="160">
        <v>0</v>
      </c>
      <c r="CJ36" s="160">
        <v>0</v>
      </c>
      <c r="CK36" s="165">
        <v>0</v>
      </c>
      <c r="CL36" s="164">
        <v>0</v>
      </c>
      <c r="CM36" s="159">
        <v>0</v>
      </c>
      <c r="CN36" s="160">
        <v>0</v>
      </c>
      <c r="CO36" s="165">
        <v>0</v>
      </c>
      <c r="CP36" s="162">
        <v>0</v>
      </c>
      <c r="CQ36" s="160">
        <v>0</v>
      </c>
      <c r="CR36" s="160">
        <v>0</v>
      </c>
      <c r="CS36" s="160">
        <v>0</v>
      </c>
      <c r="CT36" s="160">
        <v>0</v>
      </c>
      <c r="CU36" s="160">
        <v>0</v>
      </c>
      <c r="CV36" s="165">
        <v>0</v>
      </c>
      <c r="CW36" s="164">
        <v>0</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0</v>
      </c>
      <c r="DU36" s="160">
        <v>0</v>
      </c>
      <c r="DV36" s="165">
        <v>0</v>
      </c>
      <c r="DW36" s="162">
        <v>0</v>
      </c>
      <c r="DX36" s="160">
        <v>2</v>
      </c>
      <c r="DY36" s="160">
        <v>6</v>
      </c>
      <c r="DZ36" s="160">
        <v>1</v>
      </c>
      <c r="EA36" s="160">
        <v>0</v>
      </c>
      <c r="EB36" s="160">
        <v>2</v>
      </c>
      <c r="EC36" s="165">
        <v>11</v>
      </c>
      <c r="ED36" s="164">
        <v>11</v>
      </c>
      <c r="EE36" s="159">
        <v>0</v>
      </c>
      <c r="EF36" s="160">
        <v>0</v>
      </c>
      <c r="EG36" s="165">
        <v>0</v>
      </c>
      <c r="EH36" s="162">
        <v>0</v>
      </c>
      <c r="EI36" s="160">
        <v>0</v>
      </c>
      <c r="EJ36" s="160">
        <v>1</v>
      </c>
      <c r="EK36" s="160">
        <v>0</v>
      </c>
      <c r="EL36" s="160">
        <v>1</v>
      </c>
      <c r="EM36" s="160">
        <v>1</v>
      </c>
      <c r="EN36" s="165">
        <v>3</v>
      </c>
      <c r="EO36" s="164">
        <v>3</v>
      </c>
      <c r="EP36" s="159">
        <v>0</v>
      </c>
      <c r="EQ36" s="160">
        <v>0</v>
      </c>
      <c r="ER36" s="165">
        <v>0</v>
      </c>
      <c r="ES36" s="162">
        <v>0</v>
      </c>
      <c r="ET36" s="160">
        <v>4</v>
      </c>
      <c r="EU36" s="160">
        <v>6</v>
      </c>
      <c r="EV36" s="160">
        <v>1</v>
      </c>
      <c r="EW36" s="160">
        <v>0</v>
      </c>
      <c r="EX36" s="160">
        <v>2</v>
      </c>
      <c r="EY36" s="165">
        <v>13</v>
      </c>
      <c r="EZ36" s="164">
        <v>13</v>
      </c>
    </row>
    <row r="37" spans="2:156" ht="21" customHeight="1" x14ac:dyDescent="0.2">
      <c r="B37" s="166" t="s">
        <v>35</v>
      </c>
      <c r="C37" s="159">
        <v>0</v>
      </c>
      <c r="D37" s="160">
        <v>0</v>
      </c>
      <c r="E37" s="161">
        <v>0</v>
      </c>
      <c r="F37" s="162">
        <v>0</v>
      </c>
      <c r="G37" s="160">
        <v>4</v>
      </c>
      <c r="H37" s="160">
        <v>4</v>
      </c>
      <c r="I37" s="160">
        <v>1</v>
      </c>
      <c r="J37" s="160">
        <v>0</v>
      </c>
      <c r="K37" s="160">
        <v>0</v>
      </c>
      <c r="L37" s="163">
        <v>9</v>
      </c>
      <c r="M37" s="164">
        <v>9</v>
      </c>
      <c r="N37" s="159">
        <v>0</v>
      </c>
      <c r="O37" s="160">
        <v>0</v>
      </c>
      <c r="P37" s="165">
        <v>0</v>
      </c>
      <c r="Q37" s="162">
        <v>0</v>
      </c>
      <c r="R37" s="160">
        <v>0</v>
      </c>
      <c r="S37" s="160">
        <v>0</v>
      </c>
      <c r="T37" s="160">
        <v>0</v>
      </c>
      <c r="U37" s="160">
        <v>0</v>
      </c>
      <c r="V37" s="160">
        <v>0</v>
      </c>
      <c r="W37" s="165">
        <v>0</v>
      </c>
      <c r="X37" s="164">
        <v>0</v>
      </c>
      <c r="Y37" s="159">
        <v>0</v>
      </c>
      <c r="Z37" s="160">
        <v>1</v>
      </c>
      <c r="AA37" s="165">
        <v>1</v>
      </c>
      <c r="AB37" s="162">
        <v>0</v>
      </c>
      <c r="AC37" s="160">
        <v>3</v>
      </c>
      <c r="AD37" s="160">
        <v>2</v>
      </c>
      <c r="AE37" s="160">
        <v>3</v>
      </c>
      <c r="AF37" s="160">
        <v>0</v>
      </c>
      <c r="AG37" s="160">
        <v>2</v>
      </c>
      <c r="AH37" s="165">
        <v>10</v>
      </c>
      <c r="AI37" s="164">
        <v>11</v>
      </c>
      <c r="AJ37" s="159">
        <v>0</v>
      </c>
      <c r="AK37" s="160">
        <v>1</v>
      </c>
      <c r="AL37" s="165">
        <v>1</v>
      </c>
      <c r="AM37" s="162">
        <v>0</v>
      </c>
      <c r="AN37" s="160">
        <v>1</v>
      </c>
      <c r="AO37" s="160">
        <v>0</v>
      </c>
      <c r="AP37" s="160">
        <v>0</v>
      </c>
      <c r="AQ37" s="160">
        <v>0</v>
      </c>
      <c r="AR37" s="160">
        <v>1</v>
      </c>
      <c r="AS37" s="165">
        <v>2</v>
      </c>
      <c r="AT37" s="164">
        <v>3</v>
      </c>
      <c r="AU37" s="159">
        <v>1</v>
      </c>
      <c r="AV37" s="160">
        <v>0</v>
      </c>
      <c r="AW37" s="165">
        <v>1</v>
      </c>
      <c r="AX37" s="162">
        <v>0</v>
      </c>
      <c r="AY37" s="160">
        <v>5</v>
      </c>
      <c r="AZ37" s="160">
        <v>5</v>
      </c>
      <c r="BA37" s="160">
        <v>4</v>
      </c>
      <c r="BB37" s="160">
        <v>4</v>
      </c>
      <c r="BC37" s="160">
        <v>3</v>
      </c>
      <c r="BD37" s="163">
        <v>21</v>
      </c>
      <c r="BE37" s="164">
        <v>22</v>
      </c>
      <c r="BF37" s="159">
        <v>0</v>
      </c>
      <c r="BG37" s="160">
        <v>0</v>
      </c>
      <c r="BH37" s="165">
        <v>0</v>
      </c>
      <c r="BI37" s="162">
        <v>0</v>
      </c>
      <c r="BJ37" s="160">
        <v>4</v>
      </c>
      <c r="BK37" s="160">
        <v>2</v>
      </c>
      <c r="BL37" s="160">
        <v>1</v>
      </c>
      <c r="BM37" s="160">
        <v>0</v>
      </c>
      <c r="BN37" s="160">
        <v>0</v>
      </c>
      <c r="BO37" s="165">
        <v>7</v>
      </c>
      <c r="BP37" s="164">
        <v>7</v>
      </c>
      <c r="BQ37" s="159">
        <v>2</v>
      </c>
      <c r="BR37" s="160">
        <v>0</v>
      </c>
      <c r="BS37" s="165">
        <v>2</v>
      </c>
      <c r="BT37" s="162">
        <v>0</v>
      </c>
      <c r="BU37" s="160">
        <v>4</v>
      </c>
      <c r="BV37" s="160">
        <v>1</v>
      </c>
      <c r="BW37" s="160">
        <v>1</v>
      </c>
      <c r="BX37" s="160">
        <v>0</v>
      </c>
      <c r="BY37" s="160">
        <v>0</v>
      </c>
      <c r="BZ37" s="165">
        <v>6</v>
      </c>
      <c r="CA37" s="164">
        <v>8</v>
      </c>
      <c r="CB37" s="159">
        <v>0</v>
      </c>
      <c r="CC37" s="160">
        <v>0</v>
      </c>
      <c r="CD37" s="165">
        <v>0</v>
      </c>
      <c r="CE37" s="162">
        <v>0</v>
      </c>
      <c r="CF37" s="160">
        <v>0</v>
      </c>
      <c r="CG37" s="160">
        <v>0</v>
      </c>
      <c r="CH37" s="160">
        <v>0</v>
      </c>
      <c r="CI37" s="160">
        <v>0</v>
      </c>
      <c r="CJ37" s="160">
        <v>0</v>
      </c>
      <c r="CK37" s="165">
        <v>0</v>
      </c>
      <c r="CL37" s="164">
        <v>0</v>
      </c>
      <c r="CM37" s="159">
        <v>0</v>
      </c>
      <c r="CN37" s="160">
        <v>0</v>
      </c>
      <c r="CO37" s="165">
        <v>0</v>
      </c>
      <c r="CP37" s="162">
        <v>0</v>
      </c>
      <c r="CQ37" s="160">
        <v>0</v>
      </c>
      <c r="CR37" s="160">
        <v>0</v>
      </c>
      <c r="CS37" s="160">
        <v>0</v>
      </c>
      <c r="CT37" s="160">
        <v>0</v>
      </c>
      <c r="CU37" s="160">
        <v>0</v>
      </c>
      <c r="CV37" s="165">
        <v>0</v>
      </c>
      <c r="CW37" s="164">
        <v>0</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2</v>
      </c>
      <c r="DU37" s="160">
        <v>0</v>
      </c>
      <c r="DV37" s="165">
        <v>2</v>
      </c>
      <c r="DW37" s="162">
        <v>0</v>
      </c>
      <c r="DX37" s="160">
        <v>6</v>
      </c>
      <c r="DY37" s="160">
        <v>7</v>
      </c>
      <c r="DZ37" s="160">
        <v>3</v>
      </c>
      <c r="EA37" s="160">
        <v>0</v>
      </c>
      <c r="EB37" s="160">
        <v>2</v>
      </c>
      <c r="EC37" s="165">
        <v>18</v>
      </c>
      <c r="ED37" s="164">
        <v>20</v>
      </c>
      <c r="EE37" s="159">
        <v>1</v>
      </c>
      <c r="EF37" s="160">
        <v>0</v>
      </c>
      <c r="EG37" s="165">
        <v>1</v>
      </c>
      <c r="EH37" s="162">
        <v>0</v>
      </c>
      <c r="EI37" s="160">
        <v>3</v>
      </c>
      <c r="EJ37" s="160">
        <v>1</v>
      </c>
      <c r="EK37" s="160">
        <v>1</v>
      </c>
      <c r="EL37" s="160">
        <v>4</v>
      </c>
      <c r="EM37" s="160">
        <v>0</v>
      </c>
      <c r="EN37" s="165">
        <v>9</v>
      </c>
      <c r="EO37" s="164">
        <v>10</v>
      </c>
      <c r="EP37" s="159">
        <v>4</v>
      </c>
      <c r="EQ37" s="160">
        <v>2</v>
      </c>
      <c r="ER37" s="165">
        <v>6</v>
      </c>
      <c r="ES37" s="162">
        <v>0</v>
      </c>
      <c r="ET37" s="160">
        <v>17</v>
      </c>
      <c r="EU37" s="160">
        <v>7</v>
      </c>
      <c r="EV37" s="160">
        <v>3</v>
      </c>
      <c r="EW37" s="160">
        <v>0</v>
      </c>
      <c r="EX37" s="160">
        <v>2</v>
      </c>
      <c r="EY37" s="165">
        <v>29</v>
      </c>
      <c r="EZ37" s="164">
        <v>35</v>
      </c>
    </row>
    <row r="38" spans="2:156" ht="21" customHeight="1" x14ac:dyDescent="0.2">
      <c r="B38" s="166" t="s">
        <v>36</v>
      </c>
      <c r="C38" s="159">
        <v>0</v>
      </c>
      <c r="D38" s="160">
        <v>0</v>
      </c>
      <c r="E38" s="161">
        <v>0</v>
      </c>
      <c r="F38" s="162">
        <v>0</v>
      </c>
      <c r="G38" s="160">
        <v>1</v>
      </c>
      <c r="H38" s="160">
        <v>0</v>
      </c>
      <c r="I38" s="160">
        <v>0</v>
      </c>
      <c r="J38" s="160">
        <v>1</v>
      </c>
      <c r="K38" s="160">
        <v>1</v>
      </c>
      <c r="L38" s="163">
        <v>3</v>
      </c>
      <c r="M38" s="164">
        <v>3</v>
      </c>
      <c r="N38" s="159">
        <v>0</v>
      </c>
      <c r="O38" s="160">
        <v>0</v>
      </c>
      <c r="P38" s="165">
        <v>0</v>
      </c>
      <c r="Q38" s="162">
        <v>0</v>
      </c>
      <c r="R38" s="160">
        <v>0</v>
      </c>
      <c r="S38" s="160">
        <v>0</v>
      </c>
      <c r="T38" s="160">
        <v>1</v>
      </c>
      <c r="U38" s="160">
        <v>0</v>
      </c>
      <c r="V38" s="160">
        <v>1</v>
      </c>
      <c r="W38" s="165">
        <v>2</v>
      </c>
      <c r="X38" s="164">
        <v>2</v>
      </c>
      <c r="Y38" s="159">
        <v>0</v>
      </c>
      <c r="Z38" s="160">
        <v>1</v>
      </c>
      <c r="AA38" s="165">
        <v>1</v>
      </c>
      <c r="AB38" s="162">
        <v>0</v>
      </c>
      <c r="AC38" s="160">
        <v>3</v>
      </c>
      <c r="AD38" s="160">
        <v>0</v>
      </c>
      <c r="AE38" s="160">
        <v>1</v>
      </c>
      <c r="AF38" s="160">
        <v>0</v>
      </c>
      <c r="AG38" s="160">
        <v>0</v>
      </c>
      <c r="AH38" s="165">
        <v>4</v>
      </c>
      <c r="AI38" s="164">
        <v>5</v>
      </c>
      <c r="AJ38" s="159">
        <v>0</v>
      </c>
      <c r="AK38" s="160">
        <v>0</v>
      </c>
      <c r="AL38" s="165">
        <v>0</v>
      </c>
      <c r="AM38" s="162">
        <v>0</v>
      </c>
      <c r="AN38" s="160">
        <v>1</v>
      </c>
      <c r="AO38" s="160">
        <v>1</v>
      </c>
      <c r="AP38" s="160">
        <v>0</v>
      </c>
      <c r="AQ38" s="160">
        <v>0</v>
      </c>
      <c r="AR38" s="160">
        <v>0</v>
      </c>
      <c r="AS38" s="165">
        <v>2</v>
      </c>
      <c r="AT38" s="164">
        <v>2</v>
      </c>
      <c r="AU38" s="159">
        <v>0</v>
      </c>
      <c r="AV38" s="160">
        <v>0</v>
      </c>
      <c r="AW38" s="165">
        <v>0</v>
      </c>
      <c r="AX38" s="162">
        <v>0</v>
      </c>
      <c r="AY38" s="160">
        <v>3</v>
      </c>
      <c r="AZ38" s="160">
        <v>2</v>
      </c>
      <c r="BA38" s="160">
        <v>2</v>
      </c>
      <c r="BB38" s="160">
        <v>1</v>
      </c>
      <c r="BC38" s="160">
        <v>1</v>
      </c>
      <c r="BD38" s="163">
        <v>9</v>
      </c>
      <c r="BE38" s="164">
        <v>9</v>
      </c>
      <c r="BF38" s="159">
        <v>0</v>
      </c>
      <c r="BG38" s="160">
        <v>0</v>
      </c>
      <c r="BH38" s="165">
        <v>0</v>
      </c>
      <c r="BI38" s="162">
        <v>0</v>
      </c>
      <c r="BJ38" s="160">
        <v>0</v>
      </c>
      <c r="BK38" s="160">
        <v>2</v>
      </c>
      <c r="BL38" s="160">
        <v>0</v>
      </c>
      <c r="BM38" s="160">
        <v>0</v>
      </c>
      <c r="BN38" s="160">
        <v>0</v>
      </c>
      <c r="BO38" s="165">
        <v>2</v>
      </c>
      <c r="BP38" s="164">
        <v>2</v>
      </c>
      <c r="BQ38" s="159">
        <v>0</v>
      </c>
      <c r="BR38" s="160">
        <v>1</v>
      </c>
      <c r="BS38" s="165">
        <v>1</v>
      </c>
      <c r="BT38" s="162">
        <v>0</v>
      </c>
      <c r="BU38" s="160">
        <v>1</v>
      </c>
      <c r="BV38" s="160">
        <v>1</v>
      </c>
      <c r="BW38" s="160">
        <v>0</v>
      </c>
      <c r="BX38" s="160">
        <v>0</v>
      </c>
      <c r="BY38" s="160">
        <v>0</v>
      </c>
      <c r="BZ38" s="165">
        <v>2</v>
      </c>
      <c r="CA38" s="164">
        <v>3</v>
      </c>
      <c r="CB38" s="159">
        <v>1</v>
      </c>
      <c r="CC38" s="160">
        <v>0</v>
      </c>
      <c r="CD38" s="165">
        <v>1</v>
      </c>
      <c r="CE38" s="162">
        <v>0</v>
      </c>
      <c r="CF38" s="160">
        <v>0</v>
      </c>
      <c r="CG38" s="160">
        <v>1</v>
      </c>
      <c r="CH38" s="160">
        <v>0</v>
      </c>
      <c r="CI38" s="160">
        <v>0</v>
      </c>
      <c r="CJ38" s="160">
        <v>0</v>
      </c>
      <c r="CK38" s="165">
        <v>1</v>
      </c>
      <c r="CL38" s="164">
        <v>2</v>
      </c>
      <c r="CM38" s="159">
        <v>0</v>
      </c>
      <c r="CN38" s="160">
        <v>0</v>
      </c>
      <c r="CO38" s="165">
        <v>0</v>
      </c>
      <c r="CP38" s="162">
        <v>0</v>
      </c>
      <c r="CQ38" s="160">
        <v>0</v>
      </c>
      <c r="CR38" s="160">
        <v>0</v>
      </c>
      <c r="CS38" s="160">
        <v>0</v>
      </c>
      <c r="CT38" s="160">
        <v>0</v>
      </c>
      <c r="CU38" s="160">
        <v>0</v>
      </c>
      <c r="CV38" s="165">
        <v>0</v>
      </c>
      <c r="CW38" s="164">
        <v>0</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2</v>
      </c>
      <c r="DU38" s="160">
        <v>3</v>
      </c>
      <c r="DV38" s="165">
        <v>5</v>
      </c>
      <c r="DW38" s="162">
        <v>0</v>
      </c>
      <c r="DX38" s="160">
        <v>7</v>
      </c>
      <c r="DY38" s="160">
        <v>6</v>
      </c>
      <c r="DZ38" s="160">
        <v>1</v>
      </c>
      <c r="EA38" s="160">
        <v>1</v>
      </c>
      <c r="EB38" s="160">
        <v>1</v>
      </c>
      <c r="EC38" s="165">
        <v>16</v>
      </c>
      <c r="ED38" s="164">
        <v>21</v>
      </c>
      <c r="EE38" s="159">
        <v>0</v>
      </c>
      <c r="EF38" s="160">
        <v>0</v>
      </c>
      <c r="EG38" s="165">
        <v>0</v>
      </c>
      <c r="EH38" s="162">
        <v>0</v>
      </c>
      <c r="EI38" s="160">
        <v>3</v>
      </c>
      <c r="EJ38" s="160">
        <v>1</v>
      </c>
      <c r="EK38" s="160">
        <v>2</v>
      </c>
      <c r="EL38" s="160">
        <v>0</v>
      </c>
      <c r="EM38" s="160">
        <v>0</v>
      </c>
      <c r="EN38" s="165">
        <v>6</v>
      </c>
      <c r="EO38" s="164">
        <v>6</v>
      </c>
      <c r="EP38" s="159">
        <v>3</v>
      </c>
      <c r="EQ38" s="160">
        <v>5</v>
      </c>
      <c r="ER38" s="165">
        <v>8</v>
      </c>
      <c r="ES38" s="162">
        <v>0</v>
      </c>
      <c r="ET38" s="160">
        <v>10</v>
      </c>
      <c r="EU38" s="160">
        <v>7</v>
      </c>
      <c r="EV38" s="160">
        <v>1</v>
      </c>
      <c r="EW38" s="160">
        <v>1</v>
      </c>
      <c r="EX38" s="160">
        <v>2</v>
      </c>
      <c r="EY38" s="165">
        <v>21</v>
      </c>
      <c r="EZ38" s="164">
        <v>29</v>
      </c>
    </row>
    <row r="39" spans="2:156" ht="21" customHeight="1" thickBot="1" x14ac:dyDescent="0.25">
      <c r="B39" s="167" t="s">
        <v>37</v>
      </c>
      <c r="C39" s="168">
        <v>0</v>
      </c>
      <c r="D39" s="169">
        <v>0</v>
      </c>
      <c r="E39" s="170">
        <v>0</v>
      </c>
      <c r="F39" s="171">
        <v>0</v>
      </c>
      <c r="G39" s="169">
        <v>0</v>
      </c>
      <c r="H39" s="169">
        <v>0</v>
      </c>
      <c r="I39" s="169">
        <v>0</v>
      </c>
      <c r="J39" s="169">
        <v>0</v>
      </c>
      <c r="K39" s="169">
        <v>0</v>
      </c>
      <c r="L39" s="172">
        <v>0</v>
      </c>
      <c r="M39" s="173">
        <v>0</v>
      </c>
      <c r="N39" s="168">
        <v>0</v>
      </c>
      <c r="O39" s="169">
        <v>0</v>
      </c>
      <c r="P39" s="174">
        <v>0</v>
      </c>
      <c r="Q39" s="171">
        <v>0</v>
      </c>
      <c r="R39" s="169">
        <v>0</v>
      </c>
      <c r="S39" s="169">
        <v>0</v>
      </c>
      <c r="T39" s="169">
        <v>0</v>
      </c>
      <c r="U39" s="169">
        <v>0</v>
      </c>
      <c r="V39" s="169">
        <v>0</v>
      </c>
      <c r="W39" s="174">
        <v>0</v>
      </c>
      <c r="X39" s="173">
        <v>0</v>
      </c>
      <c r="Y39" s="168">
        <v>0</v>
      </c>
      <c r="Z39" s="169">
        <v>0</v>
      </c>
      <c r="AA39" s="174">
        <v>0</v>
      </c>
      <c r="AB39" s="171">
        <v>0</v>
      </c>
      <c r="AC39" s="169">
        <v>0</v>
      </c>
      <c r="AD39" s="169">
        <v>0</v>
      </c>
      <c r="AE39" s="169">
        <v>0</v>
      </c>
      <c r="AF39" s="169">
        <v>0</v>
      </c>
      <c r="AG39" s="169">
        <v>0</v>
      </c>
      <c r="AH39" s="174">
        <v>0</v>
      </c>
      <c r="AI39" s="173">
        <v>0</v>
      </c>
      <c r="AJ39" s="168">
        <v>0</v>
      </c>
      <c r="AK39" s="169">
        <v>0</v>
      </c>
      <c r="AL39" s="174">
        <v>0</v>
      </c>
      <c r="AM39" s="171">
        <v>0</v>
      </c>
      <c r="AN39" s="169">
        <v>0</v>
      </c>
      <c r="AO39" s="169">
        <v>0</v>
      </c>
      <c r="AP39" s="169">
        <v>0</v>
      </c>
      <c r="AQ39" s="169">
        <v>0</v>
      </c>
      <c r="AR39" s="169">
        <v>0</v>
      </c>
      <c r="AS39" s="174">
        <v>0</v>
      </c>
      <c r="AT39" s="173">
        <v>0</v>
      </c>
      <c r="AU39" s="168">
        <v>0</v>
      </c>
      <c r="AV39" s="169">
        <v>0</v>
      </c>
      <c r="AW39" s="174">
        <v>0</v>
      </c>
      <c r="AX39" s="171">
        <v>0</v>
      </c>
      <c r="AY39" s="169">
        <v>0</v>
      </c>
      <c r="AZ39" s="169">
        <v>0</v>
      </c>
      <c r="BA39" s="169">
        <v>0</v>
      </c>
      <c r="BB39" s="169">
        <v>0</v>
      </c>
      <c r="BC39" s="169">
        <v>0</v>
      </c>
      <c r="BD39" s="172">
        <v>0</v>
      </c>
      <c r="BE39" s="173">
        <v>0</v>
      </c>
      <c r="BF39" s="168">
        <v>0</v>
      </c>
      <c r="BG39" s="169">
        <v>0</v>
      </c>
      <c r="BH39" s="174">
        <v>0</v>
      </c>
      <c r="BI39" s="171">
        <v>0</v>
      </c>
      <c r="BJ39" s="169">
        <v>0</v>
      </c>
      <c r="BK39" s="169">
        <v>0</v>
      </c>
      <c r="BL39" s="169">
        <v>0</v>
      </c>
      <c r="BM39" s="169">
        <v>0</v>
      </c>
      <c r="BN39" s="169">
        <v>0</v>
      </c>
      <c r="BO39" s="174">
        <v>0</v>
      </c>
      <c r="BP39" s="173">
        <v>0</v>
      </c>
      <c r="BQ39" s="168">
        <v>0</v>
      </c>
      <c r="BR39" s="169">
        <v>0</v>
      </c>
      <c r="BS39" s="174">
        <v>0</v>
      </c>
      <c r="BT39" s="171">
        <v>0</v>
      </c>
      <c r="BU39" s="169">
        <v>1</v>
      </c>
      <c r="BV39" s="169">
        <v>1</v>
      </c>
      <c r="BW39" s="169">
        <v>0</v>
      </c>
      <c r="BX39" s="169">
        <v>0</v>
      </c>
      <c r="BY39" s="169">
        <v>0</v>
      </c>
      <c r="BZ39" s="174">
        <v>2</v>
      </c>
      <c r="CA39" s="173">
        <v>2</v>
      </c>
      <c r="CB39" s="168">
        <v>0</v>
      </c>
      <c r="CC39" s="169">
        <v>0</v>
      </c>
      <c r="CD39" s="174">
        <v>0</v>
      </c>
      <c r="CE39" s="171">
        <v>0</v>
      </c>
      <c r="CF39" s="169">
        <v>0</v>
      </c>
      <c r="CG39" s="169">
        <v>0</v>
      </c>
      <c r="CH39" s="169">
        <v>0</v>
      </c>
      <c r="CI39" s="169">
        <v>0</v>
      </c>
      <c r="CJ39" s="169">
        <v>0</v>
      </c>
      <c r="CK39" s="174">
        <v>0</v>
      </c>
      <c r="CL39" s="173">
        <v>0</v>
      </c>
      <c r="CM39" s="168">
        <v>0</v>
      </c>
      <c r="CN39" s="169">
        <v>0</v>
      </c>
      <c r="CO39" s="174">
        <v>0</v>
      </c>
      <c r="CP39" s="171">
        <v>0</v>
      </c>
      <c r="CQ39" s="169">
        <v>0</v>
      </c>
      <c r="CR39" s="169">
        <v>0</v>
      </c>
      <c r="CS39" s="169">
        <v>0</v>
      </c>
      <c r="CT39" s="169">
        <v>0</v>
      </c>
      <c r="CU39" s="169">
        <v>0</v>
      </c>
      <c r="CV39" s="174">
        <v>0</v>
      </c>
      <c r="CW39" s="173">
        <v>0</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0</v>
      </c>
      <c r="DU39" s="169">
        <v>0</v>
      </c>
      <c r="DV39" s="174">
        <v>0</v>
      </c>
      <c r="DW39" s="171">
        <v>0</v>
      </c>
      <c r="DX39" s="169">
        <v>1</v>
      </c>
      <c r="DY39" s="169">
        <v>2</v>
      </c>
      <c r="DZ39" s="169">
        <v>0</v>
      </c>
      <c r="EA39" s="169">
        <v>0</v>
      </c>
      <c r="EB39" s="169">
        <v>0</v>
      </c>
      <c r="EC39" s="174">
        <v>3</v>
      </c>
      <c r="ED39" s="173">
        <v>3</v>
      </c>
      <c r="EE39" s="168">
        <v>0</v>
      </c>
      <c r="EF39" s="169">
        <v>0</v>
      </c>
      <c r="EG39" s="174">
        <v>0</v>
      </c>
      <c r="EH39" s="171">
        <v>0</v>
      </c>
      <c r="EI39" s="169">
        <v>0</v>
      </c>
      <c r="EJ39" s="169">
        <v>0</v>
      </c>
      <c r="EK39" s="169">
        <v>0</v>
      </c>
      <c r="EL39" s="169">
        <v>0</v>
      </c>
      <c r="EM39" s="169">
        <v>0</v>
      </c>
      <c r="EN39" s="174">
        <v>0</v>
      </c>
      <c r="EO39" s="173">
        <v>0</v>
      </c>
      <c r="EP39" s="168">
        <v>0</v>
      </c>
      <c r="EQ39" s="169">
        <v>0</v>
      </c>
      <c r="ER39" s="174">
        <v>0</v>
      </c>
      <c r="ES39" s="171">
        <v>0</v>
      </c>
      <c r="ET39" s="169">
        <v>1</v>
      </c>
      <c r="EU39" s="169">
        <v>2</v>
      </c>
      <c r="EV39" s="169">
        <v>0</v>
      </c>
      <c r="EW39" s="169">
        <v>0</v>
      </c>
      <c r="EX39" s="169">
        <v>0</v>
      </c>
      <c r="EY39" s="174">
        <v>3</v>
      </c>
      <c r="EZ39" s="173">
        <v>3</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10.21875" style="175" customWidth="1"/>
    <col min="8" max="8" width="10.4414062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21875" style="175" customWidth="1"/>
    <col min="51" max="60" width="9" style="175"/>
    <col min="61" max="61" width="7.2187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04" width="9" style="175"/>
    <col min="105" max="105" width="7.44140625" style="175" customWidth="1"/>
    <col min="106" max="115" width="9" style="175"/>
    <col min="116" max="116" width="7.44140625" style="175" customWidth="1"/>
    <col min="117" max="126" width="9" style="175"/>
    <col min="127" max="127" width="7.44140625" style="175" customWidth="1"/>
    <col min="128" max="137" width="9" style="175"/>
    <col min="138" max="138" width="7.33203125" style="175" customWidth="1"/>
    <col min="139" max="148" width="9" style="175"/>
    <col min="149" max="149" width="7.77734375" style="175" customWidth="1"/>
    <col min="150" max="16384" width="9" style="175"/>
  </cols>
  <sheetData>
    <row r="1" spans="2:156" ht="24" customHeight="1" x14ac:dyDescent="0.2">
      <c r="B1" s="142" t="s">
        <v>120</v>
      </c>
      <c r="I1" s="440">
        <f>第１表!F2</f>
        <v>6</v>
      </c>
      <c r="J1" s="440"/>
      <c r="K1" s="18">
        <f>第１表!G2</f>
        <v>12</v>
      </c>
      <c r="L1" s="445">
        <f>IF(K1&lt;3,K1+12-2,K1-2)</f>
        <v>10</v>
      </c>
      <c r="M1" s="445"/>
    </row>
    <row r="2" spans="2:156" ht="24" customHeight="1" thickBot="1" x14ac:dyDescent="0.25">
      <c r="B2" s="142" t="s">
        <v>151</v>
      </c>
      <c r="G2" s="17"/>
      <c r="H2" s="18"/>
      <c r="J2" s="176"/>
      <c r="K2" s="176"/>
    </row>
    <row r="3" spans="2:156" ht="21" customHeight="1" thickBot="1" x14ac:dyDescent="0.25">
      <c r="B3" s="476"/>
      <c r="C3" s="470" t="s">
        <v>70</v>
      </c>
      <c r="D3" s="471"/>
      <c r="E3" s="471"/>
      <c r="F3" s="471"/>
      <c r="G3" s="471"/>
      <c r="H3" s="471"/>
      <c r="I3" s="471"/>
      <c r="J3" s="471"/>
      <c r="K3" s="471"/>
      <c r="L3" s="471"/>
      <c r="M3" s="472"/>
      <c r="N3" s="470" t="s">
        <v>71</v>
      </c>
      <c r="O3" s="471"/>
      <c r="P3" s="471"/>
      <c r="Q3" s="471"/>
      <c r="R3" s="471"/>
      <c r="S3" s="471"/>
      <c r="T3" s="471"/>
      <c r="U3" s="471"/>
      <c r="V3" s="471"/>
      <c r="W3" s="471"/>
      <c r="X3" s="472"/>
      <c r="Y3" s="470" t="s">
        <v>72</v>
      </c>
      <c r="Z3" s="471"/>
      <c r="AA3" s="471"/>
      <c r="AB3" s="471"/>
      <c r="AC3" s="471"/>
      <c r="AD3" s="471"/>
      <c r="AE3" s="471"/>
      <c r="AF3" s="471"/>
      <c r="AG3" s="471"/>
      <c r="AH3" s="471"/>
      <c r="AI3" s="472"/>
      <c r="AJ3" s="470" t="s">
        <v>73</v>
      </c>
      <c r="AK3" s="471"/>
      <c r="AL3" s="471"/>
      <c r="AM3" s="471"/>
      <c r="AN3" s="471"/>
      <c r="AO3" s="471"/>
      <c r="AP3" s="471"/>
      <c r="AQ3" s="471"/>
      <c r="AR3" s="471"/>
      <c r="AS3" s="471"/>
      <c r="AT3" s="472"/>
      <c r="AU3" s="470" t="s">
        <v>74</v>
      </c>
      <c r="AV3" s="471"/>
      <c r="AW3" s="471"/>
      <c r="AX3" s="471"/>
      <c r="AY3" s="471"/>
      <c r="AZ3" s="471"/>
      <c r="BA3" s="471"/>
      <c r="BB3" s="471"/>
      <c r="BC3" s="471"/>
      <c r="BD3" s="471"/>
      <c r="BE3" s="472"/>
      <c r="BF3" s="470" t="s">
        <v>75</v>
      </c>
      <c r="BG3" s="471"/>
      <c r="BH3" s="471"/>
      <c r="BI3" s="471"/>
      <c r="BJ3" s="471"/>
      <c r="BK3" s="471"/>
      <c r="BL3" s="471"/>
      <c r="BM3" s="471"/>
      <c r="BN3" s="471"/>
      <c r="BO3" s="471"/>
      <c r="BP3" s="472"/>
      <c r="BQ3" s="470" t="s">
        <v>76</v>
      </c>
      <c r="BR3" s="471"/>
      <c r="BS3" s="471"/>
      <c r="BT3" s="471"/>
      <c r="BU3" s="471"/>
      <c r="BV3" s="471"/>
      <c r="BW3" s="471"/>
      <c r="BX3" s="471"/>
      <c r="BY3" s="471"/>
      <c r="BZ3" s="471"/>
      <c r="CA3" s="472"/>
      <c r="CB3" s="470" t="s">
        <v>77</v>
      </c>
      <c r="CC3" s="471"/>
      <c r="CD3" s="471"/>
      <c r="CE3" s="471"/>
      <c r="CF3" s="471"/>
      <c r="CG3" s="471"/>
      <c r="CH3" s="471"/>
      <c r="CI3" s="471"/>
      <c r="CJ3" s="471"/>
      <c r="CK3" s="471"/>
      <c r="CL3" s="472"/>
      <c r="CM3" s="470" t="s">
        <v>78</v>
      </c>
      <c r="CN3" s="471"/>
      <c r="CO3" s="471"/>
      <c r="CP3" s="471"/>
      <c r="CQ3" s="471"/>
      <c r="CR3" s="471"/>
      <c r="CS3" s="471"/>
      <c r="CT3" s="471"/>
      <c r="CU3" s="471"/>
      <c r="CV3" s="471"/>
      <c r="CW3" s="472"/>
      <c r="CX3" s="470" t="s">
        <v>79</v>
      </c>
      <c r="CY3" s="471"/>
      <c r="CZ3" s="471"/>
      <c r="DA3" s="471"/>
      <c r="DB3" s="471"/>
      <c r="DC3" s="471"/>
      <c r="DD3" s="471"/>
      <c r="DE3" s="471"/>
      <c r="DF3" s="471"/>
      <c r="DG3" s="471"/>
      <c r="DH3" s="472"/>
      <c r="DI3" s="470" t="s">
        <v>149</v>
      </c>
      <c r="DJ3" s="471"/>
      <c r="DK3" s="471"/>
      <c r="DL3" s="471"/>
      <c r="DM3" s="471"/>
      <c r="DN3" s="471"/>
      <c r="DO3" s="471"/>
      <c r="DP3" s="471"/>
      <c r="DQ3" s="471"/>
      <c r="DR3" s="471"/>
      <c r="DS3" s="472"/>
      <c r="DT3" s="470" t="s">
        <v>80</v>
      </c>
      <c r="DU3" s="471"/>
      <c r="DV3" s="471"/>
      <c r="DW3" s="471"/>
      <c r="DX3" s="471"/>
      <c r="DY3" s="471"/>
      <c r="DZ3" s="471"/>
      <c r="EA3" s="471"/>
      <c r="EB3" s="471"/>
      <c r="EC3" s="471"/>
      <c r="ED3" s="472"/>
      <c r="EE3" s="470" t="s">
        <v>68</v>
      </c>
      <c r="EF3" s="471"/>
      <c r="EG3" s="471"/>
      <c r="EH3" s="471"/>
      <c r="EI3" s="471"/>
      <c r="EJ3" s="471"/>
      <c r="EK3" s="471"/>
      <c r="EL3" s="471"/>
      <c r="EM3" s="471"/>
      <c r="EN3" s="471"/>
      <c r="EO3" s="472"/>
      <c r="EP3" s="473" t="s">
        <v>69</v>
      </c>
      <c r="EQ3" s="474"/>
      <c r="ER3" s="474"/>
      <c r="ES3" s="474"/>
      <c r="ET3" s="474"/>
      <c r="EU3" s="474"/>
      <c r="EV3" s="474"/>
      <c r="EW3" s="474"/>
      <c r="EX3" s="474"/>
      <c r="EY3" s="474"/>
      <c r="EZ3" s="475"/>
    </row>
    <row r="4" spans="2:156" ht="21" customHeight="1" x14ac:dyDescent="0.2">
      <c r="B4" s="477"/>
      <c r="C4" s="463" t="s">
        <v>61</v>
      </c>
      <c r="D4" s="464"/>
      <c r="E4" s="465"/>
      <c r="F4" s="466" t="s">
        <v>62</v>
      </c>
      <c r="G4" s="464"/>
      <c r="H4" s="464"/>
      <c r="I4" s="464"/>
      <c r="J4" s="464"/>
      <c r="K4" s="464"/>
      <c r="L4" s="469"/>
      <c r="M4" s="467" t="s">
        <v>52</v>
      </c>
      <c r="N4" s="463" t="s">
        <v>61</v>
      </c>
      <c r="O4" s="464"/>
      <c r="P4" s="465"/>
      <c r="Q4" s="466" t="s">
        <v>62</v>
      </c>
      <c r="R4" s="464"/>
      <c r="S4" s="464"/>
      <c r="T4" s="464"/>
      <c r="U4" s="464"/>
      <c r="V4" s="464"/>
      <c r="W4" s="465"/>
      <c r="X4" s="467" t="s">
        <v>52</v>
      </c>
      <c r="Y4" s="463" t="s">
        <v>61</v>
      </c>
      <c r="Z4" s="464"/>
      <c r="AA4" s="465"/>
      <c r="AB4" s="466" t="s">
        <v>62</v>
      </c>
      <c r="AC4" s="464"/>
      <c r="AD4" s="464"/>
      <c r="AE4" s="464"/>
      <c r="AF4" s="464"/>
      <c r="AG4" s="464"/>
      <c r="AH4" s="465"/>
      <c r="AI4" s="467" t="s">
        <v>52</v>
      </c>
      <c r="AJ4" s="463" t="s">
        <v>61</v>
      </c>
      <c r="AK4" s="464"/>
      <c r="AL4" s="465"/>
      <c r="AM4" s="466" t="s">
        <v>62</v>
      </c>
      <c r="AN4" s="464"/>
      <c r="AO4" s="464"/>
      <c r="AP4" s="464"/>
      <c r="AQ4" s="464"/>
      <c r="AR4" s="464"/>
      <c r="AS4" s="465"/>
      <c r="AT4" s="467" t="s">
        <v>52</v>
      </c>
      <c r="AU4" s="463" t="s">
        <v>61</v>
      </c>
      <c r="AV4" s="464"/>
      <c r="AW4" s="465"/>
      <c r="AX4" s="466" t="s">
        <v>62</v>
      </c>
      <c r="AY4" s="464"/>
      <c r="AZ4" s="464"/>
      <c r="BA4" s="464"/>
      <c r="BB4" s="464"/>
      <c r="BC4" s="464"/>
      <c r="BD4" s="469"/>
      <c r="BE4" s="467" t="s">
        <v>52</v>
      </c>
      <c r="BF4" s="463" t="s">
        <v>61</v>
      </c>
      <c r="BG4" s="464"/>
      <c r="BH4" s="465"/>
      <c r="BI4" s="466" t="s">
        <v>62</v>
      </c>
      <c r="BJ4" s="464"/>
      <c r="BK4" s="464"/>
      <c r="BL4" s="464"/>
      <c r="BM4" s="464"/>
      <c r="BN4" s="464"/>
      <c r="BO4" s="465"/>
      <c r="BP4" s="467" t="s">
        <v>52</v>
      </c>
      <c r="BQ4" s="463" t="s">
        <v>61</v>
      </c>
      <c r="BR4" s="464"/>
      <c r="BS4" s="465"/>
      <c r="BT4" s="466" t="s">
        <v>62</v>
      </c>
      <c r="BU4" s="464"/>
      <c r="BV4" s="464"/>
      <c r="BW4" s="464"/>
      <c r="BX4" s="464"/>
      <c r="BY4" s="464"/>
      <c r="BZ4" s="465"/>
      <c r="CA4" s="467" t="s">
        <v>52</v>
      </c>
      <c r="CB4" s="463" t="s">
        <v>61</v>
      </c>
      <c r="CC4" s="464"/>
      <c r="CD4" s="465"/>
      <c r="CE4" s="466" t="s">
        <v>62</v>
      </c>
      <c r="CF4" s="464"/>
      <c r="CG4" s="464"/>
      <c r="CH4" s="464"/>
      <c r="CI4" s="464"/>
      <c r="CJ4" s="464"/>
      <c r="CK4" s="465"/>
      <c r="CL4" s="467" t="s">
        <v>52</v>
      </c>
      <c r="CM4" s="463" t="s">
        <v>61</v>
      </c>
      <c r="CN4" s="464"/>
      <c r="CO4" s="465"/>
      <c r="CP4" s="466" t="s">
        <v>62</v>
      </c>
      <c r="CQ4" s="464"/>
      <c r="CR4" s="464"/>
      <c r="CS4" s="464"/>
      <c r="CT4" s="464"/>
      <c r="CU4" s="464"/>
      <c r="CV4" s="465"/>
      <c r="CW4" s="467" t="s">
        <v>52</v>
      </c>
      <c r="CX4" s="463" t="s">
        <v>61</v>
      </c>
      <c r="CY4" s="464"/>
      <c r="CZ4" s="465"/>
      <c r="DA4" s="466" t="s">
        <v>62</v>
      </c>
      <c r="DB4" s="464"/>
      <c r="DC4" s="464"/>
      <c r="DD4" s="464"/>
      <c r="DE4" s="464"/>
      <c r="DF4" s="464"/>
      <c r="DG4" s="465"/>
      <c r="DH4" s="467" t="s">
        <v>52</v>
      </c>
      <c r="DI4" s="463" t="s">
        <v>61</v>
      </c>
      <c r="DJ4" s="464"/>
      <c r="DK4" s="465"/>
      <c r="DL4" s="466" t="s">
        <v>62</v>
      </c>
      <c r="DM4" s="464"/>
      <c r="DN4" s="464"/>
      <c r="DO4" s="464"/>
      <c r="DP4" s="464"/>
      <c r="DQ4" s="464"/>
      <c r="DR4" s="465"/>
      <c r="DS4" s="467" t="s">
        <v>52</v>
      </c>
      <c r="DT4" s="463" t="s">
        <v>61</v>
      </c>
      <c r="DU4" s="464"/>
      <c r="DV4" s="465"/>
      <c r="DW4" s="466" t="s">
        <v>62</v>
      </c>
      <c r="DX4" s="464"/>
      <c r="DY4" s="464"/>
      <c r="DZ4" s="464"/>
      <c r="EA4" s="464"/>
      <c r="EB4" s="464"/>
      <c r="EC4" s="465"/>
      <c r="ED4" s="467" t="s">
        <v>52</v>
      </c>
      <c r="EE4" s="463" t="s">
        <v>61</v>
      </c>
      <c r="EF4" s="464"/>
      <c r="EG4" s="465"/>
      <c r="EH4" s="466" t="s">
        <v>62</v>
      </c>
      <c r="EI4" s="464"/>
      <c r="EJ4" s="464"/>
      <c r="EK4" s="464"/>
      <c r="EL4" s="464"/>
      <c r="EM4" s="464"/>
      <c r="EN4" s="465"/>
      <c r="EO4" s="467" t="s">
        <v>52</v>
      </c>
      <c r="EP4" s="463" t="s">
        <v>61</v>
      </c>
      <c r="EQ4" s="464"/>
      <c r="ER4" s="465"/>
      <c r="ES4" s="466" t="s">
        <v>62</v>
      </c>
      <c r="ET4" s="464"/>
      <c r="EU4" s="464"/>
      <c r="EV4" s="464"/>
      <c r="EW4" s="464"/>
      <c r="EX4" s="464"/>
      <c r="EY4" s="465"/>
      <c r="EZ4" s="467" t="s">
        <v>52</v>
      </c>
    </row>
    <row r="5" spans="2:156" ht="30" customHeight="1" thickBot="1" x14ac:dyDescent="0.25">
      <c r="B5" s="478"/>
      <c r="C5" s="177" t="s">
        <v>43</v>
      </c>
      <c r="D5" s="178" t="s">
        <v>159</v>
      </c>
      <c r="E5" s="179" t="s">
        <v>45</v>
      </c>
      <c r="F5" s="180" t="s">
        <v>83</v>
      </c>
      <c r="G5" s="178" t="s">
        <v>47</v>
      </c>
      <c r="H5" s="178" t="s">
        <v>48</v>
      </c>
      <c r="I5" s="178" t="s">
        <v>49</v>
      </c>
      <c r="J5" s="178" t="s">
        <v>50</v>
      </c>
      <c r="K5" s="178" t="s">
        <v>51</v>
      </c>
      <c r="L5" s="181" t="s">
        <v>45</v>
      </c>
      <c r="M5" s="468"/>
      <c r="N5" s="177" t="s">
        <v>43</v>
      </c>
      <c r="O5" s="178" t="s">
        <v>44</v>
      </c>
      <c r="P5" s="182" t="s">
        <v>45</v>
      </c>
      <c r="Q5" s="180" t="s">
        <v>83</v>
      </c>
      <c r="R5" s="178" t="s">
        <v>47</v>
      </c>
      <c r="S5" s="178" t="s">
        <v>48</v>
      </c>
      <c r="T5" s="178" t="s">
        <v>49</v>
      </c>
      <c r="U5" s="178" t="s">
        <v>50</v>
      </c>
      <c r="V5" s="178" t="s">
        <v>51</v>
      </c>
      <c r="W5" s="182" t="s">
        <v>45</v>
      </c>
      <c r="X5" s="468"/>
      <c r="Y5" s="177" t="s">
        <v>43</v>
      </c>
      <c r="Z5" s="178" t="s">
        <v>44</v>
      </c>
      <c r="AA5" s="182" t="s">
        <v>45</v>
      </c>
      <c r="AB5" s="180" t="s">
        <v>83</v>
      </c>
      <c r="AC5" s="178" t="s">
        <v>47</v>
      </c>
      <c r="AD5" s="178" t="s">
        <v>48</v>
      </c>
      <c r="AE5" s="178" t="s">
        <v>49</v>
      </c>
      <c r="AF5" s="178" t="s">
        <v>50</v>
      </c>
      <c r="AG5" s="178" t="s">
        <v>51</v>
      </c>
      <c r="AH5" s="182" t="s">
        <v>45</v>
      </c>
      <c r="AI5" s="468"/>
      <c r="AJ5" s="177" t="s">
        <v>43</v>
      </c>
      <c r="AK5" s="178" t="s">
        <v>44</v>
      </c>
      <c r="AL5" s="182" t="s">
        <v>45</v>
      </c>
      <c r="AM5" s="180" t="s">
        <v>83</v>
      </c>
      <c r="AN5" s="178" t="s">
        <v>47</v>
      </c>
      <c r="AO5" s="178" t="s">
        <v>48</v>
      </c>
      <c r="AP5" s="178" t="s">
        <v>49</v>
      </c>
      <c r="AQ5" s="178" t="s">
        <v>50</v>
      </c>
      <c r="AR5" s="178" t="s">
        <v>51</v>
      </c>
      <c r="AS5" s="182" t="s">
        <v>45</v>
      </c>
      <c r="AT5" s="468"/>
      <c r="AU5" s="177" t="s">
        <v>43</v>
      </c>
      <c r="AV5" s="178" t="s">
        <v>44</v>
      </c>
      <c r="AW5" s="182" t="s">
        <v>45</v>
      </c>
      <c r="AX5" s="180" t="s">
        <v>83</v>
      </c>
      <c r="AY5" s="178" t="s">
        <v>47</v>
      </c>
      <c r="AZ5" s="178" t="s">
        <v>48</v>
      </c>
      <c r="BA5" s="178" t="s">
        <v>49</v>
      </c>
      <c r="BB5" s="178" t="s">
        <v>50</v>
      </c>
      <c r="BC5" s="178" t="s">
        <v>51</v>
      </c>
      <c r="BD5" s="181" t="s">
        <v>45</v>
      </c>
      <c r="BE5" s="468"/>
      <c r="BF5" s="177" t="s">
        <v>43</v>
      </c>
      <c r="BG5" s="178" t="s">
        <v>44</v>
      </c>
      <c r="BH5" s="182" t="s">
        <v>45</v>
      </c>
      <c r="BI5" s="180" t="s">
        <v>83</v>
      </c>
      <c r="BJ5" s="178" t="s">
        <v>47</v>
      </c>
      <c r="BK5" s="178" t="s">
        <v>48</v>
      </c>
      <c r="BL5" s="178" t="s">
        <v>49</v>
      </c>
      <c r="BM5" s="178" t="s">
        <v>50</v>
      </c>
      <c r="BN5" s="178" t="s">
        <v>51</v>
      </c>
      <c r="BO5" s="182" t="s">
        <v>45</v>
      </c>
      <c r="BP5" s="468"/>
      <c r="BQ5" s="177" t="s">
        <v>43</v>
      </c>
      <c r="BR5" s="178" t="s">
        <v>44</v>
      </c>
      <c r="BS5" s="182" t="s">
        <v>45</v>
      </c>
      <c r="BT5" s="180" t="s">
        <v>83</v>
      </c>
      <c r="BU5" s="178" t="s">
        <v>47</v>
      </c>
      <c r="BV5" s="178" t="s">
        <v>48</v>
      </c>
      <c r="BW5" s="178" t="s">
        <v>49</v>
      </c>
      <c r="BX5" s="178" t="s">
        <v>50</v>
      </c>
      <c r="BY5" s="178" t="s">
        <v>51</v>
      </c>
      <c r="BZ5" s="182" t="s">
        <v>45</v>
      </c>
      <c r="CA5" s="468"/>
      <c r="CB5" s="177" t="s">
        <v>43</v>
      </c>
      <c r="CC5" s="178" t="s">
        <v>44</v>
      </c>
      <c r="CD5" s="182" t="s">
        <v>45</v>
      </c>
      <c r="CE5" s="180" t="s">
        <v>83</v>
      </c>
      <c r="CF5" s="178" t="s">
        <v>47</v>
      </c>
      <c r="CG5" s="178" t="s">
        <v>48</v>
      </c>
      <c r="CH5" s="178" t="s">
        <v>49</v>
      </c>
      <c r="CI5" s="178" t="s">
        <v>50</v>
      </c>
      <c r="CJ5" s="178" t="s">
        <v>51</v>
      </c>
      <c r="CK5" s="182" t="s">
        <v>45</v>
      </c>
      <c r="CL5" s="468"/>
      <c r="CM5" s="177" t="s">
        <v>43</v>
      </c>
      <c r="CN5" s="178" t="s">
        <v>44</v>
      </c>
      <c r="CO5" s="182" t="s">
        <v>45</v>
      </c>
      <c r="CP5" s="180" t="s">
        <v>83</v>
      </c>
      <c r="CQ5" s="178" t="s">
        <v>47</v>
      </c>
      <c r="CR5" s="178" t="s">
        <v>48</v>
      </c>
      <c r="CS5" s="178" t="s">
        <v>49</v>
      </c>
      <c r="CT5" s="178" t="s">
        <v>50</v>
      </c>
      <c r="CU5" s="178" t="s">
        <v>51</v>
      </c>
      <c r="CV5" s="182" t="s">
        <v>45</v>
      </c>
      <c r="CW5" s="468"/>
      <c r="CX5" s="177" t="s">
        <v>43</v>
      </c>
      <c r="CY5" s="178" t="s">
        <v>44</v>
      </c>
      <c r="CZ5" s="182" t="s">
        <v>45</v>
      </c>
      <c r="DA5" s="180" t="s">
        <v>83</v>
      </c>
      <c r="DB5" s="178" t="s">
        <v>47</v>
      </c>
      <c r="DC5" s="178" t="s">
        <v>48</v>
      </c>
      <c r="DD5" s="178" t="s">
        <v>49</v>
      </c>
      <c r="DE5" s="178" t="s">
        <v>50</v>
      </c>
      <c r="DF5" s="178" t="s">
        <v>51</v>
      </c>
      <c r="DG5" s="182" t="s">
        <v>45</v>
      </c>
      <c r="DH5" s="468"/>
      <c r="DI5" s="177" t="s">
        <v>43</v>
      </c>
      <c r="DJ5" s="178" t="s">
        <v>44</v>
      </c>
      <c r="DK5" s="182" t="s">
        <v>45</v>
      </c>
      <c r="DL5" s="180" t="s">
        <v>83</v>
      </c>
      <c r="DM5" s="178" t="s">
        <v>47</v>
      </c>
      <c r="DN5" s="178" t="s">
        <v>48</v>
      </c>
      <c r="DO5" s="178" t="s">
        <v>49</v>
      </c>
      <c r="DP5" s="178" t="s">
        <v>50</v>
      </c>
      <c r="DQ5" s="178" t="s">
        <v>51</v>
      </c>
      <c r="DR5" s="182" t="s">
        <v>45</v>
      </c>
      <c r="DS5" s="468"/>
      <c r="DT5" s="177" t="s">
        <v>43</v>
      </c>
      <c r="DU5" s="178" t="s">
        <v>44</v>
      </c>
      <c r="DV5" s="182" t="s">
        <v>45</v>
      </c>
      <c r="DW5" s="180" t="s">
        <v>83</v>
      </c>
      <c r="DX5" s="178" t="s">
        <v>47</v>
      </c>
      <c r="DY5" s="178" t="s">
        <v>48</v>
      </c>
      <c r="DZ5" s="178" t="s">
        <v>49</v>
      </c>
      <c r="EA5" s="178" t="s">
        <v>50</v>
      </c>
      <c r="EB5" s="178" t="s">
        <v>51</v>
      </c>
      <c r="EC5" s="182" t="s">
        <v>45</v>
      </c>
      <c r="ED5" s="468"/>
      <c r="EE5" s="177" t="s">
        <v>43</v>
      </c>
      <c r="EF5" s="178" t="s">
        <v>44</v>
      </c>
      <c r="EG5" s="182" t="s">
        <v>45</v>
      </c>
      <c r="EH5" s="180" t="s">
        <v>83</v>
      </c>
      <c r="EI5" s="178" t="s">
        <v>47</v>
      </c>
      <c r="EJ5" s="178" t="s">
        <v>48</v>
      </c>
      <c r="EK5" s="178" t="s">
        <v>49</v>
      </c>
      <c r="EL5" s="178" t="s">
        <v>50</v>
      </c>
      <c r="EM5" s="178" t="s">
        <v>51</v>
      </c>
      <c r="EN5" s="182" t="s">
        <v>45</v>
      </c>
      <c r="EO5" s="468"/>
      <c r="EP5" s="177" t="s">
        <v>43</v>
      </c>
      <c r="EQ5" s="178" t="s">
        <v>44</v>
      </c>
      <c r="ER5" s="182" t="s">
        <v>45</v>
      </c>
      <c r="ES5" s="180" t="s">
        <v>83</v>
      </c>
      <c r="ET5" s="178" t="s">
        <v>47</v>
      </c>
      <c r="EU5" s="178" t="s">
        <v>48</v>
      </c>
      <c r="EV5" s="178" t="s">
        <v>49</v>
      </c>
      <c r="EW5" s="178" t="s">
        <v>50</v>
      </c>
      <c r="EX5" s="178" t="s">
        <v>51</v>
      </c>
      <c r="EY5" s="182" t="s">
        <v>45</v>
      </c>
      <c r="EZ5" s="468"/>
    </row>
    <row r="6" spans="2:156" ht="21" customHeight="1" x14ac:dyDescent="0.2">
      <c r="B6" s="84" t="s">
        <v>4</v>
      </c>
      <c r="C6" s="183">
        <v>0</v>
      </c>
      <c r="D6" s="184">
        <v>0</v>
      </c>
      <c r="E6" s="185">
        <v>0</v>
      </c>
      <c r="F6" s="186">
        <v>0</v>
      </c>
      <c r="G6" s="184">
        <v>1191</v>
      </c>
      <c r="H6" s="184">
        <v>1406</v>
      </c>
      <c r="I6" s="184">
        <v>728</v>
      </c>
      <c r="J6" s="184">
        <v>580</v>
      </c>
      <c r="K6" s="184">
        <v>464</v>
      </c>
      <c r="L6" s="187">
        <v>4369</v>
      </c>
      <c r="M6" s="188">
        <v>4369</v>
      </c>
      <c r="N6" s="183">
        <v>0</v>
      </c>
      <c r="O6" s="184">
        <v>2</v>
      </c>
      <c r="P6" s="189">
        <v>2</v>
      </c>
      <c r="Q6" s="186">
        <v>0</v>
      </c>
      <c r="R6" s="184">
        <v>11</v>
      </c>
      <c r="S6" s="184">
        <v>23</v>
      </c>
      <c r="T6" s="184">
        <v>50</v>
      </c>
      <c r="U6" s="184">
        <v>135</v>
      </c>
      <c r="V6" s="184">
        <v>204</v>
      </c>
      <c r="W6" s="189">
        <v>423</v>
      </c>
      <c r="X6" s="188">
        <v>425</v>
      </c>
      <c r="Y6" s="183">
        <v>256</v>
      </c>
      <c r="Z6" s="184">
        <v>560</v>
      </c>
      <c r="AA6" s="189">
        <v>816</v>
      </c>
      <c r="AB6" s="186">
        <v>0</v>
      </c>
      <c r="AC6" s="184">
        <v>1017</v>
      </c>
      <c r="AD6" s="184">
        <v>1440</v>
      </c>
      <c r="AE6" s="184">
        <v>777</v>
      </c>
      <c r="AF6" s="184">
        <v>654</v>
      </c>
      <c r="AG6" s="184">
        <v>412</v>
      </c>
      <c r="AH6" s="189">
        <v>4300</v>
      </c>
      <c r="AI6" s="188">
        <v>5116</v>
      </c>
      <c r="AJ6" s="183">
        <v>23</v>
      </c>
      <c r="AK6" s="184">
        <v>82</v>
      </c>
      <c r="AL6" s="189">
        <v>105</v>
      </c>
      <c r="AM6" s="186">
        <v>0</v>
      </c>
      <c r="AN6" s="184">
        <v>107</v>
      </c>
      <c r="AO6" s="184">
        <v>137</v>
      </c>
      <c r="AP6" s="184">
        <v>73</v>
      </c>
      <c r="AQ6" s="184">
        <v>85</v>
      </c>
      <c r="AR6" s="184">
        <v>49</v>
      </c>
      <c r="AS6" s="189">
        <v>451</v>
      </c>
      <c r="AT6" s="188">
        <v>556</v>
      </c>
      <c r="AU6" s="183">
        <v>343</v>
      </c>
      <c r="AV6" s="184">
        <v>417</v>
      </c>
      <c r="AW6" s="189">
        <v>760</v>
      </c>
      <c r="AX6" s="186">
        <v>0</v>
      </c>
      <c r="AY6" s="184">
        <v>1495</v>
      </c>
      <c r="AZ6" s="184">
        <v>1881</v>
      </c>
      <c r="BA6" s="184">
        <v>1502</v>
      </c>
      <c r="BB6" s="184">
        <v>1468</v>
      </c>
      <c r="BC6" s="184">
        <v>1145</v>
      </c>
      <c r="BD6" s="187">
        <v>7491</v>
      </c>
      <c r="BE6" s="188">
        <v>8251</v>
      </c>
      <c r="BF6" s="183">
        <v>0</v>
      </c>
      <c r="BG6" s="184">
        <v>0</v>
      </c>
      <c r="BH6" s="189">
        <v>0</v>
      </c>
      <c r="BI6" s="186">
        <v>0</v>
      </c>
      <c r="BJ6" s="184">
        <v>1455</v>
      </c>
      <c r="BK6" s="184">
        <v>1260</v>
      </c>
      <c r="BL6" s="184">
        <v>631</v>
      </c>
      <c r="BM6" s="184">
        <v>318</v>
      </c>
      <c r="BN6" s="184">
        <v>142</v>
      </c>
      <c r="BO6" s="189">
        <v>3806</v>
      </c>
      <c r="BP6" s="188">
        <v>3806</v>
      </c>
      <c r="BQ6" s="183">
        <v>128</v>
      </c>
      <c r="BR6" s="184">
        <v>189</v>
      </c>
      <c r="BS6" s="189">
        <v>317</v>
      </c>
      <c r="BT6" s="186">
        <v>0</v>
      </c>
      <c r="BU6" s="184">
        <v>366</v>
      </c>
      <c r="BV6" s="184">
        <v>469</v>
      </c>
      <c r="BW6" s="184">
        <v>312</v>
      </c>
      <c r="BX6" s="184">
        <v>176</v>
      </c>
      <c r="BY6" s="184">
        <v>53</v>
      </c>
      <c r="BZ6" s="189">
        <v>1376</v>
      </c>
      <c r="CA6" s="188">
        <v>1693</v>
      </c>
      <c r="CB6" s="183">
        <v>7</v>
      </c>
      <c r="CC6" s="184">
        <v>21</v>
      </c>
      <c r="CD6" s="189">
        <v>28</v>
      </c>
      <c r="CE6" s="186">
        <v>0</v>
      </c>
      <c r="CF6" s="184">
        <v>152</v>
      </c>
      <c r="CG6" s="184">
        <v>268</v>
      </c>
      <c r="CH6" s="184">
        <v>277</v>
      </c>
      <c r="CI6" s="184">
        <v>163</v>
      </c>
      <c r="CJ6" s="184">
        <v>93</v>
      </c>
      <c r="CK6" s="189">
        <v>953</v>
      </c>
      <c r="CL6" s="188">
        <v>981</v>
      </c>
      <c r="CM6" s="183">
        <v>2</v>
      </c>
      <c r="CN6" s="184">
        <v>5</v>
      </c>
      <c r="CO6" s="189">
        <v>7</v>
      </c>
      <c r="CP6" s="186">
        <v>0</v>
      </c>
      <c r="CQ6" s="184">
        <v>20</v>
      </c>
      <c r="CR6" s="184">
        <v>48</v>
      </c>
      <c r="CS6" s="184">
        <v>51</v>
      </c>
      <c r="CT6" s="184">
        <v>44</v>
      </c>
      <c r="CU6" s="184">
        <v>29</v>
      </c>
      <c r="CV6" s="189">
        <v>192</v>
      </c>
      <c r="CW6" s="188">
        <v>199</v>
      </c>
      <c r="CX6" s="183">
        <v>0</v>
      </c>
      <c r="CY6" s="184">
        <v>0</v>
      </c>
      <c r="CZ6" s="189">
        <v>0</v>
      </c>
      <c r="DA6" s="186">
        <v>0</v>
      </c>
      <c r="DB6" s="184">
        <v>0</v>
      </c>
      <c r="DC6" s="184">
        <v>0</v>
      </c>
      <c r="DD6" s="184">
        <v>0</v>
      </c>
      <c r="DE6" s="184">
        <v>0</v>
      </c>
      <c r="DF6" s="184">
        <v>0</v>
      </c>
      <c r="DG6" s="189">
        <v>0</v>
      </c>
      <c r="DH6" s="188">
        <v>0</v>
      </c>
      <c r="DI6" s="183">
        <v>0</v>
      </c>
      <c r="DJ6" s="184">
        <v>0</v>
      </c>
      <c r="DK6" s="189">
        <v>0</v>
      </c>
      <c r="DL6" s="186">
        <v>0</v>
      </c>
      <c r="DM6" s="184">
        <v>1</v>
      </c>
      <c r="DN6" s="184">
        <v>0</v>
      </c>
      <c r="DO6" s="184">
        <v>0</v>
      </c>
      <c r="DP6" s="184">
        <v>0</v>
      </c>
      <c r="DQ6" s="184">
        <v>0</v>
      </c>
      <c r="DR6" s="189">
        <v>1</v>
      </c>
      <c r="DS6" s="188">
        <v>1</v>
      </c>
      <c r="DT6" s="183">
        <v>663</v>
      </c>
      <c r="DU6" s="184">
        <v>1472</v>
      </c>
      <c r="DV6" s="189">
        <v>2135</v>
      </c>
      <c r="DW6" s="186">
        <v>0</v>
      </c>
      <c r="DX6" s="184">
        <v>1703</v>
      </c>
      <c r="DY6" s="184">
        <v>3025</v>
      </c>
      <c r="DZ6" s="184">
        <v>1711</v>
      </c>
      <c r="EA6" s="184">
        <v>1250</v>
      </c>
      <c r="EB6" s="184">
        <v>759</v>
      </c>
      <c r="EC6" s="189">
        <v>8448</v>
      </c>
      <c r="ED6" s="188">
        <v>10583</v>
      </c>
      <c r="EE6" s="183">
        <v>244</v>
      </c>
      <c r="EF6" s="184">
        <v>181</v>
      </c>
      <c r="EG6" s="189">
        <v>425</v>
      </c>
      <c r="EH6" s="186">
        <v>0</v>
      </c>
      <c r="EI6" s="184">
        <v>723</v>
      </c>
      <c r="EJ6" s="184">
        <v>726</v>
      </c>
      <c r="EK6" s="184">
        <v>596</v>
      </c>
      <c r="EL6" s="184">
        <v>636</v>
      </c>
      <c r="EM6" s="184">
        <v>438</v>
      </c>
      <c r="EN6" s="189">
        <v>3119</v>
      </c>
      <c r="EO6" s="188">
        <v>3544</v>
      </c>
      <c r="EP6" s="183">
        <v>984</v>
      </c>
      <c r="EQ6" s="184">
        <v>1912</v>
      </c>
      <c r="ER6" s="189">
        <v>2896</v>
      </c>
      <c r="ES6" s="186">
        <v>0</v>
      </c>
      <c r="ET6" s="184">
        <v>3959</v>
      </c>
      <c r="EU6" s="184">
        <v>4215</v>
      </c>
      <c r="EV6" s="184">
        <v>2054</v>
      </c>
      <c r="EW6" s="184">
        <v>1395</v>
      </c>
      <c r="EX6" s="184">
        <v>806</v>
      </c>
      <c r="EY6" s="189">
        <v>12429</v>
      </c>
      <c r="EZ6" s="188">
        <v>15325</v>
      </c>
    </row>
    <row r="7" spans="2:156" ht="21" customHeight="1" x14ac:dyDescent="0.2">
      <c r="B7" s="95" t="s">
        <v>5</v>
      </c>
      <c r="C7" s="190">
        <v>0</v>
      </c>
      <c r="D7" s="191">
        <v>0</v>
      </c>
      <c r="E7" s="192">
        <v>0</v>
      </c>
      <c r="F7" s="193">
        <v>0</v>
      </c>
      <c r="G7" s="191">
        <v>460</v>
      </c>
      <c r="H7" s="191">
        <v>697</v>
      </c>
      <c r="I7" s="191">
        <v>335</v>
      </c>
      <c r="J7" s="191">
        <v>252</v>
      </c>
      <c r="K7" s="191">
        <v>209</v>
      </c>
      <c r="L7" s="194">
        <v>1953</v>
      </c>
      <c r="M7" s="195">
        <v>1953</v>
      </c>
      <c r="N7" s="190">
        <v>0</v>
      </c>
      <c r="O7" s="191">
        <v>2</v>
      </c>
      <c r="P7" s="196">
        <v>2</v>
      </c>
      <c r="Q7" s="193">
        <v>0</v>
      </c>
      <c r="R7" s="191">
        <v>3</v>
      </c>
      <c r="S7" s="191">
        <v>9</v>
      </c>
      <c r="T7" s="191">
        <v>15</v>
      </c>
      <c r="U7" s="191">
        <v>53</v>
      </c>
      <c r="V7" s="191">
        <v>119</v>
      </c>
      <c r="W7" s="196">
        <v>199</v>
      </c>
      <c r="X7" s="195">
        <v>201</v>
      </c>
      <c r="Y7" s="190">
        <v>112</v>
      </c>
      <c r="Z7" s="191">
        <v>310</v>
      </c>
      <c r="AA7" s="196">
        <v>422</v>
      </c>
      <c r="AB7" s="193">
        <v>0</v>
      </c>
      <c r="AC7" s="191">
        <v>377</v>
      </c>
      <c r="AD7" s="191">
        <v>770</v>
      </c>
      <c r="AE7" s="191">
        <v>371</v>
      </c>
      <c r="AF7" s="191">
        <v>294</v>
      </c>
      <c r="AG7" s="191">
        <v>194</v>
      </c>
      <c r="AH7" s="196">
        <v>2006</v>
      </c>
      <c r="AI7" s="195">
        <v>2428</v>
      </c>
      <c r="AJ7" s="190">
        <v>12</v>
      </c>
      <c r="AK7" s="191">
        <v>51</v>
      </c>
      <c r="AL7" s="196">
        <v>63</v>
      </c>
      <c r="AM7" s="193">
        <v>0</v>
      </c>
      <c r="AN7" s="191">
        <v>35</v>
      </c>
      <c r="AO7" s="191">
        <v>65</v>
      </c>
      <c r="AP7" s="191">
        <v>33</v>
      </c>
      <c r="AQ7" s="191">
        <v>42</v>
      </c>
      <c r="AR7" s="191">
        <v>22</v>
      </c>
      <c r="AS7" s="196">
        <v>197</v>
      </c>
      <c r="AT7" s="195">
        <v>260</v>
      </c>
      <c r="AU7" s="190">
        <v>159</v>
      </c>
      <c r="AV7" s="191">
        <v>218</v>
      </c>
      <c r="AW7" s="196">
        <v>377</v>
      </c>
      <c r="AX7" s="193">
        <v>0</v>
      </c>
      <c r="AY7" s="191">
        <v>579</v>
      </c>
      <c r="AZ7" s="191">
        <v>893</v>
      </c>
      <c r="BA7" s="191">
        <v>666</v>
      </c>
      <c r="BB7" s="191">
        <v>663</v>
      </c>
      <c r="BC7" s="191">
        <v>493</v>
      </c>
      <c r="BD7" s="194">
        <v>3294</v>
      </c>
      <c r="BE7" s="195">
        <v>3671</v>
      </c>
      <c r="BF7" s="190">
        <v>0</v>
      </c>
      <c r="BG7" s="191">
        <v>0</v>
      </c>
      <c r="BH7" s="196">
        <v>0</v>
      </c>
      <c r="BI7" s="193">
        <v>0</v>
      </c>
      <c r="BJ7" s="191">
        <v>506</v>
      </c>
      <c r="BK7" s="191">
        <v>562</v>
      </c>
      <c r="BL7" s="191">
        <v>251</v>
      </c>
      <c r="BM7" s="191">
        <v>121</v>
      </c>
      <c r="BN7" s="191">
        <v>51</v>
      </c>
      <c r="BO7" s="196">
        <v>1491</v>
      </c>
      <c r="BP7" s="195">
        <v>1491</v>
      </c>
      <c r="BQ7" s="190">
        <v>59</v>
      </c>
      <c r="BR7" s="191">
        <v>91</v>
      </c>
      <c r="BS7" s="196">
        <v>150</v>
      </c>
      <c r="BT7" s="193">
        <v>0</v>
      </c>
      <c r="BU7" s="191">
        <v>115</v>
      </c>
      <c r="BV7" s="191">
        <v>236</v>
      </c>
      <c r="BW7" s="191">
        <v>154</v>
      </c>
      <c r="BX7" s="191">
        <v>82</v>
      </c>
      <c r="BY7" s="191">
        <v>28</v>
      </c>
      <c r="BZ7" s="196">
        <v>615</v>
      </c>
      <c r="CA7" s="195">
        <v>765</v>
      </c>
      <c r="CB7" s="190">
        <v>1</v>
      </c>
      <c r="CC7" s="191">
        <v>13</v>
      </c>
      <c r="CD7" s="196">
        <v>14</v>
      </c>
      <c r="CE7" s="193">
        <v>0</v>
      </c>
      <c r="CF7" s="191">
        <v>47</v>
      </c>
      <c r="CG7" s="191">
        <v>106</v>
      </c>
      <c r="CH7" s="191">
        <v>114</v>
      </c>
      <c r="CI7" s="191">
        <v>62</v>
      </c>
      <c r="CJ7" s="191">
        <v>41</v>
      </c>
      <c r="CK7" s="196">
        <v>370</v>
      </c>
      <c r="CL7" s="195">
        <v>384</v>
      </c>
      <c r="CM7" s="190">
        <v>2</v>
      </c>
      <c r="CN7" s="191">
        <v>5</v>
      </c>
      <c r="CO7" s="196">
        <v>7</v>
      </c>
      <c r="CP7" s="193">
        <v>0</v>
      </c>
      <c r="CQ7" s="191">
        <v>7</v>
      </c>
      <c r="CR7" s="191">
        <v>26</v>
      </c>
      <c r="CS7" s="191">
        <v>28</v>
      </c>
      <c r="CT7" s="191">
        <v>25</v>
      </c>
      <c r="CU7" s="191">
        <v>16</v>
      </c>
      <c r="CV7" s="196">
        <v>102</v>
      </c>
      <c r="CW7" s="195">
        <v>109</v>
      </c>
      <c r="CX7" s="190">
        <v>0</v>
      </c>
      <c r="CY7" s="191">
        <v>0</v>
      </c>
      <c r="CZ7" s="196">
        <v>0</v>
      </c>
      <c r="DA7" s="193">
        <v>0</v>
      </c>
      <c r="DB7" s="191">
        <v>0</v>
      </c>
      <c r="DC7" s="191">
        <v>0</v>
      </c>
      <c r="DD7" s="191">
        <v>0</v>
      </c>
      <c r="DE7" s="191">
        <v>0</v>
      </c>
      <c r="DF7" s="191">
        <v>0</v>
      </c>
      <c r="DG7" s="196">
        <v>0</v>
      </c>
      <c r="DH7" s="195">
        <v>0</v>
      </c>
      <c r="DI7" s="190">
        <v>0</v>
      </c>
      <c r="DJ7" s="191">
        <v>0</v>
      </c>
      <c r="DK7" s="196">
        <v>0</v>
      </c>
      <c r="DL7" s="193">
        <v>0</v>
      </c>
      <c r="DM7" s="191">
        <v>0</v>
      </c>
      <c r="DN7" s="191">
        <v>0</v>
      </c>
      <c r="DO7" s="191">
        <v>0</v>
      </c>
      <c r="DP7" s="191">
        <v>0</v>
      </c>
      <c r="DQ7" s="191">
        <v>0</v>
      </c>
      <c r="DR7" s="196">
        <v>0</v>
      </c>
      <c r="DS7" s="195">
        <v>0</v>
      </c>
      <c r="DT7" s="190">
        <v>228</v>
      </c>
      <c r="DU7" s="191">
        <v>706</v>
      </c>
      <c r="DV7" s="196">
        <v>934</v>
      </c>
      <c r="DW7" s="193">
        <v>0</v>
      </c>
      <c r="DX7" s="191">
        <v>544</v>
      </c>
      <c r="DY7" s="191">
        <v>1429</v>
      </c>
      <c r="DZ7" s="191">
        <v>766</v>
      </c>
      <c r="EA7" s="191">
        <v>537</v>
      </c>
      <c r="EB7" s="191">
        <v>340</v>
      </c>
      <c r="EC7" s="196">
        <v>3616</v>
      </c>
      <c r="ED7" s="195">
        <v>4550</v>
      </c>
      <c r="EE7" s="190">
        <v>110</v>
      </c>
      <c r="EF7" s="191">
        <v>93</v>
      </c>
      <c r="EG7" s="196">
        <v>203</v>
      </c>
      <c r="EH7" s="193">
        <v>0</v>
      </c>
      <c r="EI7" s="191">
        <v>298</v>
      </c>
      <c r="EJ7" s="191">
        <v>365</v>
      </c>
      <c r="EK7" s="191">
        <v>281</v>
      </c>
      <c r="EL7" s="191">
        <v>305</v>
      </c>
      <c r="EM7" s="191">
        <v>184</v>
      </c>
      <c r="EN7" s="196">
        <v>1433</v>
      </c>
      <c r="EO7" s="195">
        <v>1636</v>
      </c>
      <c r="EP7" s="190">
        <v>370</v>
      </c>
      <c r="EQ7" s="191">
        <v>967</v>
      </c>
      <c r="ER7" s="196">
        <v>1337</v>
      </c>
      <c r="ES7" s="193">
        <v>0</v>
      </c>
      <c r="ET7" s="191">
        <v>1425</v>
      </c>
      <c r="EU7" s="191">
        <v>2041</v>
      </c>
      <c r="EV7" s="191">
        <v>940</v>
      </c>
      <c r="EW7" s="191">
        <v>602</v>
      </c>
      <c r="EX7" s="191">
        <v>375</v>
      </c>
      <c r="EY7" s="196">
        <v>5383</v>
      </c>
      <c r="EZ7" s="195">
        <v>6720</v>
      </c>
    </row>
    <row r="8" spans="2:156" ht="21" customHeight="1" x14ac:dyDescent="0.2">
      <c r="B8" s="106" t="s">
        <v>6</v>
      </c>
      <c r="C8" s="190">
        <v>0</v>
      </c>
      <c r="D8" s="191">
        <v>0</v>
      </c>
      <c r="E8" s="192">
        <v>0</v>
      </c>
      <c r="F8" s="193">
        <v>0</v>
      </c>
      <c r="G8" s="191">
        <v>235</v>
      </c>
      <c r="H8" s="191">
        <v>198</v>
      </c>
      <c r="I8" s="191">
        <v>96</v>
      </c>
      <c r="J8" s="191">
        <v>102</v>
      </c>
      <c r="K8" s="191">
        <v>77</v>
      </c>
      <c r="L8" s="194">
        <v>708</v>
      </c>
      <c r="M8" s="195">
        <v>708</v>
      </c>
      <c r="N8" s="190">
        <v>0</v>
      </c>
      <c r="O8" s="191">
        <v>0</v>
      </c>
      <c r="P8" s="196">
        <v>0</v>
      </c>
      <c r="Q8" s="193">
        <v>0</v>
      </c>
      <c r="R8" s="191">
        <v>4</v>
      </c>
      <c r="S8" s="191">
        <v>2</v>
      </c>
      <c r="T8" s="191">
        <v>12</v>
      </c>
      <c r="U8" s="191">
        <v>23</v>
      </c>
      <c r="V8" s="191">
        <v>21</v>
      </c>
      <c r="W8" s="196">
        <v>62</v>
      </c>
      <c r="X8" s="195">
        <v>62</v>
      </c>
      <c r="Y8" s="190">
        <v>47</v>
      </c>
      <c r="Z8" s="191">
        <v>90</v>
      </c>
      <c r="AA8" s="196">
        <v>137</v>
      </c>
      <c r="AB8" s="193">
        <v>0</v>
      </c>
      <c r="AC8" s="191">
        <v>222</v>
      </c>
      <c r="AD8" s="191">
        <v>219</v>
      </c>
      <c r="AE8" s="191">
        <v>139</v>
      </c>
      <c r="AF8" s="191">
        <v>111</v>
      </c>
      <c r="AG8" s="191">
        <v>70</v>
      </c>
      <c r="AH8" s="196">
        <v>761</v>
      </c>
      <c r="AI8" s="195">
        <v>898</v>
      </c>
      <c r="AJ8" s="190">
        <v>1</v>
      </c>
      <c r="AK8" s="191">
        <v>8</v>
      </c>
      <c r="AL8" s="196">
        <v>9</v>
      </c>
      <c r="AM8" s="193">
        <v>0</v>
      </c>
      <c r="AN8" s="191">
        <v>20</v>
      </c>
      <c r="AO8" s="191">
        <v>15</v>
      </c>
      <c r="AP8" s="191">
        <v>10</v>
      </c>
      <c r="AQ8" s="191">
        <v>14</v>
      </c>
      <c r="AR8" s="191">
        <v>6</v>
      </c>
      <c r="AS8" s="196">
        <v>65</v>
      </c>
      <c r="AT8" s="195">
        <v>74</v>
      </c>
      <c r="AU8" s="190">
        <v>54</v>
      </c>
      <c r="AV8" s="191">
        <v>62</v>
      </c>
      <c r="AW8" s="196">
        <v>116</v>
      </c>
      <c r="AX8" s="193">
        <v>0</v>
      </c>
      <c r="AY8" s="191">
        <v>318</v>
      </c>
      <c r="AZ8" s="191">
        <v>333</v>
      </c>
      <c r="BA8" s="191">
        <v>254</v>
      </c>
      <c r="BB8" s="191">
        <v>271</v>
      </c>
      <c r="BC8" s="191">
        <v>219</v>
      </c>
      <c r="BD8" s="194">
        <v>1395</v>
      </c>
      <c r="BE8" s="195">
        <v>1511</v>
      </c>
      <c r="BF8" s="190">
        <v>0</v>
      </c>
      <c r="BG8" s="191">
        <v>0</v>
      </c>
      <c r="BH8" s="196">
        <v>0</v>
      </c>
      <c r="BI8" s="193">
        <v>0</v>
      </c>
      <c r="BJ8" s="191">
        <v>285</v>
      </c>
      <c r="BK8" s="191">
        <v>196</v>
      </c>
      <c r="BL8" s="191">
        <v>94</v>
      </c>
      <c r="BM8" s="191">
        <v>58</v>
      </c>
      <c r="BN8" s="191">
        <v>16</v>
      </c>
      <c r="BO8" s="196">
        <v>649</v>
      </c>
      <c r="BP8" s="195">
        <v>649</v>
      </c>
      <c r="BQ8" s="190">
        <v>11</v>
      </c>
      <c r="BR8" s="191">
        <v>17</v>
      </c>
      <c r="BS8" s="196">
        <v>28</v>
      </c>
      <c r="BT8" s="193">
        <v>0</v>
      </c>
      <c r="BU8" s="191">
        <v>64</v>
      </c>
      <c r="BV8" s="191">
        <v>62</v>
      </c>
      <c r="BW8" s="191">
        <v>33</v>
      </c>
      <c r="BX8" s="191">
        <v>27</v>
      </c>
      <c r="BY8" s="191">
        <v>4</v>
      </c>
      <c r="BZ8" s="196">
        <v>190</v>
      </c>
      <c r="CA8" s="195">
        <v>218</v>
      </c>
      <c r="CB8" s="190">
        <v>0</v>
      </c>
      <c r="CC8" s="191">
        <v>1</v>
      </c>
      <c r="CD8" s="196">
        <v>1</v>
      </c>
      <c r="CE8" s="193">
        <v>0</v>
      </c>
      <c r="CF8" s="191">
        <v>22</v>
      </c>
      <c r="CG8" s="191">
        <v>46</v>
      </c>
      <c r="CH8" s="191">
        <v>40</v>
      </c>
      <c r="CI8" s="191">
        <v>29</v>
      </c>
      <c r="CJ8" s="191">
        <v>12</v>
      </c>
      <c r="CK8" s="196">
        <v>149</v>
      </c>
      <c r="CL8" s="195">
        <v>150</v>
      </c>
      <c r="CM8" s="190">
        <v>0</v>
      </c>
      <c r="CN8" s="191">
        <v>0</v>
      </c>
      <c r="CO8" s="196">
        <v>0</v>
      </c>
      <c r="CP8" s="193">
        <v>0</v>
      </c>
      <c r="CQ8" s="191">
        <v>1</v>
      </c>
      <c r="CR8" s="191">
        <v>6</v>
      </c>
      <c r="CS8" s="191">
        <v>6</v>
      </c>
      <c r="CT8" s="191">
        <v>6</v>
      </c>
      <c r="CU8" s="191">
        <v>5</v>
      </c>
      <c r="CV8" s="196">
        <v>24</v>
      </c>
      <c r="CW8" s="195">
        <v>24</v>
      </c>
      <c r="CX8" s="190">
        <v>0</v>
      </c>
      <c r="CY8" s="191">
        <v>0</v>
      </c>
      <c r="CZ8" s="196">
        <v>0</v>
      </c>
      <c r="DA8" s="193">
        <v>0</v>
      </c>
      <c r="DB8" s="191">
        <v>0</v>
      </c>
      <c r="DC8" s="191">
        <v>0</v>
      </c>
      <c r="DD8" s="191">
        <v>0</v>
      </c>
      <c r="DE8" s="191">
        <v>0</v>
      </c>
      <c r="DF8" s="191">
        <v>0</v>
      </c>
      <c r="DG8" s="196">
        <v>0</v>
      </c>
      <c r="DH8" s="195">
        <v>0</v>
      </c>
      <c r="DI8" s="190">
        <v>0</v>
      </c>
      <c r="DJ8" s="191">
        <v>0</v>
      </c>
      <c r="DK8" s="196">
        <v>0</v>
      </c>
      <c r="DL8" s="193">
        <v>0</v>
      </c>
      <c r="DM8" s="191">
        <v>0</v>
      </c>
      <c r="DN8" s="191">
        <v>0</v>
      </c>
      <c r="DO8" s="191">
        <v>0</v>
      </c>
      <c r="DP8" s="191">
        <v>0</v>
      </c>
      <c r="DQ8" s="191">
        <v>0</v>
      </c>
      <c r="DR8" s="196">
        <v>0</v>
      </c>
      <c r="DS8" s="195">
        <v>0</v>
      </c>
      <c r="DT8" s="190">
        <v>125</v>
      </c>
      <c r="DU8" s="191">
        <v>196</v>
      </c>
      <c r="DV8" s="196">
        <v>321</v>
      </c>
      <c r="DW8" s="193">
        <v>0</v>
      </c>
      <c r="DX8" s="191">
        <v>355</v>
      </c>
      <c r="DY8" s="191">
        <v>450</v>
      </c>
      <c r="DZ8" s="191">
        <v>261</v>
      </c>
      <c r="EA8" s="191">
        <v>219</v>
      </c>
      <c r="EB8" s="191">
        <v>130</v>
      </c>
      <c r="EC8" s="196">
        <v>1415</v>
      </c>
      <c r="ED8" s="195">
        <v>1736</v>
      </c>
      <c r="EE8" s="190">
        <v>40</v>
      </c>
      <c r="EF8" s="191">
        <v>21</v>
      </c>
      <c r="EG8" s="196">
        <v>61</v>
      </c>
      <c r="EH8" s="193">
        <v>0</v>
      </c>
      <c r="EI8" s="191">
        <v>142</v>
      </c>
      <c r="EJ8" s="191">
        <v>121</v>
      </c>
      <c r="EK8" s="191">
        <v>98</v>
      </c>
      <c r="EL8" s="191">
        <v>117</v>
      </c>
      <c r="EM8" s="191">
        <v>80</v>
      </c>
      <c r="EN8" s="196">
        <v>558</v>
      </c>
      <c r="EO8" s="195">
        <v>619</v>
      </c>
      <c r="EP8" s="190">
        <v>167</v>
      </c>
      <c r="EQ8" s="191">
        <v>256</v>
      </c>
      <c r="ER8" s="196">
        <v>423</v>
      </c>
      <c r="ES8" s="193">
        <v>0</v>
      </c>
      <c r="ET8" s="191">
        <v>765</v>
      </c>
      <c r="EU8" s="191">
        <v>622</v>
      </c>
      <c r="EV8" s="191">
        <v>298</v>
      </c>
      <c r="EW8" s="191">
        <v>241</v>
      </c>
      <c r="EX8" s="191">
        <v>131</v>
      </c>
      <c r="EY8" s="196">
        <v>2057</v>
      </c>
      <c r="EZ8" s="195">
        <v>2480</v>
      </c>
    </row>
    <row r="9" spans="2:156" ht="21" customHeight="1" x14ac:dyDescent="0.2">
      <c r="B9" s="106" t="s">
        <v>14</v>
      </c>
      <c r="C9" s="190">
        <v>0</v>
      </c>
      <c r="D9" s="191">
        <v>0</v>
      </c>
      <c r="E9" s="192">
        <v>0</v>
      </c>
      <c r="F9" s="193">
        <v>0</v>
      </c>
      <c r="G9" s="191">
        <v>50</v>
      </c>
      <c r="H9" s="191">
        <v>88</v>
      </c>
      <c r="I9" s="191">
        <v>44</v>
      </c>
      <c r="J9" s="191">
        <v>33</v>
      </c>
      <c r="K9" s="191">
        <v>32</v>
      </c>
      <c r="L9" s="194">
        <v>247</v>
      </c>
      <c r="M9" s="195">
        <v>247</v>
      </c>
      <c r="N9" s="190">
        <v>0</v>
      </c>
      <c r="O9" s="191">
        <v>0</v>
      </c>
      <c r="P9" s="196">
        <v>0</v>
      </c>
      <c r="Q9" s="193">
        <v>0</v>
      </c>
      <c r="R9" s="191">
        <v>0</v>
      </c>
      <c r="S9" s="191">
        <v>1</v>
      </c>
      <c r="T9" s="191">
        <v>5</v>
      </c>
      <c r="U9" s="191">
        <v>14</v>
      </c>
      <c r="V9" s="191">
        <v>9</v>
      </c>
      <c r="W9" s="196">
        <v>29</v>
      </c>
      <c r="X9" s="195">
        <v>29</v>
      </c>
      <c r="Y9" s="190">
        <v>5</v>
      </c>
      <c r="Z9" s="191">
        <v>22</v>
      </c>
      <c r="AA9" s="196">
        <v>27</v>
      </c>
      <c r="AB9" s="193">
        <v>0</v>
      </c>
      <c r="AC9" s="191">
        <v>40</v>
      </c>
      <c r="AD9" s="191">
        <v>68</v>
      </c>
      <c r="AE9" s="191">
        <v>47</v>
      </c>
      <c r="AF9" s="191">
        <v>36</v>
      </c>
      <c r="AG9" s="191">
        <v>24</v>
      </c>
      <c r="AH9" s="196">
        <v>215</v>
      </c>
      <c r="AI9" s="195">
        <v>242</v>
      </c>
      <c r="AJ9" s="190">
        <v>0</v>
      </c>
      <c r="AK9" s="191">
        <v>3</v>
      </c>
      <c r="AL9" s="196">
        <v>3</v>
      </c>
      <c r="AM9" s="193">
        <v>0</v>
      </c>
      <c r="AN9" s="191">
        <v>0</v>
      </c>
      <c r="AO9" s="191">
        <v>6</v>
      </c>
      <c r="AP9" s="191">
        <v>1</v>
      </c>
      <c r="AQ9" s="191">
        <v>1</v>
      </c>
      <c r="AR9" s="191">
        <v>3</v>
      </c>
      <c r="AS9" s="196">
        <v>11</v>
      </c>
      <c r="AT9" s="195">
        <v>14</v>
      </c>
      <c r="AU9" s="190">
        <v>14</v>
      </c>
      <c r="AV9" s="191">
        <v>27</v>
      </c>
      <c r="AW9" s="196">
        <v>41</v>
      </c>
      <c r="AX9" s="193">
        <v>0</v>
      </c>
      <c r="AY9" s="191">
        <v>75</v>
      </c>
      <c r="AZ9" s="191">
        <v>116</v>
      </c>
      <c r="BA9" s="191">
        <v>94</v>
      </c>
      <c r="BB9" s="191">
        <v>86</v>
      </c>
      <c r="BC9" s="191">
        <v>71</v>
      </c>
      <c r="BD9" s="194">
        <v>442</v>
      </c>
      <c r="BE9" s="195">
        <v>483</v>
      </c>
      <c r="BF9" s="190">
        <v>0</v>
      </c>
      <c r="BG9" s="191">
        <v>0</v>
      </c>
      <c r="BH9" s="196">
        <v>0</v>
      </c>
      <c r="BI9" s="193">
        <v>0</v>
      </c>
      <c r="BJ9" s="191">
        <v>92</v>
      </c>
      <c r="BK9" s="191">
        <v>99</v>
      </c>
      <c r="BL9" s="191">
        <v>62</v>
      </c>
      <c r="BM9" s="191">
        <v>27</v>
      </c>
      <c r="BN9" s="191">
        <v>18</v>
      </c>
      <c r="BO9" s="196">
        <v>298</v>
      </c>
      <c r="BP9" s="195">
        <v>298</v>
      </c>
      <c r="BQ9" s="190">
        <v>6</v>
      </c>
      <c r="BR9" s="191">
        <v>9</v>
      </c>
      <c r="BS9" s="196">
        <v>15</v>
      </c>
      <c r="BT9" s="193">
        <v>0</v>
      </c>
      <c r="BU9" s="191">
        <v>8</v>
      </c>
      <c r="BV9" s="191">
        <v>20</v>
      </c>
      <c r="BW9" s="191">
        <v>13</v>
      </c>
      <c r="BX9" s="191">
        <v>12</v>
      </c>
      <c r="BY9" s="191">
        <v>2</v>
      </c>
      <c r="BZ9" s="196">
        <v>55</v>
      </c>
      <c r="CA9" s="195">
        <v>70</v>
      </c>
      <c r="CB9" s="190">
        <v>0</v>
      </c>
      <c r="CC9" s="191">
        <v>1</v>
      </c>
      <c r="CD9" s="196">
        <v>1</v>
      </c>
      <c r="CE9" s="193">
        <v>0</v>
      </c>
      <c r="CF9" s="191">
        <v>5</v>
      </c>
      <c r="CG9" s="191">
        <v>19</v>
      </c>
      <c r="CH9" s="191">
        <v>16</v>
      </c>
      <c r="CI9" s="191">
        <v>18</v>
      </c>
      <c r="CJ9" s="191">
        <v>8</v>
      </c>
      <c r="CK9" s="196">
        <v>66</v>
      </c>
      <c r="CL9" s="195">
        <v>67</v>
      </c>
      <c r="CM9" s="190">
        <v>0</v>
      </c>
      <c r="CN9" s="191">
        <v>0</v>
      </c>
      <c r="CO9" s="196">
        <v>0</v>
      </c>
      <c r="CP9" s="193">
        <v>0</v>
      </c>
      <c r="CQ9" s="191">
        <v>1</v>
      </c>
      <c r="CR9" s="191">
        <v>0</v>
      </c>
      <c r="CS9" s="191">
        <v>1</v>
      </c>
      <c r="CT9" s="191">
        <v>0</v>
      </c>
      <c r="CU9" s="191">
        <v>0</v>
      </c>
      <c r="CV9" s="196">
        <v>2</v>
      </c>
      <c r="CW9" s="195">
        <v>2</v>
      </c>
      <c r="CX9" s="190">
        <v>0</v>
      </c>
      <c r="CY9" s="191">
        <v>0</v>
      </c>
      <c r="CZ9" s="196">
        <v>0</v>
      </c>
      <c r="DA9" s="193">
        <v>0</v>
      </c>
      <c r="DB9" s="191">
        <v>0</v>
      </c>
      <c r="DC9" s="191">
        <v>0</v>
      </c>
      <c r="DD9" s="191">
        <v>0</v>
      </c>
      <c r="DE9" s="191">
        <v>0</v>
      </c>
      <c r="DF9" s="191">
        <v>0</v>
      </c>
      <c r="DG9" s="196">
        <v>0</v>
      </c>
      <c r="DH9" s="195">
        <v>0</v>
      </c>
      <c r="DI9" s="190">
        <v>0</v>
      </c>
      <c r="DJ9" s="191">
        <v>0</v>
      </c>
      <c r="DK9" s="196">
        <v>0</v>
      </c>
      <c r="DL9" s="193">
        <v>0</v>
      </c>
      <c r="DM9" s="191">
        <v>0</v>
      </c>
      <c r="DN9" s="191">
        <v>0</v>
      </c>
      <c r="DO9" s="191">
        <v>0</v>
      </c>
      <c r="DP9" s="191">
        <v>0</v>
      </c>
      <c r="DQ9" s="191">
        <v>0</v>
      </c>
      <c r="DR9" s="196">
        <v>0</v>
      </c>
      <c r="DS9" s="195">
        <v>0</v>
      </c>
      <c r="DT9" s="190">
        <v>36</v>
      </c>
      <c r="DU9" s="191">
        <v>95</v>
      </c>
      <c r="DV9" s="196">
        <v>131</v>
      </c>
      <c r="DW9" s="193">
        <v>0</v>
      </c>
      <c r="DX9" s="191">
        <v>93</v>
      </c>
      <c r="DY9" s="191">
        <v>209</v>
      </c>
      <c r="DZ9" s="191">
        <v>120</v>
      </c>
      <c r="EA9" s="191">
        <v>84</v>
      </c>
      <c r="EB9" s="191">
        <v>55</v>
      </c>
      <c r="EC9" s="196">
        <v>561</v>
      </c>
      <c r="ED9" s="195">
        <v>692</v>
      </c>
      <c r="EE9" s="190">
        <v>10</v>
      </c>
      <c r="EF9" s="191">
        <v>9</v>
      </c>
      <c r="EG9" s="196">
        <v>19</v>
      </c>
      <c r="EH9" s="193">
        <v>0</v>
      </c>
      <c r="EI9" s="191">
        <v>31</v>
      </c>
      <c r="EJ9" s="191">
        <v>43</v>
      </c>
      <c r="EK9" s="191">
        <v>28</v>
      </c>
      <c r="EL9" s="191">
        <v>29</v>
      </c>
      <c r="EM9" s="191">
        <v>19</v>
      </c>
      <c r="EN9" s="196">
        <v>150</v>
      </c>
      <c r="EO9" s="195">
        <v>169</v>
      </c>
      <c r="EP9" s="190">
        <v>45</v>
      </c>
      <c r="EQ9" s="191">
        <v>112</v>
      </c>
      <c r="ER9" s="196">
        <v>157</v>
      </c>
      <c r="ES9" s="193">
        <v>0</v>
      </c>
      <c r="ET9" s="191">
        <v>199</v>
      </c>
      <c r="EU9" s="191">
        <v>297</v>
      </c>
      <c r="EV9" s="191">
        <v>145</v>
      </c>
      <c r="EW9" s="191">
        <v>94</v>
      </c>
      <c r="EX9" s="191">
        <v>56</v>
      </c>
      <c r="EY9" s="196">
        <v>791</v>
      </c>
      <c r="EZ9" s="195">
        <v>948</v>
      </c>
    </row>
    <row r="10" spans="2:156" ht="21" customHeight="1" x14ac:dyDescent="0.2">
      <c r="B10" s="106" t="s">
        <v>7</v>
      </c>
      <c r="C10" s="190">
        <v>0</v>
      </c>
      <c r="D10" s="191">
        <v>0</v>
      </c>
      <c r="E10" s="192">
        <v>0</v>
      </c>
      <c r="F10" s="193">
        <v>0</v>
      </c>
      <c r="G10" s="191">
        <v>66</v>
      </c>
      <c r="H10" s="191">
        <v>38</v>
      </c>
      <c r="I10" s="191">
        <v>24</v>
      </c>
      <c r="J10" s="191">
        <v>21</v>
      </c>
      <c r="K10" s="191">
        <v>8</v>
      </c>
      <c r="L10" s="194">
        <v>157</v>
      </c>
      <c r="M10" s="195">
        <v>157</v>
      </c>
      <c r="N10" s="190">
        <v>0</v>
      </c>
      <c r="O10" s="191">
        <v>0</v>
      </c>
      <c r="P10" s="196">
        <v>0</v>
      </c>
      <c r="Q10" s="193">
        <v>0</v>
      </c>
      <c r="R10" s="191">
        <v>1</v>
      </c>
      <c r="S10" s="191">
        <v>2</v>
      </c>
      <c r="T10" s="191">
        <v>1</v>
      </c>
      <c r="U10" s="191">
        <v>7</v>
      </c>
      <c r="V10" s="191">
        <v>10</v>
      </c>
      <c r="W10" s="196">
        <v>21</v>
      </c>
      <c r="X10" s="195">
        <v>21</v>
      </c>
      <c r="Y10" s="190">
        <v>0</v>
      </c>
      <c r="Z10" s="191">
        <v>5</v>
      </c>
      <c r="AA10" s="196">
        <v>5</v>
      </c>
      <c r="AB10" s="193">
        <v>0</v>
      </c>
      <c r="AC10" s="191">
        <v>35</v>
      </c>
      <c r="AD10" s="191">
        <v>23</v>
      </c>
      <c r="AE10" s="191">
        <v>25</v>
      </c>
      <c r="AF10" s="191">
        <v>21</v>
      </c>
      <c r="AG10" s="191">
        <v>12</v>
      </c>
      <c r="AH10" s="196">
        <v>116</v>
      </c>
      <c r="AI10" s="195">
        <v>121</v>
      </c>
      <c r="AJ10" s="190">
        <v>1</v>
      </c>
      <c r="AK10" s="191">
        <v>1</v>
      </c>
      <c r="AL10" s="196">
        <v>2</v>
      </c>
      <c r="AM10" s="193">
        <v>0</v>
      </c>
      <c r="AN10" s="191">
        <v>4</v>
      </c>
      <c r="AO10" s="191">
        <v>5</v>
      </c>
      <c r="AP10" s="191">
        <v>2</v>
      </c>
      <c r="AQ10" s="191">
        <v>4</v>
      </c>
      <c r="AR10" s="191">
        <v>0</v>
      </c>
      <c r="AS10" s="196">
        <v>15</v>
      </c>
      <c r="AT10" s="195">
        <v>17</v>
      </c>
      <c r="AU10" s="190">
        <v>18</v>
      </c>
      <c r="AV10" s="191">
        <v>14</v>
      </c>
      <c r="AW10" s="196">
        <v>32</v>
      </c>
      <c r="AX10" s="193">
        <v>0</v>
      </c>
      <c r="AY10" s="191">
        <v>78</v>
      </c>
      <c r="AZ10" s="191">
        <v>47</v>
      </c>
      <c r="BA10" s="191">
        <v>46</v>
      </c>
      <c r="BB10" s="191">
        <v>53</v>
      </c>
      <c r="BC10" s="191">
        <v>29</v>
      </c>
      <c r="BD10" s="194">
        <v>253</v>
      </c>
      <c r="BE10" s="195">
        <v>285</v>
      </c>
      <c r="BF10" s="190">
        <v>0</v>
      </c>
      <c r="BG10" s="191">
        <v>0</v>
      </c>
      <c r="BH10" s="196">
        <v>0</v>
      </c>
      <c r="BI10" s="193">
        <v>0</v>
      </c>
      <c r="BJ10" s="191">
        <v>80</v>
      </c>
      <c r="BK10" s="191">
        <v>38</v>
      </c>
      <c r="BL10" s="191">
        <v>20</v>
      </c>
      <c r="BM10" s="191">
        <v>7</v>
      </c>
      <c r="BN10" s="191">
        <v>3</v>
      </c>
      <c r="BO10" s="196">
        <v>148</v>
      </c>
      <c r="BP10" s="195">
        <v>148</v>
      </c>
      <c r="BQ10" s="190">
        <v>0</v>
      </c>
      <c r="BR10" s="191">
        <v>2</v>
      </c>
      <c r="BS10" s="196">
        <v>2</v>
      </c>
      <c r="BT10" s="193">
        <v>0</v>
      </c>
      <c r="BU10" s="191">
        <v>16</v>
      </c>
      <c r="BV10" s="191">
        <v>10</v>
      </c>
      <c r="BW10" s="191">
        <v>7</v>
      </c>
      <c r="BX10" s="191">
        <v>5</v>
      </c>
      <c r="BY10" s="191">
        <v>0</v>
      </c>
      <c r="BZ10" s="196">
        <v>38</v>
      </c>
      <c r="CA10" s="195">
        <v>40</v>
      </c>
      <c r="CB10" s="190">
        <v>0</v>
      </c>
      <c r="CC10" s="191">
        <v>0</v>
      </c>
      <c r="CD10" s="196">
        <v>0</v>
      </c>
      <c r="CE10" s="193">
        <v>0</v>
      </c>
      <c r="CF10" s="191">
        <v>17</v>
      </c>
      <c r="CG10" s="191">
        <v>5</v>
      </c>
      <c r="CH10" s="191">
        <v>7</v>
      </c>
      <c r="CI10" s="191">
        <v>5</v>
      </c>
      <c r="CJ10" s="191">
        <v>3</v>
      </c>
      <c r="CK10" s="196">
        <v>37</v>
      </c>
      <c r="CL10" s="195">
        <v>37</v>
      </c>
      <c r="CM10" s="190">
        <v>0</v>
      </c>
      <c r="CN10" s="191">
        <v>0</v>
      </c>
      <c r="CO10" s="196">
        <v>0</v>
      </c>
      <c r="CP10" s="193">
        <v>0</v>
      </c>
      <c r="CQ10" s="191">
        <v>0</v>
      </c>
      <c r="CR10" s="191">
        <v>3</v>
      </c>
      <c r="CS10" s="191">
        <v>1</v>
      </c>
      <c r="CT10" s="191">
        <v>0</v>
      </c>
      <c r="CU10" s="191">
        <v>0</v>
      </c>
      <c r="CV10" s="196">
        <v>4</v>
      </c>
      <c r="CW10" s="195">
        <v>4</v>
      </c>
      <c r="CX10" s="190">
        <v>0</v>
      </c>
      <c r="CY10" s="191">
        <v>0</v>
      </c>
      <c r="CZ10" s="196">
        <v>0</v>
      </c>
      <c r="DA10" s="193">
        <v>0</v>
      </c>
      <c r="DB10" s="191">
        <v>0</v>
      </c>
      <c r="DC10" s="191">
        <v>0</v>
      </c>
      <c r="DD10" s="191">
        <v>0</v>
      </c>
      <c r="DE10" s="191">
        <v>0</v>
      </c>
      <c r="DF10" s="191">
        <v>0</v>
      </c>
      <c r="DG10" s="196">
        <v>0</v>
      </c>
      <c r="DH10" s="195">
        <v>0</v>
      </c>
      <c r="DI10" s="190">
        <v>0</v>
      </c>
      <c r="DJ10" s="191">
        <v>0</v>
      </c>
      <c r="DK10" s="196">
        <v>0</v>
      </c>
      <c r="DL10" s="193">
        <v>0</v>
      </c>
      <c r="DM10" s="191">
        <v>0</v>
      </c>
      <c r="DN10" s="191">
        <v>0</v>
      </c>
      <c r="DO10" s="191">
        <v>0</v>
      </c>
      <c r="DP10" s="191">
        <v>0</v>
      </c>
      <c r="DQ10" s="191">
        <v>0</v>
      </c>
      <c r="DR10" s="196">
        <v>0</v>
      </c>
      <c r="DS10" s="195">
        <v>0</v>
      </c>
      <c r="DT10" s="190">
        <v>21</v>
      </c>
      <c r="DU10" s="191">
        <v>23</v>
      </c>
      <c r="DV10" s="196">
        <v>44</v>
      </c>
      <c r="DW10" s="193">
        <v>0</v>
      </c>
      <c r="DX10" s="191">
        <v>92</v>
      </c>
      <c r="DY10" s="191">
        <v>90</v>
      </c>
      <c r="DZ10" s="191">
        <v>53</v>
      </c>
      <c r="EA10" s="191">
        <v>43</v>
      </c>
      <c r="EB10" s="191">
        <v>19</v>
      </c>
      <c r="EC10" s="196">
        <v>297</v>
      </c>
      <c r="ED10" s="195">
        <v>341</v>
      </c>
      <c r="EE10" s="190">
        <v>15</v>
      </c>
      <c r="EF10" s="191">
        <v>7</v>
      </c>
      <c r="EG10" s="196">
        <v>22</v>
      </c>
      <c r="EH10" s="193">
        <v>0</v>
      </c>
      <c r="EI10" s="191">
        <v>31</v>
      </c>
      <c r="EJ10" s="191">
        <v>21</v>
      </c>
      <c r="EK10" s="191">
        <v>21</v>
      </c>
      <c r="EL10" s="191">
        <v>23</v>
      </c>
      <c r="EM10" s="191">
        <v>10</v>
      </c>
      <c r="EN10" s="196">
        <v>106</v>
      </c>
      <c r="EO10" s="195">
        <v>128</v>
      </c>
      <c r="EP10" s="190">
        <v>21</v>
      </c>
      <c r="EQ10" s="191">
        <v>27</v>
      </c>
      <c r="ER10" s="196">
        <v>48</v>
      </c>
      <c r="ES10" s="193">
        <v>0</v>
      </c>
      <c r="ET10" s="191">
        <v>211</v>
      </c>
      <c r="EU10" s="191">
        <v>115</v>
      </c>
      <c r="EV10" s="191">
        <v>61</v>
      </c>
      <c r="EW10" s="191">
        <v>45</v>
      </c>
      <c r="EX10" s="191">
        <v>20</v>
      </c>
      <c r="EY10" s="196">
        <v>452</v>
      </c>
      <c r="EZ10" s="195">
        <v>500</v>
      </c>
    </row>
    <row r="11" spans="2:156" ht="21" customHeight="1" x14ac:dyDescent="0.2">
      <c r="B11" s="106" t="s">
        <v>8</v>
      </c>
      <c r="C11" s="190">
        <v>0</v>
      </c>
      <c r="D11" s="191">
        <v>0</v>
      </c>
      <c r="E11" s="192">
        <v>0</v>
      </c>
      <c r="F11" s="193">
        <v>0</v>
      </c>
      <c r="G11" s="191">
        <v>15</v>
      </c>
      <c r="H11" s="191">
        <v>26</v>
      </c>
      <c r="I11" s="191">
        <v>20</v>
      </c>
      <c r="J11" s="191">
        <v>13</v>
      </c>
      <c r="K11" s="191">
        <v>11</v>
      </c>
      <c r="L11" s="194">
        <v>85</v>
      </c>
      <c r="M11" s="195">
        <v>85</v>
      </c>
      <c r="N11" s="190">
        <v>0</v>
      </c>
      <c r="O11" s="191">
        <v>0</v>
      </c>
      <c r="P11" s="196">
        <v>0</v>
      </c>
      <c r="Q11" s="193">
        <v>0</v>
      </c>
      <c r="R11" s="191">
        <v>0</v>
      </c>
      <c r="S11" s="191">
        <v>1</v>
      </c>
      <c r="T11" s="191">
        <v>1</v>
      </c>
      <c r="U11" s="191">
        <v>1</v>
      </c>
      <c r="V11" s="191">
        <v>1</v>
      </c>
      <c r="W11" s="196">
        <v>4</v>
      </c>
      <c r="X11" s="195">
        <v>4</v>
      </c>
      <c r="Y11" s="190">
        <v>6</v>
      </c>
      <c r="Z11" s="191">
        <v>5</v>
      </c>
      <c r="AA11" s="196">
        <v>11</v>
      </c>
      <c r="AB11" s="193">
        <v>0</v>
      </c>
      <c r="AC11" s="191">
        <v>16</v>
      </c>
      <c r="AD11" s="191">
        <v>28</v>
      </c>
      <c r="AE11" s="191">
        <v>13</v>
      </c>
      <c r="AF11" s="191">
        <v>14</v>
      </c>
      <c r="AG11" s="191">
        <v>14</v>
      </c>
      <c r="AH11" s="196">
        <v>85</v>
      </c>
      <c r="AI11" s="195">
        <v>96</v>
      </c>
      <c r="AJ11" s="190">
        <v>0</v>
      </c>
      <c r="AK11" s="191">
        <v>1</v>
      </c>
      <c r="AL11" s="196">
        <v>1</v>
      </c>
      <c r="AM11" s="193">
        <v>0</v>
      </c>
      <c r="AN11" s="191">
        <v>5</v>
      </c>
      <c r="AO11" s="191">
        <v>4</v>
      </c>
      <c r="AP11" s="191">
        <v>3</v>
      </c>
      <c r="AQ11" s="191">
        <v>2</v>
      </c>
      <c r="AR11" s="191">
        <v>0</v>
      </c>
      <c r="AS11" s="196">
        <v>14</v>
      </c>
      <c r="AT11" s="195">
        <v>15</v>
      </c>
      <c r="AU11" s="190">
        <v>3</v>
      </c>
      <c r="AV11" s="191">
        <v>3</v>
      </c>
      <c r="AW11" s="196">
        <v>6</v>
      </c>
      <c r="AX11" s="193">
        <v>0</v>
      </c>
      <c r="AY11" s="191">
        <v>33</v>
      </c>
      <c r="AZ11" s="191">
        <v>31</v>
      </c>
      <c r="BA11" s="191">
        <v>33</v>
      </c>
      <c r="BB11" s="191">
        <v>30</v>
      </c>
      <c r="BC11" s="191">
        <v>23</v>
      </c>
      <c r="BD11" s="194">
        <v>150</v>
      </c>
      <c r="BE11" s="195">
        <v>156</v>
      </c>
      <c r="BF11" s="190">
        <v>0</v>
      </c>
      <c r="BG11" s="191">
        <v>0</v>
      </c>
      <c r="BH11" s="196">
        <v>0</v>
      </c>
      <c r="BI11" s="193">
        <v>0</v>
      </c>
      <c r="BJ11" s="191">
        <v>26</v>
      </c>
      <c r="BK11" s="191">
        <v>27</v>
      </c>
      <c r="BL11" s="191">
        <v>17</v>
      </c>
      <c r="BM11" s="191">
        <v>6</v>
      </c>
      <c r="BN11" s="191">
        <v>7</v>
      </c>
      <c r="BO11" s="196">
        <v>83</v>
      </c>
      <c r="BP11" s="195">
        <v>83</v>
      </c>
      <c r="BQ11" s="190">
        <v>3</v>
      </c>
      <c r="BR11" s="191">
        <v>3</v>
      </c>
      <c r="BS11" s="196">
        <v>6</v>
      </c>
      <c r="BT11" s="193">
        <v>0</v>
      </c>
      <c r="BU11" s="191">
        <v>16</v>
      </c>
      <c r="BV11" s="191">
        <v>7</v>
      </c>
      <c r="BW11" s="191">
        <v>13</v>
      </c>
      <c r="BX11" s="191">
        <v>4</v>
      </c>
      <c r="BY11" s="191">
        <v>3</v>
      </c>
      <c r="BZ11" s="196">
        <v>43</v>
      </c>
      <c r="CA11" s="195">
        <v>49</v>
      </c>
      <c r="CB11" s="190">
        <v>1</v>
      </c>
      <c r="CC11" s="191">
        <v>0</v>
      </c>
      <c r="CD11" s="196">
        <v>1</v>
      </c>
      <c r="CE11" s="193">
        <v>0</v>
      </c>
      <c r="CF11" s="191">
        <v>6</v>
      </c>
      <c r="CG11" s="191">
        <v>12</v>
      </c>
      <c r="CH11" s="191">
        <v>13</v>
      </c>
      <c r="CI11" s="191">
        <v>3</v>
      </c>
      <c r="CJ11" s="191">
        <v>3</v>
      </c>
      <c r="CK11" s="196">
        <v>37</v>
      </c>
      <c r="CL11" s="195">
        <v>38</v>
      </c>
      <c r="CM11" s="190">
        <v>0</v>
      </c>
      <c r="CN11" s="191">
        <v>0</v>
      </c>
      <c r="CO11" s="196">
        <v>0</v>
      </c>
      <c r="CP11" s="193">
        <v>0</v>
      </c>
      <c r="CQ11" s="191">
        <v>1</v>
      </c>
      <c r="CR11" s="191">
        <v>0</v>
      </c>
      <c r="CS11" s="191">
        <v>1</v>
      </c>
      <c r="CT11" s="191">
        <v>0</v>
      </c>
      <c r="CU11" s="191">
        <v>1</v>
      </c>
      <c r="CV11" s="196">
        <v>3</v>
      </c>
      <c r="CW11" s="195">
        <v>3</v>
      </c>
      <c r="CX11" s="190">
        <v>0</v>
      </c>
      <c r="CY11" s="191">
        <v>0</v>
      </c>
      <c r="CZ11" s="196">
        <v>0</v>
      </c>
      <c r="DA11" s="193">
        <v>0</v>
      </c>
      <c r="DB11" s="191">
        <v>0</v>
      </c>
      <c r="DC11" s="191">
        <v>0</v>
      </c>
      <c r="DD11" s="191">
        <v>0</v>
      </c>
      <c r="DE11" s="191">
        <v>0</v>
      </c>
      <c r="DF11" s="191">
        <v>0</v>
      </c>
      <c r="DG11" s="196">
        <v>0</v>
      </c>
      <c r="DH11" s="195">
        <v>0</v>
      </c>
      <c r="DI11" s="190">
        <v>0</v>
      </c>
      <c r="DJ11" s="191">
        <v>0</v>
      </c>
      <c r="DK11" s="196">
        <v>0</v>
      </c>
      <c r="DL11" s="193">
        <v>0</v>
      </c>
      <c r="DM11" s="191">
        <v>0</v>
      </c>
      <c r="DN11" s="191">
        <v>0</v>
      </c>
      <c r="DO11" s="191">
        <v>0</v>
      </c>
      <c r="DP11" s="191">
        <v>0</v>
      </c>
      <c r="DQ11" s="191">
        <v>0</v>
      </c>
      <c r="DR11" s="196">
        <v>0</v>
      </c>
      <c r="DS11" s="195">
        <v>0</v>
      </c>
      <c r="DT11" s="190">
        <v>18</v>
      </c>
      <c r="DU11" s="191">
        <v>21</v>
      </c>
      <c r="DV11" s="196">
        <v>39</v>
      </c>
      <c r="DW11" s="193">
        <v>0</v>
      </c>
      <c r="DX11" s="191">
        <v>49</v>
      </c>
      <c r="DY11" s="191">
        <v>71</v>
      </c>
      <c r="DZ11" s="191">
        <v>48</v>
      </c>
      <c r="EA11" s="191">
        <v>25</v>
      </c>
      <c r="EB11" s="191">
        <v>19</v>
      </c>
      <c r="EC11" s="196">
        <v>212</v>
      </c>
      <c r="ED11" s="195">
        <v>251</v>
      </c>
      <c r="EE11" s="190">
        <v>3</v>
      </c>
      <c r="EF11" s="191">
        <v>2</v>
      </c>
      <c r="EG11" s="196">
        <v>5</v>
      </c>
      <c r="EH11" s="193">
        <v>0</v>
      </c>
      <c r="EI11" s="191">
        <v>14</v>
      </c>
      <c r="EJ11" s="191">
        <v>15</v>
      </c>
      <c r="EK11" s="191">
        <v>7</v>
      </c>
      <c r="EL11" s="191">
        <v>10</v>
      </c>
      <c r="EM11" s="191">
        <v>6</v>
      </c>
      <c r="EN11" s="196">
        <v>52</v>
      </c>
      <c r="EO11" s="195">
        <v>57</v>
      </c>
      <c r="EP11" s="190">
        <v>27</v>
      </c>
      <c r="EQ11" s="191">
        <v>24</v>
      </c>
      <c r="ER11" s="196">
        <v>51</v>
      </c>
      <c r="ES11" s="193">
        <v>0</v>
      </c>
      <c r="ET11" s="191">
        <v>101</v>
      </c>
      <c r="EU11" s="191">
        <v>86</v>
      </c>
      <c r="EV11" s="191">
        <v>54</v>
      </c>
      <c r="EW11" s="191">
        <v>28</v>
      </c>
      <c r="EX11" s="191">
        <v>21</v>
      </c>
      <c r="EY11" s="196">
        <v>290</v>
      </c>
      <c r="EZ11" s="195">
        <v>341</v>
      </c>
    </row>
    <row r="12" spans="2:156" ht="21" customHeight="1" x14ac:dyDescent="0.2">
      <c r="B12" s="106" t="s">
        <v>9</v>
      </c>
      <c r="C12" s="190">
        <v>0</v>
      </c>
      <c r="D12" s="191">
        <v>0</v>
      </c>
      <c r="E12" s="192">
        <v>0</v>
      </c>
      <c r="F12" s="193">
        <v>0</v>
      </c>
      <c r="G12" s="191">
        <v>72</v>
      </c>
      <c r="H12" s="191">
        <v>61</v>
      </c>
      <c r="I12" s="191">
        <v>45</v>
      </c>
      <c r="J12" s="191">
        <v>36</v>
      </c>
      <c r="K12" s="191">
        <v>20</v>
      </c>
      <c r="L12" s="194">
        <v>234</v>
      </c>
      <c r="M12" s="195">
        <v>234</v>
      </c>
      <c r="N12" s="190">
        <v>0</v>
      </c>
      <c r="O12" s="191">
        <v>0</v>
      </c>
      <c r="P12" s="196">
        <v>0</v>
      </c>
      <c r="Q12" s="193">
        <v>0</v>
      </c>
      <c r="R12" s="191">
        <v>1</v>
      </c>
      <c r="S12" s="191">
        <v>0</v>
      </c>
      <c r="T12" s="191">
        <v>1</v>
      </c>
      <c r="U12" s="191">
        <v>6</v>
      </c>
      <c r="V12" s="191">
        <v>7</v>
      </c>
      <c r="W12" s="196">
        <v>15</v>
      </c>
      <c r="X12" s="195">
        <v>15</v>
      </c>
      <c r="Y12" s="190">
        <v>11</v>
      </c>
      <c r="Z12" s="191">
        <v>16</v>
      </c>
      <c r="AA12" s="196">
        <v>27</v>
      </c>
      <c r="AB12" s="193">
        <v>0</v>
      </c>
      <c r="AC12" s="191">
        <v>46</v>
      </c>
      <c r="AD12" s="191">
        <v>49</v>
      </c>
      <c r="AE12" s="191">
        <v>30</v>
      </c>
      <c r="AF12" s="191">
        <v>31</v>
      </c>
      <c r="AG12" s="191">
        <v>16</v>
      </c>
      <c r="AH12" s="196">
        <v>172</v>
      </c>
      <c r="AI12" s="195">
        <v>199</v>
      </c>
      <c r="AJ12" s="190">
        <v>0</v>
      </c>
      <c r="AK12" s="191">
        <v>0</v>
      </c>
      <c r="AL12" s="196">
        <v>0</v>
      </c>
      <c r="AM12" s="193">
        <v>0</v>
      </c>
      <c r="AN12" s="191">
        <v>5</v>
      </c>
      <c r="AO12" s="191">
        <v>8</v>
      </c>
      <c r="AP12" s="191">
        <v>2</v>
      </c>
      <c r="AQ12" s="191">
        <v>4</v>
      </c>
      <c r="AR12" s="191">
        <v>3</v>
      </c>
      <c r="AS12" s="196">
        <v>22</v>
      </c>
      <c r="AT12" s="195">
        <v>22</v>
      </c>
      <c r="AU12" s="190">
        <v>21</v>
      </c>
      <c r="AV12" s="191">
        <v>13</v>
      </c>
      <c r="AW12" s="196">
        <v>34</v>
      </c>
      <c r="AX12" s="193">
        <v>0</v>
      </c>
      <c r="AY12" s="191">
        <v>72</v>
      </c>
      <c r="AZ12" s="191">
        <v>76</v>
      </c>
      <c r="BA12" s="191">
        <v>65</v>
      </c>
      <c r="BB12" s="191">
        <v>71</v>
      </c>
      <c r="BC12" s="191">
        <v>44</v>
      </c>
      <c r="BD12" s="194">
        <v>328</v>
      </c>
      <c r="BE12" s="195">
        <v>362</v>
      </c>
      <c r="BF12" s="190">
        <v>0</v>
      </c>
      <c r="BG12" s="191">
        <v>0</v>
      </c>
      <c r="BH12" s="196">
        <v>0</v>
      </c>
      <c r="BI12" s="193">
        <v>0</v>
      </c>
      <c r="BJ12" s="191">
        <v>74</v>
      </c>
      <c r="BK12" s="191">
        <v>47</v>
      </c>
      <c r="BL12" s="191">
        <v>27</v>
      </c>
      <c r="BM12" s="191">
        <v>14</v>
      </c>
      <c r="BN12" s="191">
        <v>4</v>
      </c>
      <c r="BO12" s="196">
        <v>166</v>
      </c>
      <c r="BP12" s="195">
        <v>166</v>
      </c>
      <c r="BQ12" s="190">
        <v>7</v>
      </c>
      <c r="BR12" s="191">
        <v>13</v>
      </c>
      <c r="BS12" s="196">
        <v>20</v>
      </c>
      <c r="BT12" s="193">
        <v>0</v>
      </c>
      <c r="BU12" s="191">
        <v>22</v>
      </c>
      <c r="BV12" s="191">
        <v>11</v>
      </c>
      <c r="BW12" s="191">
        <v>11</v>
      </c>
      <c r="BX12" s="191">
        <v>9</v>
      </c>
      <c r="BY12" s="191">
        <v>4</v>
      </c>
      <c r="BZ12" s="196">
        <v>57</v>
      </c>
      <c r="CA12" s="195">
        <v>77</v>
      </c>
      <c r="CB12" s="190">
        <v>1</v>
      </c>
      <c r="CC12" s="191">
        <v>0</v>
      </c>
      <c r="CD12" s="196">
        <v>1</v>
      </c>
      <c r="CE12" s="193">
        <v>0</v>
      </c>
      <c r="CF12" s="191">
        <v>7</v>
      </c>
      <c r="CG12" s="191">
        <v>5</v>
      </c>
      <c r="CH12" s="191">
        <v>12</v>
      </c>
      <c r="CI12" s="191">
        <v>9</v>
      </c>
      <c r="CJ12" s="191">
        <v>4</v>
      </c>
      <c r="CK12" s="196">
        <v>37</v>
      </c>
      <c r="CL12" s="195">
        <v>38</v>
      </c>
      <c r="CM12" s="190">
        <v>0</v>
      </c>
      <c r="CN12" s="191">
        <v>0</v>
      </c>
      <c r="CO12" s="196">
        <v>0</v>
      </c>
      <c r="CP12" s="193">
        <v>0</v>
      </c>
      <c r="CQ12" s="191">
        <v>1</v>
      </c>
      <c r="CR12" s="191">
        <v>3</v>
      </c>
      <c r="CS12" s="191">
        <v>4</v>
      </c>
      <c r="CT12" s="191">
        <v>3</v>
      </c>
      <c r="CU12" s="191">
        <v>1</v>
      </c>
      <c r="CV12" s="196">
        <v>12</v>
      </c>
      <c r="CW12" s="195">
        <v>12</v>
      </c>
      <c r="CX12" s="190">
        <v>0</v>
      </c>
      <c r="CY12" s="191">
        <v>0</v>
      </c>
      <c r="CZ12" s="196">
        <v>0</v>
      </c>
      <c r="DA12" s="193">
        <v>0</v>
      </c>
      <c r="DB12" s="191">
        <v>0</v>
      </c>
      <c r="DC12" s="191">
        <v>0</v>
      </c>
      <c r="DD12" s="191">
        <v>0</v>
      </c>
      <c r="DE12" s="191">
        <v>0</v>
      </c>
      <c r="DF12" s="191">
        <v>0</v>
      </c>
      <c r="DG12" s="196">
        <v>0</v>
      </c>
      <c r="DH12" s="195">
        <v>0</v>
      </c>
      <c r="DI12" s="190">
        <v>0</v>
      </c>
      <c r="DJ12" s="191">
        <v>0</v>
      </c>
      <c r="DK12" s="196">
        <v>0</v>
      </c>
      <c r="DL12" s="193">
        <v>0</v>
      </c>
      <c r="DM12" s="191">
        <v>0</v>
      </c>
      <c r="DN12" s="191">
        <v>0</v>
      </c>
      <c r="DO12" s="191">
        <v>0</v>
      </c>
      <c r="DP12" s="191">
        <v>0</v>
      </c>
      <c r="DQ12" s="191">
        <v>0</v>
      </c>
      <c r="DR12" s="196">
        <v>0</v>
      </c>
      <c r="DS12" s="195">
        <v>0</v>
      </c>
      <c r="DT12" s="190">
        <v>31</v>
      </c>
      <c r="DU12" s="191">
        <v>47</v>
      </c>
      <c r="DV12" s="196">
        <v>78</v>
      </c>
      <c r="DW12" s="193">
        <v>0</v>
      </c>
      <c r="DX12" s="191">
        <v>96</v>
      </c>
      <c r="DY12" s="191">
        <v>120</v>
      </c>
      <c r="DZ12" s="191">
        <v>65</v>
      </c>
      <c r="EA12" s="191">
        <v>58</v>
      </c>
      <c r="EB12" s="191">
        <v>27</v>
      </c>
      <c r="EC12" s="196">
        <v>366</v>
      </c>
      <c r="ED12" s="195">
        <v>444</v>
      </c>
      <c r="EE12" s="190">
        <v>17</v>
      </c>
      <c r="EF12" s="191">
        <v>8</v>
      </c>
      <c r="EG12" s="196">
        <v>25</v>
      </c>
      <c r="EH12" s="193">
        <v>0</v>
      </c>
      <c r="EI12" s="191">
        <v>41</v>
      </c>
      <c r="EJ12" s="191">
        <v>30</v>
      </c>
      <c r="EK12" s="191">
        <v>32</v>
      </c>
      <c r="EL12" s="191">
        <v>24</v>
      </c>
      <c r="EM12" s="191">
        <v>20</v>
      </c>
      <c r="EN12" s="196">
        <v>147</v>
      </c>
      <c r="EO12" s="195">
        <v>172</v>
      </c>
      <c r="EP12" s="190">
        <v>48</v>
      </c>
      <c r="EQ12" s="191">
        <v>60</v>
      </c>
      <c r="ER12" s="196">
        <v>108</v>
      </c>
      <c r="ES12" s="193">
        <v>0</v>
      </c>
      <c r="ET12" s="191">
        <v>186</v>
      </c>
      <c r="EU12" s="191">
        <v>152</v>
      </c>
      <c r="EV12" s="191">
        <v>81</v>
      </c>
      <c r="EW12" s="191">
        <v>66</v>
      </c>
      <c r="EX12" s="191">
        <v>26</v>
      </c>
      <c r="EY12" s="196">
        <v>511</v>
      </c>
      <c r="EZ12" s="195">
        <v>619</v>
      </c>
    </row>
    <row r="13" spans="2:156" ht="21" customHeight="1" x14ac:dyDescent="0.2">
      <c r="B13" s="106" t="s">
        <v>10</v>
      </c>
      <c r="C13" s="190">
        <v>0</v>
      </c>
      <c r="D13" s="191">
        <v>0</v>
      </c>
      <c r="E13" s="192">
        <v>0</v>
      </c>
      <c r="F13" s="193">
        <v>0</v>
      </c>
      <c r="G13" s="191">
        <v>86</v>
      </c>
      <c r="H13" s="191">
        <v>58</v>
      </c>
      <c r="I13" s="191">
        <v>39</v>
      </c>
      <c r="J13" s="191">
        <v>35</v>
      </c>
      <c r="K13" s="191">
        <v>28</v>
      </c>
      <c r="L13" s="194">
        <v>246</v>
      </c>
      <c r="M13" s="195">
        <v>246</v>
      </c>
      <c r="N13" s="190">
        <v>0</v>
      </c>
      <c r="O13" s="191">
        <v>0</v>
      </c>
      <c r="P13" s="196">
        <v>0</v>
      </c>
      <c r="Q13" s="193">
        <v>0</v>
      </c>
      <c r="R13" s="191">
        <v>1</v>
      </c>
      <c r="S13" s="191">
        <v>2</v>
      </c>
      <c r="T13" s="191">
        <v>4</v>
      </c>
      <c r="U13" s="191">
        <v>5</v>
      </c>
      <c r="V13" s="191">
        <v>6</v>
      </c>
      <c r="W13" s="196">
        <v>18</v>
      </c>
      <c r="X13" s="195">
        <v>18</v>
      </c>
      <c r="Y13" s="190">
        <v>18</v>
      </c>
      <c r="Z13" s="191">
        <v>31</v>
      </c>
      <c r="AA13" s="196">
        <v>49</v>
      </c>
      <c r="AB13" s="193">
        <v>0</v>
      </c>
      <c r="AC13" s="191">
        <v>75</v>
      </c>
      <c r="AD13" s="191">
        <v>42</v>
      </c>
      <c r="AE13" s="191">
        <v>29</v>
      </c>
      <c r="AF13" s="191">
        <v>33</v>
      </c>
      <c r="AG13" s="191">
        <v>12</v>
      </c>
      <c r="AH13" s="196">
        <v>191</v>
      </c>
      <c r="AI13" s="195">
        <v>240</v>
      </c>
      <c r="AJ13" s="190">
        <v>1</v>
      </c>
      <c r="AK13" s="191">
        <v>6</v>
      </c>
      <c r="AL13" s="196">
        <v>7</v>
      </c>
      <c r="AM13" s="193">
        <v>0</v>
      </c>
      <c r="AN13" s="191">
        <v>15</v>
      </c>
      <c r="AO13" s="191">
        <v>9</v>
      </c>
      <c r="AP13" s="191">
        <v>3</v>
      </c>
      <c r="AQ13" s="191">
        <v>5</v>
      </c>
      <c r="AR13" s="191">
        <v>2</v>
      </c>
      <c r="AS13" s="196">
        <v>34</v>
      </c>
      <c r="AT13" s="195">
        <v>41</v>
      </c>
      <c r="AU13" s="190">
        <v>21</v>
      </c>
      <c r="AV13" s="191">
        <v>29</v>
      </c>
      <c r="AW13" s="196">
        <v>50</v>
      </c>
      <c r="AX13" s="193">
        <v>0</v>
      </c>
      <c r="AY13" s="191">
        <v>100</v>
      </c>
      <c r="AZ13" s="191">
        <v>88</v>
      </c>
      <c r="BA13" s="191">
        <v>85</v>
      </c>
      <c r="BB13" s="191">
        <v>75</v>
      </c>
      <c r="BC13" s="191">
        <v>67</v>
      </c>
      <c r="BD13" s="194">
        <v>415</v>
      </c>
      <c r="BE13" s="195">
        <v>465</v>
      </c>
      <c r="BF13" s="190">
        <v>0</v>
      </c>
      <c r="BG13" s="191">
        <v>0</v>
      </c>
      <c r="BH13" s="196">
        <v>0</v>
      </c>
      <c r="BI13" s="193">
        <v>0</v>
      </c>
      <c r="BJ13" s="191">
        <v>124</v>
      </c>
      <c r="BK13" s="191">
        <v>52</v>
      </c>
      <c r="BL13" s="191">
        <v>38</v>
      </c>
      <c r="BM13" s="191">
        <v>19</v>
      </c>
      <c r="BN13" s="191">
        <v>9</v>
      </c>
      <c r="BO13" s="196">
        <v>242</v>
      </c>
      <c r="BP13" s="195">
        <v>242</v>
      </c>
      <c r="BQ13" s="190">
        <v>5</v>
      </c>
      <c r="BR13" s="191">
        <v>4</v>
      </c>
      <c r="BS13" s="196">
        <v>9</v>
      </c>
      <c r="BT13" s="193">
        <v>0</v>
      </c>
      <c r="BU13" s="191">
        <v>23</v>
      </c>
      <c r="BV13" s="191">
        <v>16</v>
      </c>
      <c r="BW13" s="191">
        <v>14</v>
      </c>
      <c r="BX13" s="191">
        <v>3</v>
      </c>
      <c r="BY13" s="191">
        <v>1</v>
      </c>
      <c r="BZ13" s="196">
        <v>57</v>
      </c>
      <c r="CA13" s="195">
        <v>66</v>
      </c>
      <c r="CB13" s="190">
        <v>1</v>
      </c>
      <c r="CC13" s="191">
        <v>2</v>
      </c>
      <c r="CD13" s="196">
        <v>3</v>
      </c>
      <c r="CE13" s="193">
        <v>0</v>
      </c>
      <c r="CF13" s="191">
        <v>13</v>
      </c>
      <c r="CG13" s="191">
        <v>14</v>
      </c>
      <c r="CH13" s="191">
        <v>14</v>
      </c>
      <c r="CI13" s="191">
        <v>7</v>
      </c>
      <c r="CJ13" s="191">
        <v>3</v>
      </c>
      <c r="CK13" s="196">
        <v>51</v>
      </c>
      <c r="CL13" s="195">
        <v>54</v>
      </c>
      <c r="CM13" s="190">
        <v>0</v>
      </c>
      <c r="CN13" s="191">
        <v>0</v>
      </c>
      <c r="CO13" s="196">
        <v>0</v>
      </c>
      <c r="CP13" s="193">
        <v>0</v>
      </c>
      <c r="CQ13" s="191">
        <v>1</v>
      </c>
      <c r="CR13" s="191">
        <v>2</v>
      </c>
      <c r="CS13" s="191">
        <v>2</v>
      </c>
      <c r="CT13" s="191">
        <v>1</v>
      </c>
      <c r="CU13" s="191">
        <v>1</v>
      </c>
      <c r="CV13" s="196">
        <v>7</v>
      </c>
      <c r="CW13" s="195">
        <v>7</v>
      </c>
      <c r="CX13" s="190">
        <v>0</v>
      </c>
      <c r="CY13" s="191">
        <v>0</v>
      </c>
      <c r="CZ13" s="196">
        <v>0</v>
      </c>
      <c r="DA13" s="193">
        <v>0</v>
      </c>
      <c r="DB13" s="191">
        <v>0</v>
      </c>
      <c r="DC13" s="191">
        <v>0</v>
      </c>
      <c r="DD13" s="191">
        <v>0</v>
      </c>
      <c r="DE13" s="191">
        <v>0</v>
      </c>
      <c r="DF13" s="191">
        <v>0</v>
      </c>
      <c r="DG13" s="196">
        <v>0</v>
      </c>
      <c r="DH13" s="195">
        <v>0</v>
      </c>
      <c r="DI13" s="190">
        <v>0</v>
      </c>
      <c r="DJ13" s="191">
        <v>0</v>
      </c>
      <c r="DK13" s="196">
        <v>0</v>
      </c>
      <c r="DL13" s="193">
        <v>0</v>
      </c>
      <c r="DM13" s="191">
        <v>0</v>
      </c>
      <c r="DN13" s="191">
        <v>0</v>
      </c>
      <c r="DO13" s="191">
        <v>0</v>
      </c>
      <c r="DP13" s="191">
        <v>0</v>
      </c>
      <c r="DQ13" s="191">
        <v>0</v>
      </c>
      <c r="DR13" s="196">
        <v>0</v>
      </c>
      <c r="DS13" s="195">
        <v>0</v>
      </c>
      <c r="DT13" s="190">
        <v>62</v>
      </c>
      <c r="DU13" s="191">
        <v>100</v>
      </c>
      <c r="DV13" s="196">
        <v>162</v>
      </c>
      <c r="DW13" s="193">
        <v>0</v>
      </c>
      <c r="DX13" s="191">
        <v>135</v>
      </c>
      <c r="DY13" s="191">
        <v>106</v>
      </c>
      <c r="DZ13" s="191">
        <v>81</v>
      </c>
      <c r="EA13" s="191">
        <v>58</v>
      </c>
      <c r="EB13" s="191">
        <v>39</v>
      </c>
      <c r="EC13" s="196">
        <v>419</v>
      </c>
      <c r="ED13" s="195">
        <v>581</v>
      </c>
      <c r="EE13" s="190">
        <v>7</v>
      </c>
      <c r="EF13" s="191">
        <v>9</v>
      </c>
      <c r="EG13" s="196">
        <v>16</v>
      </c>
      <c r="EH13" s="193">
        <v>0</v>
      </c>
      <c r="EI13" s="191">
        <v>35</v>
      </c>
      <c r="EJ13" s="191">
        <v>25</v>
      </c>
      <c r="EK13" s="191">
        <v>22</v>
      </c>
      <c r="EL13" s="191">
        <v>24</v>
      </c>
      <c r="EM13" s="191">
        <v>23</v>
      </c>
      <c r="EN13" s="196">
        <v>129</v>
      </c>
      <c r="EO13" s="195">
        <v>145</v>
      </c>
      <c r="EP13" s="190">
        <v>79</v>
      </c>
      <c r="EQ13" s="191">
        <v>115</v>
      </c>
      <c r="ER13" s="196">
        <v>194</v>
      </c>
      <c r="ES13" s="193">
        <v>0</v>
      </c>
      <c r="ET13" s="191">
        <v>270</v>
      </c>
      <c r="EU13" s="191">
        <v>143</v>
      </c>
      <c r="EV13" s="191">
        <v>96</v>
      </c>
      <c r="EW13" s="191">
        <v>69</v>
      </c>
      <c r="EX13" s="191">
        <v>37</v>
      </c>
      <c r="EY13" s="196">
        <v>615</v>
      </c>
      <c r="EZ13" s="195">
        <v>809</v>
      </c>
    </row>
    <row r="14" spans="2:156" ht="21" customHeight="1" x14ac:dyDescent="0.2">
      <c r="B14" s="106" t="s">
        <v>11</v>
      </c>
      <c r="C14" s="190">
        <v>0</v>
      </c>
      <c r="D14" s="191">
        <v>0</v>
      </c>
      <c r="E14" s="192">
        <v>0</v>
      </c>
      <c r="F14" s="193">
        <v>0</v>
      </c>
      <c r="G14" s="191">
        <v>21</v>
      </c>
      <c r="H14" s="191">
        <v>16</v>
      </c>
      <c r="I14" s="191">
        <v>6</v>
      </c>
      <c r="J14" s="191">
        <v>8</v>
      </c>
      <c r="K14" s="191">
        <v>8</v>
      </c>
      <c r="L14" s="194">
        <v>59</v>
      </c>
      <c r="M14" s="195">
        <v>59</v>
      </c>
      <c r="N14" s="190">
        <v>0</v>
      </c>
      <c r="O14" s="191">
        <v>0</v>
      </c>
      <c r="P14" s="196">
        <v>0</v>
      </c>
      <c r="Q14" s="193">
        <v>0</v>
      </c>
      <c r="R14" s="191">
        <v>0</v>
      </c>
      <c r="S14" s="191">
        <v>1</v>
      </c>
      <c r="T14" s="191">
        <v>2</v>
      </c>
      <c r="U14" s="191">
        <v>3</v>
      </c>
      <c r="V14" s="191">
        <v>2</v>
      </c>
      <c r="W14" s="196">
        <v>8</v>
      </c>
      <c r="X14" s="195">
        <v>8</v>
      </c>
      <c r="Y14" s="190">
        <v>5</v>
      </c>
      <c r="Z14" s="191">
        <v>4</v>
      </c>
      <c r="AA14" s="196">
        <v>9</v>
      </c>
      <c r="AB14" s="193">
        <v>0</v>
      </c>
      <c r="AC14" s="191">
        <v>24</v>
      </c>
      <c r="AD14" s="191">
        <v>24</v>
      </c>
      <c r="AE14" s="191">
        <v>8</v>
      </c>
      <c r="AF14" s="191">
        <v>12</v>
      </c>
      <c r="AG14" s="191">
        <v>7</v>
      </c>
      <c r="AH14" s="196">
        <v>75</v>
      </c>
      <c r="AI14" s="195">
        <v>84</v>
      </c>
      <c r="AJ14" s="190">
        <v>0</v>
      </c>
      <c r="AK14" s="191">
        <v>0</v>
      </c>
      <c r="AL14" s="196">
        <v>0</v>
      </c>
      <c r="AM14" s="193">
        <v>0</v>
      </c>
      <c r="AN14" s="191">
        <v>1</v>
      </c>
      <c r="AO14" s="191">
        <v>4</v>
      </c>
      <c r="AP14" s="191">
        <v>2</v>
      </c>
      <c r="AQ14" s="191">
        <v>1</v>
      </c>
      <c r="AR14" s="191">
        <v>1</v>
      </c>
      <c r="AS14" s="196">
        <v>9</v>
      </c>
      <c r="AT14" s="195">
        <v>9</v>
      </c>
      <c r="AU14" s="190">
        <v>7</v>
      </c>
      <c r="AV14" s="191">
        <v>4</v>
      </c>
      <c r="AW14" s="196">
        <v>11</v>
      </c>
      <c r="AX14" s="193">
        <v>0</v>
      </c>
      <c r="AY14" s="191">
        <v>20</v>
      </c>
      <c r="AZ14" s="191">
        <v>35</v>
      </c>
      <c r="BA14" s="191">
        <v>23</v>
      </c>
      <c r="BB14" s="191">
        <v>21</v>
      </c>
      <c r="BC14" s="191">
        <v>19</v>
      </c>
      <c r="BD14" s="194">
        <v>118</v>
      </c>
      <c r="BE14" s="195">
        <v>129</v>
      </c>
      <c r="BF14" s="190">
        <v>0</v>
      </c>
      <c r="BG14" s="191">
        <v>0</v>
      </c>
      <c r="BH14" s="196">
        <v>0</v>
      </c>
      <c r="BI14" s="193">
        <v>0</v>
      </c>
      <c r="BJ14" s="191">
        <v>18</v>
      </c>
      <c r="BK14" s="191">
        <v>16</v>
      </c>
      <c r="BL14" s="191">
        <v>9</v>
      </c>
      <c r="BM14" s="191">
        <v>5</v>
      </c>
      <c r="BN14" s="191">
        <v>4</v>
      </c>
      <c r="BO14" s="196">
        <v>52</v>
      </c>
      <c r="BP14" s="195">
        <v>52</v>
      </c>
      <c r="BQ14" s="190">
        <v>3</v>
      </c>
      <c r="BR14" s="191">
        <v>7</v>
      </c>
      <c r="BS14" s="196">
        <v>10</v>
      </c>
      <c r="BT14" s="193">
        <v>0</v>
      </c>
      <c r="BU14" s="191">
        <v>10</v>
      </c>
      <c r="BV14" s="191">
        <v>8</v>
      </c>
      <c r="BW14" s="191">
        <v>6</v>
      </c>
      <c r="BX14" s="191">
        <v>4</v>
      </c>
      <c r="BY14" s="191">
        <v>1</v>
      </c>
      <c r="BZ14" s="196">
        <v>29</v>
      </c>
      <c r="CA14" s="195">
        <v>39</v>
      </c>
      <c r="CB14" s="190">
        <v>0</v>
      </c>
      <c r="CC14" s="191">
        <v>0</v>
      </c>
      <c r="CD14" s="196">
        <v>0</v>
      </c>
      <c r="CE14" s="193">
        <v>0</v>
      </c>
      <c r="CF14" s="191">
        <v>0</v>
      </c>
      <c r="CG14" s="191">
        <v>1</v>
      </c>
      <c r="CH14" s="191">
        <v>2</v>
      </c>
      <c r="CI14" s="191">
        <v>3</v>
      </c>
      <c r="CJ14" s="191">
        <v>3</v>
      </c>
      <c r="CK14" s="196">
        <v>9</v>
      </c>
      <c r="CL14" s="195">
        <v>9</v>
      </c>
      <c r="CM14" s="190">
        <v>0</v>
      </c>
      <c r="CN14" s="191">
        <v>0</v>
      </c>
      <c r="CO14" s="196">
        <v>0</v>
      </c>
      <c r="CP14" s="193">
        <v>0</v>
      </c>
      <c r="CQ14" s="191">
        <v>0</v>
      </c>
      <c r="CR14" s="191">
        <v>0</v>
      </c>
      <c r="CS14" s="191">
        <v>1</v>
      </c>
      <c r="CT14" s="191">
        <v>1</v>
      </c>
      <c r="CU14" s="191">
        <v>2</v>
      </c>
      <c r="CV14" s="196">
        <v>4</v>
      </c>
      <c r="CW14" s="195">
        <v>4</v>
      </c>
      <c r="CX14" s="190">
        <v>0</v>
      </c>
      <c r="CY14" s="191">
        <v>0</v>
      </c>
      <c r="CZ14" s="196">
        <v>0</v>
      </c>
      <c r="DA14" s="193">
        <v>0</v>
      </c>
      <c r="DB14" s="191">
        <v>0</v>
      </c>
      <c r="DC14" s="191">
        <v>0</v>
      </c>
      <c r="DD14" s="191">
        <v>0</v>
      </c>
      <c r="DE14" s="191">
        <v>0</v>
      </c>
      <c r="DF14" s="191">
        <v>0</v>
      </c>
      <c r="DG14" s="196">
        <v>0</v>
      </c>
      <c r="DH14" s="195">
        <v>0</v>
      </c>
      <c r="DI14" s="190">
        <v>0</v>
      </c>
      <c r="DJ14" s="191">
        <v>0</v>
      </c>
      <c r="DK14" s="196">
        <v>0</v>
      </c>
      <c r="DL14" s="193">
        <v>0</v>
      </c>
      <c r="DM14" s="191">
        <v>0</v>
      </c>
      <c r="DN14" s="191">
        <v>0</v>
      </c>
      <c r="DO14" s="191">
        <v>0</v>
      </c>
      <c r="DP14" s="191">
        <v>0</v>
      </c>
      <c r="DQ14" s="191">
        <v>0</v>
      </c>
      <c r="DR14" s="196">
        <v>0</v>
      </c>
      <c r="DS14" s="195">
        <v>0</v>
      </c>
      <c r="DT14" s="190">
        <v>23</v>
      </c>
      <c r="DU14" s="191">
        <v>25</v>
      </c>
      <c r="DV14" s="196">
        <v>48</v>
      </c>
      <c r="DW14" s="193">
        <v>0</v>
      </c>
      <c r="DX14" s="191">
        <v>43</v>
      </c>
      <c r="DY14" s="191">
        <v>52</v>
      </c>
      <c r="DZ14" s="191">
        <v>29</v>
      </c>
      <c r="EA14" s="191">
        <v>24</v>
      </c>
      <c r="EB14" s="191">
        <v>11</v>
      </c>
      <c r="EC14" s="196">
        <v>159</v>
      </c>
      <c r="ED14" s="195">
        <v>207</v>
      </c>
      <c r="EE14" s="190">
        <v>5</v>
      </c>
      <c r="EF14" s="191">
        <v>3</v>
      </c>
      <c r="EG14" s="196">
        <v>8</v>
      </c>
      <c r="EH14" s="193">
        <v>0</v>
      </c>
      <c r="EI14" s="191">
        <v>19</v>
      </c>
      <c r="EJ14" s="191">
        <v>13</v>
      </c>
      <c r="EK14" s="191">
        <v>9</v>
      </c>
      <c r="EL14" s="191">
        <v>16</v>
      </c>
      <c r="EM14" s="191">
        <v>11</v>
      </c>
      <c r="EN14" s="196">
        <v>68</v>
      </c>
      <c r="EO14" s="195">
        <v>76</v>
      </c>
      <c r="EP14" s="190">
        <v>29</v>
      </c>
      <c r="EQ14" s="191">
        <v>28</v>
      </c>
      <c r="ER14" s="196">
        <v>57</v>
      </c>
      <c r="ES14" s="193">
        <v>0</v>
      </c>
      <c r="ET14" s="191">
        <v>85</v>
      </c>
      <c r="EU14" s="191">
        <v>67</v>
      </c>
      <c r="EV14" s="191">
        <v>30</v>
      </c>
      <c r="EW14" s="191">
        <v>27</v>
      </c>
      <c r="EX14" s="191">
        <v>12</v>
      </c>
      <c r="EY14" s="196">
        <v>221</v>
      </c>
      <c r="EZ14" s="195">
        <v>278</v>
      </c>
    </row>
    <row r="15" spans="2:156" ht="21" customHeight="1" x14ac:dyDescent="0.2">
      <c r="B15" s="106" t="s">
        <v>12</v>
      </c>
      <c r="C15" s="190">
        <v>0</v>
      </c>
      <c r="D15" s="191">
        <v>0</v>
      </c>
      <c r="E15" s="192">
        <v>0</v>
      </c>
      <c r="F15" s="193">
        <v>0</v>
      </c>
      <c r="G15" s="191">
        <v>38</v>
      </c>
      <c r="H15" s="191">
        <v>29</v>
      </c>
      <c r="I15" s="191">
        <v>22</v>
      </c>
      <c r="J15" s="191">
        <v>12</v>
      </c>
      <c r="K15" s="191">
        <v>11</v>
      </c>
      <c r="L15" s="194">
        <v>112</v>
      </c>
      <c r="M15" s="195">
        <v>112</v>
      </c>
      <c r="N15" s="190">
        <v>0</v>
      </c>
      <c r="O15" s="191">
        <v>0</v>
      </c>
      <c r="P15" s="196">
        <v>0</v>
      </c>
      <c r="Q15" s="193">
        <v>0</v>
      </c>
      <c r="R15" s="191">
        <v>1</v>
      </c>
      <c r="S15" s="191">
        <v>1</v>
      </c>
      <c r="T15" s="191">
        <v>1</v>
      </c>
      <c r="U15" s="191">
        <v>4</v>
      </c>
      <c r="V15" s="191">
        <v>5</v>
      </c>
      <c r="W15" s="196">
        <v>12</v>
      </c>
      <c r="X15" s="195">
        <v>12</v>
      </c>
      <c r="Y15" s="190">
        <v>11</v>
      </c>
      <c r="Z15" s="191">
        <v>25</v>
      </c>
      <c r="AA15" s="196">
        <v>36</v>
      </c>
      <c r="AB15" s="193">
        <v>0</v>
      </c>
      <c r="AC15" s="191">
        <v>24</v>
      </c>
      <c r="AD15" s="191">
        <v>32</v>
      </c>
      <c r="AE15" s="191">
        <v>10</v>
      </c>
      <c r="AF15" s="191">
        <v>17</v>
      </c>
      <c r="AG15" s="191">
        <v>12</v>
      </c>
      <c r="AH15" s="196">
        <v>95</v>
      </c>
      <c r="AI15" s="195">
        <v>131</v>
      </c>
      <c r="AJ15" s="190">
        <v>1</v>
      </c>
      <c r="AK15" s="191">
        <v>1</v>
      </c>
      <c r="AL15" s="196">
        <v>2</v>
      </c>
      <c r="AM15" s="193">
        <v>0</v>
      </c>
      <c r="AN15" s="191">
        <v>2</v>
      </c>
      <c r="AO15" s="191">
        <v>1</v>
      </c>
      <c r="AP15" s="191">
        <v>1</v>
      </c>
      <c r="AQ15" s="191">
        <v>4</v>
      </c>
      <c r="AR15" s="191">
        <v>1</v>
      </c>
      <c r="AS15" s="196">
        <v>9</v>
      </c>
      <c r="AT15" s="195">
        <v>11</v>
      </c>
      <c r="AU15" s="190">
        <v>5</v>
      </c>
      <c r="AV15" s="191">
        <v>9</v>
      </c>
      <c r="AW15" s="196">
        <v>14</v>
      </c>
      <c r="AX15" s="193">
        <v>0</v>
      </c>
      <c r="AY15" s="191">
        <v>25</v>
      </c>
      <c r="AZ15" s="191">
        <v>31</v>
      </c>
      <c r="BA15" s="191">
        <v>32</v>
      </c>
      <c r="BB15" s="191">
        <v>33</v>
      </c>
      <c r="BC15" s="191">
        <v>23</v>
      </c>
      <c r="BD15" s="194">
        <v>144</v>
      </c>
      <c r="BE15" s="195">
        <v>158</v>
      </c>
      <c r="BF15" s="190">
        <v>0</v>
      </c>
      <c r="BG15" s="191">
        <v>0</v>
      </c>
      <c r="BH15" s="196">
        <v>0</v>
      </c>
      <c r="BI15" s="193">
        <v>0</v>
      </c>
      <c r="BJ15" s="191">
        <v>45</v>
      </c>
      <c r="BK15" s="191">
        <v>39</v>
      </c>
      <c r="BL15" s="191">
        <v>19</v>
      </c>
      <c r="BM15" s="191">
        <v>7</v>
      </c>
      <c r="BN15" s="191">
        <v>5</v>
      </c>
      <c r="BO15" s="196">
        <v>115</v>
      </c>
      <c r="BP15" s="195">
        <v>115</v>
      </c>
      <c r="BQ15" s="190">
        <v>7</v>
      </c>
      <c r="BR15" s="191">
        <v>10</v>
      </c>
      <c r="BS15" s="196">
        <v>17</v>
      </c>
      <c r="BT15" s="193">
        <v>0</v>
      </c>
      <c r="BU15" s="191">
        <v>13</v>
      </c>
      <c r="BV15" s="191">
        <v>10</v>
      </c>
      <c r="BW15" s="191">
        <v>9</v>
      </c>
      <c r="BX15" s="191">
        <v>2</v>
      </c>
      <c r="BY15" s="191">
        <v>1</v>
      </c>
      <c r="BZ15" s="196">
        <v>35</v>
      </c>
      <c r="CA15" s="195">
        <v>52</v>
      </c>
      <c r="CB15" s="190">
        <v>2</v>
      </c>
      <c r="CC15" s="191">
        <v>0</v>
      </c>
      <c r="CD15" s="196">
        <v>2</v>
      </c>
      <c r="CE15" s="193">
        <v>0</v>
      </c>
      <c r="CF15" s="191">
        <v>8</v>
      </c>
      <c r="CG15" s="191">
        <v>8</v>
      </c>
      <c r="CH15" s="191">
        <v>9</v>
      </c>
      <c r="CI15" s="191">
        <v>4</v>
      </c>
      <c r="CJ15" s="191">
        <v>1</v>
      </c>
      <c r="CK15" s="196">
        <v>30</v>
      </c>
      <c r="CL15" s="195">
        <v>32</v>
      </c>
      <c r="CM15" s="190">
        <v>0</v>
      </c>
      <c r="CN15" s="191">
        <v>0</v>
      </c>
      <c r="CO15" s="196">
        <v>0</v>
      </c>
      <c r="CP15" s="193">
        <v>0</v>
      </c>
      <c r="CQ15" s="191">
        <v>0</v>
      </c>
      <c r="CR15" s="191">
        <v>1</v>
      </c>
      <c r="CS15" s="191">
        <v>0</v>
      </c>
      <c r="CT15" s="191">
        <v>1</v>
      </c>
      <c r="CU15" s="191">
        <v>1</v>
      </c>
      <c r="CV15" s="196">
        <v>3</v>
      </c>
      <c r="CW15" s="195">
        <v>3</v>
      </c>
      <c r="CX15" s="190">
        <v>0</v>
      </c>
      <c r="CY15" s="191">
        <v>0</v>
      </c>
      <c r="CZ15" s="196">
        <v>0</v>
      </c>
      <c r="DA15" s="193">
        <v>0</v>
      </c>
      <c r="DB15" s="191">
        <v>0</v>
      </c>
      <c r="DC15" s="191">
        <v>0</v>
      </c>
      <c r="DD15" s="191">
        <v>0</v>
      </c>
      <c r="DE15" s="191">
        <v>0</v>
      </c>
      <c r="DF15" s="191">
        <v>0</v>
      </c>
      <c r="DG15" s="196">
        <v>0</v>
      </c>
      <c r="DH15" s="195">
        <v>0</v>
      </c>
      <c r="DI15" s="190">
        <v>0</v>
      </c>
      <c r="DJ15" s="191">
        <v>0</v>
      </c>
      <c r="DK15" s="196">
        <v>0</v>
      </c>
      <c r="DL15" s="193">
        <v>0</v>
      </c>
      <c r="DM15" s="191">
        <v>0</v>
      </c>
      <c r="DN15" s="191">
        <v>0</v>
      </c>
      <c r="DO15" s="191">
        <v>0</v>
      </c>
      <c r="DP15" s="191">
        <v>0</v>
      </c>
      <c r="DQ15" s="191">
        <v>0</v>
      </c>
      <c r="DR15" s="196">
        <v>0</v>
      </c>
      <c r="DS15" s="195">
        <v>0</v>
      </c>
      <c r="DT15" s="190">
        <v>25</v>
      </c>
      <c r="DU15" s="191">
        <v>66</v>
      </c>
      <c r="DV15" s="196">
        <v>91</v>
      </c>
      <c r="DW15" s="193">
        <v>0</v>
      </c>
      <c r="DX15" s="191">
        <v>36</v>
      </c>
      <c r="DY15" s="191">
        <v>71</v>
      </c>
      <c r="DZ15" s="191">
        <v>40</v>
      </c>
      <c r="EA15" s="191">
        <v>45</v>
      </c>
      <c r="EB15" s="191">
        <v>16</v>
      </c>
      <c r="EC15" s="196">
        <v>208</v>
      </c>
      <c r="ED15" s="195">
        <v>299</v>
      </c>
      <c r="EE15" s="190">
        <v>4</v>
      </c>
      <c r="EF15" s="191">
        <v>5</v>
      </c>
      <c r="EG15" s="196">
        <v>9</v>
      </c>
      <c r="EH15" s="193">
        <v>0</v>
      </c>
      <c r="EI15" s="191">
        <v>11</v>
      </c>
      <c r="EJ15" s="191">
        <v>12</v>
      </c>
      <c r="EK15" s="191">
        <v>13</v>
      </c>
      <c r="EL15" s="191">
        <v>14</v>
      </c>
      <c r="EM15" s="191">
        <v>10</v>
      </c>
      <c r="EN15" s="196">
        <v>60</v>
      </c>
      <c r="EO15" s="195">
        <v>69</v>
      </c>
      <c r="EP15" s="190">
        <v>43</v>
      </c>
      <c r="EQ15" s="191">
        <v>79</v>
      </c>
      <c r="ER15" s="196">
        <v>122</v>
      </c>
      <c r="ES15" s="193">
        <v>0</v>
      </c>
      <c r="ET15" s="191">
        <v>100</v>
      </c>
      <c r="EU15" s="191">
        <v>90</v>
      </c>
      <c r="EV15" s="191">
        <v>48</v>
      </c>
      <c r="EW15" s="191">
        <v>41</v>
      </c>
      <c r="EX15" s="191">
        <v>17</v>
      </c>
      <c r="EY15" s="196">
        <v>296</v>
      </c>
      <c r="EZ15" s="195">
        <v>418</v>
      </c>
    </row>
    <row r="16" spans="2:156" ht="21" customHeight="1" x14ac:dyDescent="0.2">
      <c r="B16" s="106" t="s">
        <v>13</v>
      </c>
      <c r="C16" s="190">
        <v>0</v>
      </c>
      <c r="D16" s="191">
        <v>0</v>
      </c>
      <c r="E16" s="192">
        <v>0</v>
      </c>
      <c r="F16" s="193">
        <v>0</v>
      </c>
      <c r="G16" s="191">
        <v>22</v>
      </c>
      <c r="H16" s="191">
        <v>30</v>
      </c>
      <c r="I16" s="191">
        <v>13</v>
      </c>
      <c r="J16" s="191">
        <v>9</v>
      </c>
      <c r="K16" s="191">
        <v>15</v>
      </c>
      <c r="L16" s="194">
        <v>89</v>
      </c>
      <c r="M16" s="195">
        <v>89</v>
      </c>
      <c r="N16" s="190">
        <v>0</v>
      </c>
      <c r="O16" s="191">
        <v>0</v>
      </c>
      <c r="P16" s="196">
        <v>0</v>
      </c>
      <c r="Q16" s="193">
        <v>0</v>
      </c>
      <c r="R16" s="191">
        <v>0</v>
      </c>
      <c r="S16" s="191">
        <v>1</v>
      </c>
      <c r="T16" s="191">
        <v>0</v>
      </c>
      <c r="U16" s="191">
        <v>1</v>
      </c>
      <c r="V16" s="191">
        <v>3</v>
      </c>
      <c r="W16" s="196">
        <v>5</v>
      </c>
      <c r="X16" s="195">
        <v>5</v>
      </c>
      <c r="Y16" s="190">
        <v>1</v>
      </c>
      <c r="Z16" s="191">
        <v>5</v>
      </c>
      <c r="AA16" s="196">
        <v>6</v>
      </c>
      <c r="AB16" s="193">
        <v>0</v>
      </c>
      <c r="AC16" s="191">
        <v>16</v>
      </c>
      <c r="AD16" s="191">
        <v>25</v>
      </c>
      <c r="AE16" s="191">
        <v>9</v>
      </c>
      <c r="AF16" s="191">
        <v>6</v>
      </c>
      <c r="AG16" s="191">
        <v>7</v>
      </c>
      <c r="AH16" s="196">
        <v>63</v>
      </c>
      <c r="AI16" s="195">
        <v>69</v>
      </c>
      <c r="AJ16" s="190">
        <v>0</v>
      </c>
      <c r="AK16" s="191">
        <v>0</v>
      </c>
      <c r="AL16" s="196">
        <v>0</v>
      </c>
      <c r="AM16" s="193">
        <v>0</v>
      </c>
      <c r="AN16" s="191">
        <v>2</v>
      </c>
      <c r="AO16" s="191">
        <v>3</v>
      </c>
      <c r="AP16" s="191">
        <v>1</v>
      </c>
      <c r="AQ16" s="191">
        <v>0</v>
      </c>
      <c r="AR16" s="191">
        <v>3</v>
      </c>
      <c r="AS16" s="196">
        <v>9</v>
      </c>
      <c r="AT16" s="195">
        <v>9</v>
      </c>
      <c r="AU16" s="190">
        <v>6</v>
      </c>
      <c r="AV16" s="191">
        <v>5</v>
      </c>
      <c r="AW16" s="196">
        <v>11</v>
      </c>
      <c r="AX16" s="193">
        <v>0</v>
      </c>
      <c r="AY16" s="191">
        <v>19</v>
      </c>
      <c r="AZ16" s="191">
        <v>37</v>
      </c>
      <c r="BA16" s="191">
        <v>15</v>
      </c>
      <c r="BB16" s="191">
        <v>12</v>
      </c>
      <c r="BC16" s="191">
        <v>19</v>
      </c>
      <c r="BD16" s="194">
        <v>102</v>
      </c>
      <c r="BE16" s="195">
        <v>113</v>
      </c>
      <c r="BF16" s="190">
        <v>0</v>
      </c>
      <c r="BG16" s="191">
        <v>0</v>
      </c>
      <c r="BH16" s="196">
        <v>0</v>
      </c>
      <c r="BI16" s="193">
        <v>0</v>
      </c>
      <c r="BJ16" s="191">
        <v>20</v>
      </c>
      <c r="BK16" s="191">
        <v>10</v>
      </c>
      <c r="BL16" s="191">
        <v>6</v>
      </c>
      <c r="BM16" s="191">
        <v>4</v>
      </c>
      <c r="BN16" s="191">
        <v>2</v>
      </c>
      <c r="BO16" s="196">
        <v>42</v>
      </c>
      <c r="BP16" s="195">
        <v>42</v>
      </c>
      <c r="BQ16" s="190">
        <v>1</v>
      </c>
      <c r="BR16" s="191">
        <v>0</v>
      </c>
      <c r="BS16" s="196">
        <v>1</v>
      </c>
      <c r="BT16" s="193">
        <v>0</v>
      </c>
      <c r="BU16" s="191">
        <v>3</v>
      </c>
      <c r="BV16" s="191">
        <v>2</v>
      </c>
      <c r="BW16" s="191">
        <v>2</v>
      </c>
      <c r="BX16" s="191">
        <v>3</v>
      </c>
      <c r="BY16" s="191">
        <v>0</v>
      </c>
      <c r="BZ16" s="196">
        <v>10</v>
      </c>
      <c r="CA16" s="195">
        <v>11</v>
      </c>
      <c r="CB16" s="190">
        <v>0</v>
      </c>
      <c r="CC16" s="191">
        <v>0</v>
      </c>
      <c r="CD16" s="196">
        <v>0</v>
      </c>
      <c r="CE16" s="193">
        <v>0</v>
      </c>
      <c r="CF16" s="191">
        <v>0</v>
      </c>
      <c r="CG16" s="191">
        <v>3</v>
      </c>
      <c r="CH16" s="191">
        <v>2</v>
      </c>
      <c r="CI16" s="191">
        <v>0</v>
      </c>
      <c r="CJ16" s="191">
        <v>0</v>
      </c>
      <c r="CK16" s="196">
        <v>5</v>
      </c>
      <c r="CL16" s="195">
        <v>5</v>
      </c>
      <c r="CM16" s="190">
        <v>0</v>
      </c>
      <c r="CN16" s="191">
        <v>0</v>
      </c>
      <c r="CO16" s="196">
        <v>0</v>
      </c>
      <c r="CP16" s="193">
        <v>0</v>
      </c>
      <c r="CQ16" s="191">
        <v>0</v>
      </c>
      <c r="CR16" s="191">
        <v>1</v>
      </c>
      <c r="CS16" s="191">
        <v>1</v>
      </c>
      <c r="CT16" s="191">
        <v>2</v>
      </c>
      <c r="CU16" s="191">
        <v>0</v>
      </c>
      <c r="CV16" s="196">
        <v>4</v>
      </c>
      <c r="CW16" s="195">
        <v>4</v>
      </c>
      <c r="CX16" s="190">
        <v>0</v>
      </c>
      <c r="CY16" s="191">
        <v>0</v>
      </c>
      <c r="CZ16" s="196">
        <v>0</v>
      </c>
      <c r="DA16" s="193">
        <v>0</v>
      </c>
      <c r="DB16" s="191">
        <v>0</v>
      </c>
      <c r="DC16" s="191">
        <v>0</v>
      </c>
      <c r="DD16" s="191">
        <v>0</v>
      </c>
      <c r="DE16" s="191">
        <v>0</v>
      </c>
      <c r="DF16" s="191">
        <v>0</v>
      </c>
      <c r="DG16" s="196">
        <v>0</v>
      </c>
      <c r="DH16" s="195">
        <v>0</v>
      </c>
      <c r="DI16" s="190">
        <v>0</v>
      </c>
      <c r="DJ16" s="191">
        <v>0</v>
      </c>
      <c r="DK16" s="196">
        <v>0</v>
      </c>
      <c r="DL16" s="193">
        <v>0</v>
      </c>
      <c r="DM16" s="191">
        <v>0</v>
      </c>
      <c r="DN16" s="191">
        <v>0</v>
      </c>
      <c r="DO16" s="191">
        <v>0</v>
      </c>
      <c r="DP16" s="191">
        <v>0</v>
      </c>
      <c r="DQ16" s="191">
        <v>0</v>
      </c>
      <c r="DR16" s="196">
        <v>0</v>
      </c>
      <c r="DS16" s="195">
        <v>0</v>
      </c>
      <c r="DT16" s="190">
        <v>4</v>
      </c>
      <c r="DU16" s="191">
        <v>14</v>
      </c>
      <c r="DV16" s="196">
        <v>18</v>
      </c>
      <c r="DW16" s="193">
        <v>0</v>
      </c>
      <c r="DX16" s="191">
        <v>19</v>
      </c>
      <c r="DY16" s="191">
        <v>42</v>
      </c>
      <c r="DZ16" s="191">
        <v>17</v>
      </c>
      <c r="EA16" s="191">
        <v>8</v>
      </c>
      <c r="EB16" s="191">
        <v>16</v>
      </c>
      <c r="EC16" s="196">
        <v>102</v>
      </c>
      <c r="ED16" s="195">
        <v>120</v>
      </c>
      <c r="EE16" s="190">
        <v>3</v>
      </c>
      <c r="EF16" s="191">
        <v>4</v>
      </c>
      <c r="EG16" s="196">
        <v>7</v>
      </c>
      <c r="EH16" s="193">
        <v>0</v>
      </c>
      <c r="EI16" s="191">
        <v>11</v>
      </c>
      <c r="EJ16" s="191">
        <v>7</v>
      </c>
      <c r="EK16" s="191">
        <v>7</v>
      </c>
      <c r="EL16" s="191">
        <v>6</v>
      </c>
      <c r="EM16" s="191">
        <v>2</v>
      </c>
      <c r="EN16" s="196">
        <v>33</v>
      </c>
      <c r="EO16" s="195">
        <v>40</v>
      </c>
      <c r="EP16" s="190">
        <v>5</v>
      </c>
      <c r="EQ16" s="191">
        <v>16</v>
      </c>
      <c r="ER16" s="196">
        <v>21</v>
      </c>
      <c r="ES16" s="193">
        <v>0</v>
      </c>
      <c r="ET16" s="191">
        <v>61</v>
      </c>
      <c r="EU16" s="191">
        <v>54</v>
      </c>
      <c r="EV16" s="191">
        <v>22</v>
      </c>
      <c r="EW16" s="191">
        <v>12</v>
      </c>
      <c r="EX16" s="191">
        <v>18</v>
      </c>
      <c r="EY16" s="196">
        <v>167</v>
      </c>
      <c r="EZ16" s="195">
        <v>188</v>
      </c>
    </row>
    <row r="17" spans="2:156" ht="21" customHeight="1" x14ac:dyDescent="0.2">
      <c r="B17" s="106" t="s">
        <v>15</v>
      </c>
      <c r="C17" s="190">
        <v>0</v>
      </c>
      <c r="D17" s="191">
        <v>0</v>
      </c>
      <c r="E17" s="192">
        <v>0</v>
      </c>
      <c r="F17" s="193">
        <v>0</v>
      </c>
      <c r="G17" s="191">
        <v>6</v>
      </c>
      <c r="H17" s="191">
        <v>3</v>
      </c>
      <c r="I17" s="191">
        <v>0</v>
      </c>
      <c r="J17" s="191">
        <v>1</v>
      </c>
      <c r="K17" s="191">
        <v>0</v>
      </c>
      <c r="L17" s="194">
        <v>10</v>
      </c>
      <c r="M17" s="195">
        <v>10</v>
      </c>
      <c r="N17" s="190">
        <v>0</v>
      </c>
      <c r="O17" s="191">
        <v>0</v>
      </c>
      <c r="P17" s="196">
        <v>0</v>
      </c>
      <c r="Q17" s="193">
        <v>0</v>
      </c>
      <c r="R17" s="191">
        <v>0</v>
      </c>
      <c r="S17" s="191">
        <v>1</v>
      </c>
      <c r="T17" s="191">
        <v>1</v>
      </c>
      <c r="U17" s="191">
        <v>0</v>
      </c>
      <c r="V17" s="191">
        <v>1</v>
      </c>
      <c r="W17" s="196">
        <v>3</v>
      </c>
      <c r="X17" s="195">
        <v>3</v>
      </c>
      <c r="Y17" s="190">
        <v>0</v>
      </c>
      <c r="Z17" s="191">
        <v>2</v>
      </c>
      <c r="AA17" s="196">
        <v>2</v>
      </c>
      <c r="AB17" s="193">
        <v>0</v>
      </c>
      <c r="AC17" s="191">
        <v>5</v>
      </c>
      <c r="AD17" s="191">
        <v>5</v>
      </c>
      <c r="AE17" s="191">
        <v>1</v>
      </c>
      <c r="AF17" s="191">
        <v>2</v>
      </c>
      <c r="AG17" s="191">
        <v>2</v>
      </c>
      <c r="AH17" s="196">
        <v>15</v>
      </c>
      <c r="AI17" s="195">
        <v>17</v>
      </c>
      <c r="AJ17" s="190">
        <v>0</v>
      </c>
      <c r="AK17" s="191">
        <v>0</v>
      </c>
      <c r="AL17" s="196">
        <v>0</v>
      </c>
      <c r="AM17" s="193">
        <v>0</v>
      </c>
      <c r="AN17" s="191">
        <v>0</v>
      </c>
      <c r="AO17" s="191">
        <v>1</v>
      </c>
      <c r="AP17" s="191">
        <v>0</v>
      </c>
      <c r="AQ17" s="191">
        <v>1</v>
      </c>
      <c r="AR17" s="191">
        <v>1</v>
      </c>
      <c r="AS17" s="196">
        <v>3</v>
      </c>
      <c r="AT17" s="195">
        <v>3</v>
      </c>
      <c r="AU17" s="190">
        <v>0</v>
      </c>
      <c r="AV17" s="191">
        <v>1</v>
      </c>
      <c r="AW17" s="196">
        <v>1</v>
      </c>
      <c r="AX17" s="193">
        <v>0</v>
      </c>
      <c r="AY17" s="191">
        <v>8</v>
      </c>
      <c r="AZ17" s="191">
        <v>5</v>
      </c>
      <c r="BA17" s="191">
        <v>4</v>
      </c>
      <c r="BB17" s="191">
        <v>2</v>
      </c>
      <c r="BC17" s="191">
        <v>4</v>
      </c>
      <c r="BD17" s="194">
        <v>23</v>
      </c>
      <c r="BE17" s="195">
        <v>24</v>
      </c>
      <c r="BF17" s="190">
        <v>0</v>
      </c>
      <c r="BG17" s="191">
        <v>0</v>
      </c>
      <c r="BH17" s="196">
        <v>0</v>
      </c>
      <c r="BI17" s="193">
        <v>0</v>
      </c>
      <c r="BJ17" s="191">
        <v>3</v>
      </c>
      <c r="BK17" s="191">
        <v>1</v>
      </c>
      <c r="BL17" s="191">
        <v>0</v>
      </c>
      <c r="BM17" s="191">
        <v>1</v>
      </c>
      <c r="BN17" s="191">
        <v>0</v>
      </c>
      <c r="BO17" s="196">
        <v>5</v>
      </c>
      <c r="BP17" s="195">
        <v>5</v>
      </c>
      <c r="BQ17" s="190">
        <v>1</v>
      </c>
      <c r="BR17" s="191">
        <v>0</v>
      </c>
      <c r="BS17" s="196">
        <v>1</v>
      </c>
      <c r="BT17" s="193">
        <v>0</v>
      </c>
      <c r="BU17" s="191">
        <v>0</v>
      </c>
      <c r="BV17" s="191">
        <v>2</v>
      </c>
      <c r="BW17" s="191">
        <v>1</v>
      </c>
      <c r="BX17" s="191">
        <v>1</v>
      </c>
      <c r="BY17" s="191">
        <v>1</v>
      </c>
      <c r="BZ17" s="196">
        <v>5</v>
      </c>
      <c r="CA17" s="195">
        <v>6</v>
      </c>
      <c r="CB17" s="190">
        <v>0</v>
      </c>
      <c r="CC17" s="191">
        <v>0</v>
      </c>
      <c r="CD17" s="196">
        <v>0</v>
      </c>
      <c r="CE17" s="193">
        <v>0</v>
      </c>
      <c r="CF17" s="191">
        <v>1</v>
      </c>
      <c r="CG17" s="191">
        <v>1</v>
      </c>
      <c r="CH17" s="191">
        <v>0</v>
      </c>
      <c r="CI17" s="191">
        <v>1</v>
      </c>
      <c r="CJ17" s="191">
        <v>1</v>
      </c>
      <c r="CK17" s="196">
        <v>4</v>
      </c>
      <c r="CL17" s="195">
        <v>4</v>
      </c>
      <c r="CM17" s="190">
        <v>0</v>
      </c>
      <c r="CN17" s="191">
        <v>0</v>
      </c>
      <c r="CO17" s="196">
        <v>0</v>
      </c>
      <c r="CP17" s="193">
        <v>0</v>
      </c>
      <c r="CQ17" s="191">
        <v>0</v>
      </c>
      <c r="CR17" s="191">
        <v>2</v>
      </c>
      <c r="CS17" s="191">
        <v>1</v>
      </c>
      <c r="CT17" s="191">
        <v>0</v>
      </c>
      <c r="CU17" s="191">
        <v>0</v>
      </c>
      <c r="CV17" s="196">
        <v>3</v>
      </c>
      <c r="CW17" s="195">
        <v>3</v>
      </c>
      <c r="CX17" s="190">
        <v>0</v>
      </c>
      <c r="CY17" s="191">
        <v>0</v>
      </c>
      <c r="CZ17" s="196">
        <v>0</v>
      </c>
      <c r="DA17" s="193">
        <v>0</v>
      </c>
      <c r="DB17" s="191">
        <v>0</v>
      </c>
      <c r="DC17" s="191">
        <v>0</v>
      </c>
      <c r="DD17" s="191">
        <v>0</v>
      </c>
      <c r="DE17" s="191">
        <v>0</v>
      </c>
      <c r="DF17" s="191">
        <v>0</v>
      </c>
      <c r="DG17" s="196">
        <v>0</v>
      </c>
      <c r="DH17" s="195">
        <v>0</v>
      </c>
      <c r="DI17" s="190">
        <v>0</v>
      </c>
      <c r="DJ17" s="191">
        <v>0</v>
      </c>
      <c r="DK17" s="196">
        <v>0</v>
      </c>
      <c r="DL17" s="193">
        <v>0</v>
      </c>
      <c r="DM17" s="191">
        <v>0</v>
      </c>
      <c r="DN17" s="191">
        <v>0</v>
      </c>
      <c r="DO17" s="191">
        <v>0</v>
      </c>
      <c r="DP17" s="191">
        <v>0</v>
      </c>
      <c r="DQ17" s="191">
        <v>0</v>
      </c>
      <c r="DR17" s="196">
        <v>0</v>
      </c>
      <c r="DS17" s="195">
        <v>0</v>
      </c>
      <c r="DT17" s="190">
        <v>2</v>
      </c>
      <c r="DU17" s="191">
        <v>5</v>
      </c>
      <c r="DV17" s="196">
        <v>7</v>
      </c>
      <c r="DW17" s="193">
        <v>0</v>
      </c>
      <c r="DX17" s="191">
        <v>8</v>
      </c>
      <c r="DY17" s="191">
        <v>10</v>
      </c>
      <c r="DZ17" s="191">
        <v>4</v>
      </c>
      <c r="EA17" s="191">
        <v>2</v>
      </c>
      <c r="EB17" s="191">
        <v>2</v>
      </c>
      <c r="EC17" s="196">
        <v>26</v>
      </c>
      <c r="ED17" s="195">
        <v>33</v>
      </c>
      <c r="EE17" s="190">
        <v>2</v>
      </c>
      <c r="EF17" s="191">
        <v>2</v>
      </c>
      <c r="EG17" s="196">
        <v>4</v>
      </c>
      <c r="EH17" s="193">
        <v>0</v>
      </c>
      <c r="EI17" s="191">
        <v>7</v>
      </c>
      <c r="EJ17" s="191">
        <v>1</v>
      </c>
      <c r="EK17" s="191">
        <v>2</v>
      </c>
      <c r="EL17" s="191">
        <v>1</v>
      </c>
      <c r="EM17" s="191">
        <v>4</v>
      </c>
      <c r="EN17" s="196">
        <v>15</v>
      </c>
      <c r="EO17" s="195">
        <v>19</v>
      </c>
      <c r="EP17" s="190">
        <v>3</v>
      </c>
      <c r="EQ17" s="191">
        <v>6</v>
      </c>
      <c r="ER17" s="196">
        <v>9</v>
      </c>
      <c r="ES17" s="193">
        <v>0</v>
      </c>
      <c r="ET17" s="191">
        <v>14</v>
      </c>
      <c r="EU17" s="191">
        <v>15</v>
      </c>
      <c r="EV17" s="191">
        <v>4</v>
      </c>
      <c r="EW17" s="191">
        <v>2</v>
      </c>
      <c r="EX17" s="191">
        <v>2</v>
      </c>
      <c r="EY17" s="196">
        <v>37</v>
      </c>
      <c r="EZ17" s="195">
        <v>46</v>
      </c>
    </row>
    <row r="18" spans="2:156" ht="21" customHeight="1" x14ac:dyDescent="0.2">
      <c r="B18" s="106" t="s">
        <v>16</v>
      </c>
      <c r="C18" s="190">
        <v>0</v>
      </c>
      <c r="D18" s="191">
        <v>0</v>
      </c>
      <c r="E18" s="192">
        <v>0</v>
      </c>
      <c r="F18" s="193">
        <v>0</v>
      </c>
      <c r="G18" s="191">
        <v>2</v>
      </c>
      <c r="H18" s="191">
        <v>21</v>
      </c>
      <c r="I18" s="191">
        <v>4</v>
      </c>
      <c r="J18" s="191">
        <v>7</v>
      </c>
      <c r="K18" s="191">
        <v>1</v>
      </c>
      <c r="L18" s="194">
        <v>35</v>
      </c>
      <c r="M18" s="195">
        <v>35</v>
      </c>
      <c r="N18" s="190">
        <v>0</v>
      </c>
      <c r="O18" s="191">
        <v>0</v>
      </c>
      <c r="P18" s="196">
        <v>0</v>
      </c>
      <c r="Q18" s="193">
        <v>0</v>
      </c>
      <c r="R18" s="191">
        <v>0</v>
      </c>
      <c r="S18" s="191">
        <v>0</v>
      </c>
      <c r="T18" s="191">
        <v>0</v>
      </c>
      <c r="U18" s="191">
        <v>2</v>
      </c>
      <c r="V18" s="191">
        <v>2</v>
      </c>
      <c r="W18" s="196">
        <v>4</v>
      </c>
      <c r="X18" s="195">
        <v>4</v>
      </c>
      <c r="Y18" s="190">
        <v>4</v>
      </c>
      <c r="Z18" s="191">
        <v>4</v>
      </c>
      <c r="AA18" s="196">
        <v>8</v>
      </c>
      <c r="AB18" s="193">
        <v>0</v>
      </c>
      <c r="AC18" s="191">
        <v>8</v>
      </c>
      <c r="AD18" s="191">
        <v>17</v>
      </c>
      <c r="AE18" s="191">
        <v>7</v>
      </c>
      <c r="AF18" s="191">
        <v>12</v>
      </c>
      <c r="AG18" s="191">
        <v>4</v>
      </c>
      <c r="AH18" s="196">
        <v>48</v>
      </c>
      <c r="AI18" s="195">
        <v>56</v>
      </c>
      <c r="AJ18" s="190">
        <v>1</v>
      </c>
      <c r="AK18" s="191">
        <v>0</v>
      </c>
      <c r="AL18" s="196">
        <v>1</v>
      </c>
      <c r="AM18" s="193">
        <v>0</v>
      </c>
      <c r="AN18" s="191">
        <v>0</v>
      </c>
      <c r="AO18" s="191">
        <v>0</v>
      </c>
      <c r="AP18" s="191">
        <v>0</v>
      </c>
      <c r="AQ18" s="191">
        <v>1</v>
      </c>
      <c r="AR18" s="191">
        <v>2</v>
      </c>
      <c r="AS18" s="196">
        <v>3</v>
      </c>
      <c r="AT18" s="195">
        <v>4</v>
      </c>
      <c r="AU18" s="190">
        <v>3</v>
      </c>
      <c r="AV18" s="191">
        <v>0</v>
      </c>
      <c r="AW18" s="196">
        <v>3</v>
      </c>
      <c r="AX18" s="193">
        <v>0</v>
      </c>
      <c r="AY18" s="191">
        <v>11</v>
      </c>
      <c r="AZ18" s="191">
        <v>19</v>
      </c>
      <c r="BA18" s="191">
        <v>14</v>
      </c>
      <c r="BB18" s="191">
        <v>13</v>
      </c>
      <c r="BC18" s="191">
        <v>11</v>
      </c>
      <c r="BD18" s="194">
        <v>68</v>
      </c>
      <c r="BE18" s="195">
        <v>71</v>
      </c>
      <c r="BF18" s="190">
        <v>0</v>
      </c>
      <c r="BG18" s="191">
        <v>0</v>
      </c>
      <c r="BH18" s="196">
        <v>0</v>
      </c>
      <c r="BI18" s="193">
        <v>0</v>
      </c>
      <c r="BJ18" s="191">
        <v>23</v>
      </c>
      <c r="BK18" s="191">
        <v>23</v>
      </c>
      <c r="BL18" s="191">
        <v>4</v>
      </c>
      <c r="BM18" s="191">
        <v>5</v>
      </c>
      <c r="BN18" s="191">
        <v>1</v>
      </c>
      <c r="BO18" s="196">
        <v>56</v>
      </c>
      <c r="BP18" s="195">
        <v>56</v>
      </c>
      <c r="BQ18" s="190">
        <v>4</v>
      </c>
      <c r="BR18" s="191">
        <v>6</v>
      </c>
      <c r="BS18" s="196">
        <v>10</v>
      </c>
      <c r="BT18" s="193">
        <v>0</v>
      </c>
      <c r="BU18" s="191">
        <v>12</v>
      </c>
      <c r="BV18" s="191">
        <v>13</v>
      </c>
      <c r="BW18" s="191">
        <v>6</v>
      </c>
      <c r="BX18" s="191">
        <v>1</v>
      </c>
      <c r="BY18" s="191">
        <v>1</v>
      </c>
      <c r="BZ18" s="196">
        <v>33</v>
      </c>
      <c r="CA18" s="195">
        <v>43</v>
      </c>
      <c r="CB18" s="190">
        <v>0</v>
      </c>
      <c r="CC18" s="191">
        <v>1</v>
      </c>
      <c r="CD18" s="196">
        <v>1</v>
      </c>
      <c r="CE18" s="193">
        <v>0</v>
      </c>
      <c r="CF18" s="191">
        <v>3</v>
      </c>
      <c r="CG18" s="191">
        <v>9</v>
      </c>
      <c r="CH18" s="191">
        <v>1</v>
      </c>
      <c r="CI18" s="191">
        <v>3</v>
      </c>
      <c r="CJ18" s="191">
        <v>2</v>
      </c>
      <c r="CK18" s="196">
        <v>18</v>
      </c>
      <c r="CL18" s="195">
        <v>19</v>
      </c>
      <c r="CM18" s="190">
        <v>0</v>
      </c>
      <c r="CN18" s="191">
        <v>0</v>
      </c>
      <c r="CO18" s="196">
        <v>0</v>
      </c>
      <c r="CP18" s="193">
        <v>0</v>
      </c>
      <c r="CQ18" s="191">
        <v>0</v>
      </c>
      <c r="CR18" s="191">
        <v>1</v>
      </c>
      <c r="CS18" s="191">
        <v>0</v>
      </c>
      <c r="CT18" s="191">
        <v>0</v>
      </c>
      <c r="CU18" s="191">
        <v>0</v>
      </c>
      <c r="CV18" s="196">
        <v>1</v>
      </c>
      <c r="CW18" s="195">
        <v>1</v>
      </c>
      <c r="CX18" s="190">
        <v>0</v>
      </c>
      <c r="CY18" s="191">
        <v>0</v>
      </c>
      <c r="CZ18" s="196">
        <v>0</v>
      </c>
      <c r="DA18" s="193">
        <v>0</v>
      </c>
      <c r="DB18" s="191">
        <v>0</v>
      </c>
      <c r="DC18" s="191">
        <v>0</v>
      </c>
      <c r="DD18" s="191">
        <v>0</v>
      </c>
      <c r="DE18" s="191">
        <v>0</v>
      </c>
      <c r="DF18" s="191">
        <v>0</v>
      </c>
      <c r="DG18" s="196">
        <v>0</v>
      </c>
      <c r="DH18" s="195">
        <v>0</v>
      </c>
      <c r="DI18" s="190">
        <v>0</v>
      </c>
      <c r="DJ18" s="191">
        <v>0</v>
      </c>
      <c r="DK18" s="196">
        <v>0</v>
      </c>
      <c r="DL18" s="193">
        <v>0</v>
      </c>
      <c r="DM18" s="191">
        <v>0</v>
      </c>
      <c r="DN18" s="191">
        <v>0</v>
      </c>
      <c r="DO18" s="191">
        <v>0</v>
      </c>
      <c r="DP18" s="191">
        <v>0</v>
      </c>
      <c r="DQ18" s="191">
        <v>0</v>
      </c>
      <c r="DR18" s="196">
        <v>0</v>
      </c>
      <c r="DS18" s="195">
        <v>0</v>
      </c>
      <c r="DT18" s="190">
        <v>9</v>
      </c>
      <c r="DU18" s="191">
        <v>20</v>
      </c>
      <c r="DV18" s="196">
        <v>29</v>
      </c>
      <c r="DW18" s="193">
        <v>0</v>
      </c>
      <c r="DX18" s="191">
        <v>19</v>
      </c>
      <c r="DY18" s="191">
        <v>45</v>
      </c>
      <c r="DZ18" s="191">
        <v>14</v>
      </c>
      <c r="EA18" s="191">
        <v>11</v>
      </c>
      <c r="EB18" s="191">
        <v>9</v>
      </c>
      <c r="EC18" s="196">
        <v>98</v>
      </c>
      <c r="ED18" s="195">
        <v>127</v>
      </c>
      <c r="EE18" s="190">
        <v>4</v>
      </c>
      <c r="EF18" s="191">
        <v>0</v>
      </c>
      <c r="EG18" s="196">
        <v>4</v>
      </c>
      <c r="EH18" s="193">
        <v>0</v>
      </c>
      <c r="EI18" s="191">
        <v>8</v>
      </c>
      <c r="EJ18" s="191">
        <v>10</v>
      </c>
      <c r="EK18" s="191">
        <v>11</v>
      </c>
      <c r="EL18" s="191">
        <v>10</v>
      </c>
      <c r="EM18" s="191">
        <v>7</v>
      </c>
      <c r="EN18" s="196">
        <v>46</v>
      </c>
      <c r="EO18" s="195">
        <v>50</v>
      </c>
      <c r="EP18" s="190">
        <v>17</v>
      </c>
      <c r="EQ18" s="191">
        <v>26</v>
      </c>
      <c r="ER18" s="196">
        <v>43</v>
      </c>
      <c r="ES18" s="193">
        <v>0</v>
      </c>
      <c r="ET18" s="191">
        <v>48</v>
      </c>
      <c r="EU18" s="191">
        <v>66</v>
      </c>
      <c r="EV18" s="191">
        <v>20</v>
      </c>
      <c r="EW18" s="191">
        <v>17</v>
      </c>
      <c r="EX18" s="191">
        <v>8</v>
      </c>
      <c r="EY18" s="196">
        <v>159</v>
      </c>
      <c r="EZ18" s="195">
        <v>202</v>
      </c>
    </row>
    <row r="19" spans="2:156" ht="21" customHeight="1" x14ac:dyDescent="0.2">
      <c r="B19" s="106" t="s">
        <v>17</v>
      </c>
      <c r="C19" s="190">
        <v>0</v>
      </c>
      <c r="D19" s="191">
        <v>0</v>
      </c>
      <c r="E19" s="192">
        <v>0</v>
      </c>
      <c r="F19" s="193">
        <v>0</v>
      </c>
      <c r="G19" s="191">
        <v>14</v>
      </c>
      <c r="H19" s="191">
        <v>30</v>
      </c>
      <c r="I19" s="191">
        <v>16</v>
      </c>
      <c r="J19" s="191">
        <v>13</v>
      </c>
      <c r="K19" s="191">
        <v>4</v>
      </c>
      <c r="L19" s="194">
        <v>77</v>
      </c>
      <c r="M19" s="195">
        <v>77</v>
      </c>
      <c r="N19" s="190">
        <v>0</v>
      </c>
      <c r="O19" s="191">
        <v>0</v>
      </c>
      <c r="P19" s="196">
        <v>0</v>
      </c>
      <c r="Q19" s="193">
        <v>0</v>
      </c>
      <c r="R19" s="191">
        <v>0</v>
      </c>
      <c r="S19" s="191">
        <v>0</v>
      </c>
      <c r="T19" s="191">
        <v>2</v>
      </c>
      <c r="U19" s="191">
        <v>4</v>
      </c>
      <c r="V19" s="191">
        <v>2</v>
      </c>
      <c r="W19" s="196">
        <v>8</v>
      </c>
      <c r="X19" s="195">
        <v>8</v>
      </c>
      <c r="Y19" s="190">
        <v>3</v>
      </c>
      <c r="Z19" s="191">
        <v>8</v>
      </c>
      <c r="AA19" s="196">
        <v>11</v>
      </c>
      <c r="AB19" s="193">
        <v>0</v>
      </c>
      <c r="AC19" s="191">
        <v>9</v>
      </c>
      <c r="AD19" s="191">
        <v>28</v>
      </c>
      <c r="AE19" s="191">
        <v>20</v>
      </c>
      <c r="AF19" s="191">
        <v>15</v>
      </c>
      <c r="AG19" s="191">
        <v>4</v>
      </c>
      <c r="AH19" s="196">
        <v>76</v>
      </c>
      <c r="AI19" s="195">
        <v>87</v>
      </c>
      <c r="AJ19" s="190">
        <v>2</v>
      </c>
      <c r="AK19" s="191">
        <v>0</v>
      </c>
      <c r="AL19" s="196">
        <v>2</v>
      </c>
      <c r="AM19" s="193">
        <v>0</v>
      </c>
      <c r="AN19" s="191">
        <v>2</v>
      </c>
      <c r="AO19" s="191">
        <v>5</v>
      </c>
      <c r="AP19" s="191">
        <v>5</v>
      </c>
      <c r="AQ19" s="191">
        <v>1</v>
      </c>
      <c r="AR19" s="191">
        <v>0</v>
      </c>
      <c r="AS19" s="196">
        <v>13</v>
      </c>
      <c r="AT19" s="195">
        <v>15</v>
      </c>
      <c r="AU19" s="190">
        <v>3</v>
      </c>
      <c r="AV19" s="191">
        <v>6</v>
      </c>
      <c r="AW19" s="196">
        <v>9</v>
      </c>
      <c r="AX19" s="193">
        <v>0</v>
      </c>
      <c r="AY19" s="191">
        <v>21</v>
      </c>
      <c r="AZ19" s="191">
        <v>30</v>
      </c>
      <c r="BA19" s="191">
        <v>31</v>
      </c>
      <c r="BB19" s="191">
        <v>33</v>
      </c>
      <c r="BC19" s="191">
        <v>16</v>
      </c>
      <c r="BD19" s="194">
        <v>131</v>
      </c>
      <c r="BE19" s="195">
        <v>140</v>
      </c>
      <c r="BF19" s="190">
        <v>0</v>
      </c>
      <c r="BG19" s="191">
        <v>0</v>
      </c>
      <c r="BH19" s="196">
        <v>0</v>
      </c>
      <c r="BI19" s="193">
        <v>0</v>
      </c>
      <c r="BJ19" s="191">
        <v>13</v>
      </c>
      <c r="BK19" s="191">
        <v>28</v>
      </c>
      <c r="BL19" s="191">
        <v>13</v>
      </c>
      <c r="BM19" s="191">
        <v>10</v>
      </c>
      <c r="BN19" s="191">
        <v>2</v>
      </c>
      <c r="BO19" s="196">
        <v>66</v>
      </c>
      <c r="BP19" s="195">
        <v>66</v>
      </c>
      <c r="BQ19" s="190">
        <v>5</v>
      </c>
      <c r="BR19" s="191">
        <v>6</v>
      </c>
      <c r="BS19" s="196">
        <v>11</v>
      </c>
      <c r="BT19" s="193">
        <v>0</v>
      </c>
      <c r="BU19" s="191">
        <v>6</v>
      </c>
      <c r="BV19" s="191">
        <v>12</v>
      </c>
      <c r="BW19" s="191">
        <v>9</v>
      </c>
      <c r="BX19" s="191">
        <v>5</v>
      </c>
      <c r="BY19" s="191">
        <v>1</v>
      </c>
      <c r="BZ19" s="196">
        <v>33</v>
      </c>
      <c r="CA19" s="195">
        <v>44</v>
      </c>
      <c r="CB19" s="190">
        <v>0</v>
      </c>
      <c r="CC19" s="191">
        <v>1</v>
      </c>
      <c r="CD19" s="196">
        <v>1</v>
      </c>
      <c r="CE19" s="193">
        <v>0</v>
      </c>
      <c r="CF19" s="191">
        <v>1</v>
      </c>
      <c r="CG19" s="191">
        <v>5</v>
      </c>
      <c r="CH19" s="191">
        <v>9</v>
      </c>
      <c r="CI19" s="191">
        <v>5</v>
      </c>
      <c r="CJ19" s="191">
        <v>0</v>
      </c>
      <c r="CK19" s="196">
        <v>20</v>
      </c>
      <c r="CL19" s="195">
        <v>21</v>
      </c>
      <c r="CM19" s="190">
        <v>0</v>
      </c>
      <c r="CN19" s="191">
        <v>0</v>
      </c>
      <c r="CO19" s="196">
        <v>0</v>
      </c>
      <c r="CP19" s="193">
        <v>0</v>
      </c>
      <c r="CQ19" s="191">
        <v>3</v>
      </c>
      <c r="CR19" s="191">
        <v>2</v>
      </c>
      <c r="CS19" s="191">
        <v>1</v>
      </c>
      <c r="CT19" s="191">
        <v>3</v>
      </c>
      <c r="CU19" s="191">
        <v>0</v>
      </c>
      <c r="CV19" s="196">
        <v>9</v>
      </c>
      <c r="CW19" s="195">
        <v>9</v>
      </c>
      <c r="CX19" s="190">
        <v>0</v>
      </c>
      <c r="CY19" s="191">
        <v>0</v>
      </c>
      <c r="CZ19" s="196">
        <v>0</v>
      </c>
      <c r="DA19" s="193">
        <v>0</v>
      </c>
      <c r="DB19" s="191">
        <v>0</v>
      </c>
      <c r="DC19" s="191">
        <v>0</v>
      </c>
      <c r="DD19" s="191">
        <v>0</v>
      </c>
      <c r="DE19" s="191">
        <v>0</v>
      </c>
      <c r="DF19" s="191">
        <v>0</v>
      </c>
      <c r="DG19" s="196">
        <v>0</v>
      </c>
      <c r="DH19" s="195">
        <v>0</v>
      </c>
      <c r="DI19" s="190">
        <v>0</v>
      </c>
      <c r="DJ19" s="191">
        <v>0</v>
      </c>
      <c r="DK19" s="196">
        <v>0</v>
      </c>
      <c r="DL19" s="193">
        <v>0</v>
      </c>
      <c r="DM19" s="191">
        <v>0</v>
      </c>
      <c r="DN19" s="191">
        <v>0</v>
      </c>
      <c r="DO19" s="191">
        <v>0</v>
      </c>
      <c r="DP19" s="191">
        <v>0</v>
      </c>
      <c r="DQ19" s="191">
        <v>0</v>
      </c>
      <c r="DR19" s="196">
        <v>0</v>
      </c>
      <c r="DS19" s="195">
        <v>0</v>
      </c>
      <c r="DT19" s="190">
        <v>12</v>
      </c>
      <c r="DU19" s="191">
        <v>28</v>
      </c>
      <c r="DV19" s="196">
        <v>40</v>
      </c>
      <c r="DW19" s="193">
        <v>0</v>
      </c>
      <c r="DX19" s="191">
        <v>23</v>
      </c>
      <c r="DY19" s="191">
        <v>72</v>
      </c>
      <c r="DZ19" s="191">
        <v>50</v>
      </c>
      <c r="EA19" s="191">
        <v>37</v>
      </c>
      <c r="EB19" s="191">
        <v>9</v>
      </c>
      <c r="EC19" s="196">
        <v>191</v>
      </c>
      <c r="ED19" s="195">
        <v>231</v>
      </c>
      <c r="EE19" s="190">
        <v>2</v>
      </c>
      <c r="EF19" s="191">
        <v>4</v>
      </c>
      <c r="EG19" s="196">
        <v>6</v>
      </c>
      <c r="EH19" s="193">
        <v>0</v>
      </c>
      <c r="EI19" s="191">
        <v>15</v>
      </c>
      <c r="EJ19" s="191">
        <v>6</v>
      </c>
      <c r="EK19" s="191">
        <v>10</v>
      </c>
      <c r="EL19" s="191">
        <v>13</v>
      </c>
      <c r="EM19" s="191">
        <v>10</v>
      </c>
      <c r="EN19" s="196">
        <v>54</v>
      </c>
      <c r="EO19" s="195">
        <v>60</v>
      </c>
      <c r="EP19" s="190">
        <v>20</v>
      </c>
      <c r="EQ19" s="191">
        <v>34</v>
      </c>
      <c r="ER19" s="196">
        <v>54</v>
      </c>
      <c r="ES19" s="193">
        <v>0</v>
      </c>
      <c r="ET19" s="191">
        <v>56</v>
      </c>
      <c r="EU19" s="191">
        <v>101</v>
      </c>
      <c r="EV19" s="191">
        <v>59</v>
      </c>
      <c r="EW19" s="191">
        <v>37</v>
      </c>
      <c r="EX19" s="191">
        <v>10</v>
      </c>
      <c r="EY19" s="196">
        <v>263</v>
      </c>
      <c r="EZ19" s="195">
        <v>317</v>
      </c>
    </row>
    <row r="20" spans="2:156" ht="21" customHeight="1" x14ac:dyDescent="0.2">
      <c r="B20" s="106" t="s">
        <v>18</v>
      </c>
      <c r="C20" s="190">
        <v>0</v>
      </c>
      <c r="D20" s="191">
        <v>0</v>
      </c>
      <c r="E20" s="192">
        <v>0</v>
      </c>
      <c r="F20" s="193">
        <v>0</v>
      </c>
      <c r="G20" s="191">
        <v>34</v>
      </c>
      <c r="H20" s="191">
        <v>30</v>
      </c>
      <c r="I20" s="191">
        <v>25</v>
      </c>
      <c r="J20" s="191">
        <v>9</v>
      </c>
      <c r="K20" s="191">
        <v>14</v>
      </c>
      <c r="L20" s="194">
        <v>112</v>
      </c>
      <c r="M20" s="195">
        <v>112</v>
      </c>
      <c r="N20" s="190">
        <v>0</v>
      </c>
      <c r="O20" s="191">
        <v>0</v>
      </c>
      <c r="P20" s="196">
        <v>0</v>
      </c>
      <c r="Q20" s="193">
        <v>0</v>
      </c>
      <c r="R20" s="191">
        <v>0</v>
      </c>
      <c r="S20" s="191">
        <v>0</v>
      </c>
      <c r="T20" s="191">
        <v>1</v>
      </c>
      <c r="U20" s="191">
        <v>2</v>
      </c>
      <c r="V20" s="191">
        <v>2</v>
      </c>
      <c r="W20" s="196">
        <v>5</v>
      </c>
      <c r="X20" s="195">
        <v>5</v>
      </c>
      <c r="Y20" s="190">
        <v>7</v>
      </c>
      <c r="Z20" s="191">
        <v>2</v>
      </c>
      <c r="AA20" s="196">
        <v>9</v>
      </c>
      <c r="AB20" s="193">
        <v>0</v>
      </c>
      <c r="AC20" s="191">
        <v>34</v>
      </c>
      <c r="AD20" s="191">
        <v>26</v>
      </c>
      <c r="AE20" s="191">
        <v>16</v>
      </c>
      <c r="AF20" s="191">
        <v>14</v>
      </c>
      <c r="AG20" s="191">
        <v>7</v>
      </c>
      <c r="AH20" s="196">
        <v>97</v>
      </c>
      <c r="AI20" s="195">
        <v>106</v>
      </c>
      <c r="AJ20" s="190">
        <v>1</v>
      </c>
      <c r="AK20" s="191">
        <v>1</v>
      </c>
      <c r="AL20" s="196">
        <v>2</v>
      </c>
      <c r="AM20" s="193">
        <v>0</v>
      </c>
      <c r="AN20" s="191">
        <v>2</v>
      </c>
      <c r="AO20" s="191">
        <v>5</v>
      </c>
      <c r="AP20" s="191">
        <v>1</v>
      </c>
      <c r="AQ20" s="191">
        <v>1</v>
      </c>
      <c r="AR20" s="191">
        <v>1</v>
      </c>
      <c r="AS20" s="196">
        <v>10</v>
      </c>
      <c r="AT20" s="195">
        <v>12</v>
      </c>
      <c r="AU20" s="190">
        <v>5</v>
      </c>
      <c r="AV20" s="191">
        <v>5</v>
      </c>
      <c r="AW20" s="196">
        <v>10</v>
      </c>
      <c r="AX20" s="193">
        <v>0</v>
      </c>
      <c r="AY20" s="191">
        <v>42</v>
      </c>
      <c r="AZ20" s="191">
        <v>33</v>
      </c>
      <c r="BA20" s="191">
        <v>41</v>
      </c>
      <c r="BB20" s="191">
        <v>29</v>
      </c>
      <c r="BC20" s="191">
        <v>29</v>
      </c>
      <c r="BD20" s="194">
        <v>174</v>
      </c>
      <c r="BE20" s="195">
        <v>184</v>
      </c>
      <c r="BF20" s="190">
        <v>0</v>
      </c>
      <c r="BG20" s="191">
        <v>0</v>
      </c>
      <c r="BH20" s="196">
        <v>0</v>
      </c>
      <c r="BI20" s="193">
        <v>0</v>
      </c>
      <c r="BJ20" s="191">
        <v>38</v>
      </c>
      <c r="BK20" s="191">
        <v>36</v>
      </c>
      <c r="BL20" s="191">
        <v>22</v>
      </c>
      <c r="BM20" s="191">
        <v>10</v>
      </c>
      <c r="BN20" s="191">
        <v>5</v>
      </c>
      <c r="BO20" s="196">
        <v>111</v>
      </c>
      <c r="BP20" s="195">
        <v>111</v>
      </c>
      <c r="BQ20" s="190">
        <v>5</v>
      </c>
      <c r="BR20" s="191">
        <v>10</v>
      </c>
      <c r="BS20" s="196">
        <v>15</v>
      </c>
      <c r="BT20" s="193">
        <v>0</v>
      </c>
      <c r="BU20" s="191">
        <v>18</v>
      </c>
      <c r="BV20" s="191">
        <v>15</v>
      </c>
      <c r="BW20" s="191">
        <v>7</v>
      </c>
      <c r="BX20" s="191">
        <v>9</v>
      </c>
      <c r="BY20" s="191">
        <v>2</v>
      </c>
      <c r="BZ20" s="196">
        <v>51</v>
      </c>
      <c r="CA20" s="195">
        <v>66</v>
      </c>
      <c r="CB20" s="190">
        <v>0</v>
      </c>
      <c r="CC20" s="191">
        <v>1</v>
      </c>
      <c r="CD20" s="196">
        <v>1</v>
      </c>
      <c r="CE20" s="193">
        <v>0</v>
      </c>
      <c r="CF20" s="191">
        <v>7</v>
      </c>
      <c r="CG20" s="191">
        <v>9</v>
      </c>
      <c r="CH20" s="191">
        <v>12</v>
      </c>
      <c r="CI20" s="191">
        <v>4</v>
      </c>
      <c r="CJ20" s="191">
        <v>5</v>
      </c>
      <c r="CK20" s="196">
        <v>37</v>
      </c>
      <c r="CL20" s="195">
        <v>38</v>
      </c>
      <c r="CM20" s="190">
        <v>0</v>
      </c>
      <c r="CN20" s="191">
        <v>0</v>
      </c>
      <c r="CO20" s="196">
        <v>0</v>
      </c>
      <c r="CP20" s="193">
        <v>0</v>
      </c>
      <c r="CQ20" s="191">
        <v>0</v>
      </c>
      <c r="CR20" s="191">
        <v>1</v>
      </c>
      <c r="CS20" s="191">
        <v>0</v>
      </c>
      <c r="CT20" s="191">
        <v>0</v>
      </c>
      <c r="CU20" s="191">
        <v>0</v>
      </c>
      <c r="CV20" s="196">
        <v>1</v>
      </c>
      <c r="CW20" s="195">
        <v>1</v>
      </c>
      <c r="CX20" s="190">
        <v>0</v>
      </c>
      <c r="CY20" s="191">
        <v>0</v>
      </c>
      <c r="CZ20" s="196">
        <v>0</v>
      </c>
      <c r="DA20" s="193">
        <v>0</v>
      </c>
      <c r="DB20" s="191">
        <v>0</v>
      </c>
      <c r="DC20" s="191">
        <v>0</v>
      </c>
      <c r="DD20" s="191">
        <v>0</v>
      </c>
      <c r="DE20" s="191">
        <v>0</v>
      </c>
      <c r="DF20" s="191">
        <v>0</v>
      </c>
      <c r="DG20" s="196">
        <v>0</v>
      </c>
      <c r="DH20" s="195">
        <v>0</v>
      </c>
      <c r="DI20" s="190">
        <v>0</v>
      </c>
      <c r="DJ20" s="191">
        <v>0</v>
      </c>
      <c r="DK20" s="196">
        <v>0</v>
      </c>
      <c r="DL20" s="193">
        <v>0</v>
      </c>
      <c r="DM20" s="191">
        <v>0</v>
      </c>
      <c r="DN20" s="191">
        <v>0</v>
      </c>
      <c r="DO20" s="191">
        <v>0</v>
      </c>
      <c r="DP20" s="191">
        <v>0</v>
      </c>
      <c r="DQ20" s="191">
        <v>0</v>
      </c>
      <c r="DR20" s="196">
        <v>0</v>
      </c>
      <c r="DS20" s="195">
        <v>0</v>
      </c>
      <c r="DT20" s="190">
        <v>8</v>
      </c>
      <c r="DU20" s="191">
        <v>27</v>
      </c>
      <c r="DV20" s="196">
        <v>35</v>
      </c>
      <c r="DW20" s="193">
        <v>0</v>
      </c>
      <c r="DX20" s="191">
        <v>52</v>
      </c>
      <c r="DY20" s="191">
        <v>69</v>
      </c>
      <c r="DZ20" s="191">
        <v>45</v>
      </c>
      <c r="EA20" s="191">
        <v>29</v>
      </c>
      <c r="EB20" s="191">
        <v>23</v>
      </c>
      <c r="EC20" s="196">
        <v>218</v>
      </c>
      <c r="ED20" s="195">
        <v>253</v>
      </c>
      <c r="EE20" s="190">
        <v>3</v>
      </c>
      <c r="EF20" s="191">
        <v>3</v>
      </c>
      <c r="EG20" s="196">
        <v>6</v>
      </c>
      <c r="EH20" s="193">
        <v>0</v>
      </c>
      <c r="EI20" s="191">
        <v>17</v>
      </c>
      <c r="EJ20" s="191">
        <v>10</v>
      </c>
      <c r="EK20" s="191">
        <v>14</v>
      </c>
      <c r="EL20" s="191">
        <v>11</v>
      </c>
      <c r="EM20" s="191">
        <v>15</v>
      </c>
      <c r="EN20" s="196">
        <v>67</v>
      </c>
      <c r="EO20" s="195">
        <v>73</v>
      </c>
      <c r="EP20" s="190">
        <v>19</v>
      </c>
      <c r="EQ20" s="191">
        <v>32</v>
      </c>
      <c r="ER20" s="196">
        <v>51</v>
      </c>
      <c r="ES20" s="193">
        <v>0</v>
      </c>
      <c r="ET20" s="191">
        <v>120</v>
      </c>
      <c r="EU20" s="191">
        <v>95</v>
      </c>
      <c r="EV20" s="191">
        <v>55</v>
      </c>
      <c r="EW20" s="191">
        <v>35</v>
      </c>
      <c r="EX20" s="191">
        <v>20</v>
      </c>
      <c r="EY20" s="196">
        <v>325</v>
      </c>
      <c r="EZ20" s="195">
        <v>376</v>
      </c>
    </row>
    <row r="21" spans="2:156" ht="21" customHeight="1" x14ac:dyDescent="0.2">
      <c r="B21" s="106" t="s">
        <v>19</v>
      </c>
      <c r="C21" s="190">
        <v>0</v>
      </c>
      <c r="D21" s="191">
        <v>0</v>
      </c>
      <c r="E21" s="192">
        <v>0</v>
      </c>
      <c r="F21" s="193">
        <v>0</v>
      </c>
      <c r="G21" s="191">
        <v>5</v>
      </c>
      <c r="H21" s="191">
        <v>10</v>
      </c>
      <c r="I21" s="191">
        <v>3</v>
      </c>
      <c r="J21" s="191">
        <v>4</v>
      </c>
      <c r="K21" s="191">
        <v>3</v>
      </c>
      <c r="L21" s="194">
        <v>25</v>
      </c>
      <c r="M21" s="195">
        <v>25</v>
      </c>
      <c r="N21" s="190">
        <v>0</v>
      </c>
      <c r="O21" s="191">
        <v>0</v>
      </c>
      <c r="P21" s="196">
        <v>0</v>
      </c>
      <c r="Q21" s="193">
        <v>0</v>
      </c>
      <c r="R21" s="191">
        <v>0</v>
      </c>
      <c r="S21" s="191">
        <v>0</v>
      </c>
      <c r="T21" s="191">
        <v>1</v>
      </c>
      <c r="U21" s="191">
        <v>1</v>
      </c>
      <c r="V21" s="191">
        <v>0</v>
      </c>
      <c r="W21" s="196">
        <v>2</v>
      </c>
      <c r="X21" s="195">
        <v>2</v>
      </c>
      <c r="Y21" s="190">
        <v>2</v>
      </c>
      <c r="Z21" s="191">
        <v>2</v>
      </c>
      <c r="AA21" s="196">
        <v>4</v>
      </c>
      <c r="AB21" s="193">
        <v>0</v>
      </c>
      <c r="AC21" s="191">
        <v>13</v>
      </c>
      <c r="AD21" s="191">
        <v>8</v>
      </c>
      <c r="AE21" s="191">
        <v>7</v>
      </c>
      <c r="AF21" s="191">
        <v>7</v>
      </c>
      <c r="AG21" s="191">
        <v>3</v>
      </c>
      <c r="AH21" s="196">
        <v>38</v>
      </c>
      <c r="AI21" s="195">
        <v>42</v>
      </c>
      <c r="AJ21" s="190">
        <v>1</v>
      </c>
      <c r="AK21" s="191">
        <v>0</v>
      </c>
      <c r="AL21" s="196">
        <v>1</v>
      </c>
      <c r="AM21" s="193">
        <v>0</v>
      </c>
      <c r="AN21" s="191">
        <v>3</v>
      </c>
      <c r="AO21" s="191">
        <v>1</v>
      </c>
      <c r="AP21" s="191">
        <v>1</v>
      </c>
      <c r="AQ21" s="191">
        <v>1</v>
      </c>
      <c r="AR21" s="191">
        <v>0</v>
      </c>
      <c r="AS21" s="196">
        <v>6</v>
      </c>
      <c r="AT21" s="195">
        <v>7</v>
      </c>
      <c r="AU21" s="190">
        <v>3</v>
      </c>
      <c r="AV21" s="191">
        <v>2</v>
      </c>
      <c r="AW21" s="196">
        <v>5</v>
      </c>
      <c r="AX21" s="193">
        <v>0</v>
      </c>
      <c r="AY21" s="191">
        <v>12</v>
      </c>
      <c r="AZ21" s="191">
        <v>20</v>
      </c>
      <c r="BA21" s="191">
        <v>11</v>
      </c>
      <c r="BB21" s="191">
        <v>7</v>
      </c>
      <c r="BC21" s="191">
        <v>7</v>
      </c>
      <c r="BD21" s="194">
        <v>57</v>
      </c>
      <c r="BE21" s="195">
        <v>62</v>
      </c>
      <c r="BF21" s="190">
        <v>0</v>
      </c>
      <c r="BG21" s="191">
        <v>0</v>
      </c>
      <c r="BH21" s="196">
        <v>0</v>
      </c>
      <c r="BI21" s="193">
        <v>0</v>
      </c>
      <c r="BJ21" s="191">
        <v>13</v>
      </c>
      <c r="BK21" s="191">
        <v>9</v>
      </c>
      <c r="BL21" s="191">
        <v>3</v>
      </c>
      <c r="BM21" s="191">
        <v>2</v>
      </c>
      <c r="BN21" s="191">
        <v>3</v>
      </c>
      <c r="BO21" s="196">
        <v>30</v>
      </c>
      <c r="BP21" s="195">
        <v>30</v>
      </c>
      <c r="BQ21" s="190">
        <v>3</v>
      </c>
      <c r="BR21" s="191">
        <v>2</v>
      </c>
      <c r="BS21" s="196">
        <v>5</v>
      </c>
      <c r="BT21" s="193">
        <v>0</v>
      </c>
      <c r="BU21" s="191">
        <v>13</v>
      </c>
      <c r="BV21" s="191">
        <v>6</v>
      </c>
      <c r="BW21" s="191">
        <v>3</v>
      </c>
      <c r="BX21" s="191">
        <v>4</v>
      </c>
      <c r="BY21" s="191">
        <v>1</v>
      </c>
      <c r="BZ21" s="196">
        <v>27</v>
      </c>
      <c r="CA21" s="195">
        <v>32</v>
      </c>
      <c r="CB21" s="190">
        <v>0</v>
      </c>
      <c r="CC21" s="191">
        <v>0</v>
      </c>
      <c r="CD21" s="196">
        <v>0</v>
      </c>
      <c r="CE21" s="193">
        <v>0</v>
      </c>
      <c r="CF21" s="191">
        <v>3</v>
      </c>
      <c r="CG21" s="191">
        <v>0</v>
      </c>
      <c r="CH21" s="191">
        <v>2</v>
      </c>
      <c r="CI21" s="191">
        <v>1</v>
      </c>
      <c r="CJ21" s="191">
        <v>0</v>
      </c>
      <c r="CK21" s="196">
        <v>6</v>
      </c>
      <c r="CL21" s="195">
        <v>6</v>
      </c>
      <c r="CM21" s="190">
        <v>0</v>
      </c>
      <c r="CN21" s="191">
        <v>0</v>
      </c>
      <c r="CO21" s="196">
        <v>0</v>
      </c>
      <c r="CP21" s="193">
        <v>0</v>
      </c>
      <c r="CQ21" s="191">
        <v>2</v>
      </c>
      <c r="CR21" s="191">
        <v>0</v>
      </c>
      <c r="CS21" s="191">
        <v>0</v>
      </c>
      <c r="CT21" s="191">
        <v>1</v>
      </c>
      <c r="CU21" s="191">
        <v>0</v>
      </c>
      <c r="CV21" s="196">
        <v>3</v>
      </c>
      <c r="CW21" s="195">
        <v>3</v>
      </c>
      <c r="CX21" s="190">
        <v>0</v>
      </c>
      <c r="CY21" s="191">
        <v>0</v>
      </c>
      <c r="CZ21" s="196">
        <v>0</v>
      </c>
      <c r="DA21" s="193">
        <v>0</v>
      </c>
      <c r="DB21" s="191">
        <v>0</v>
      </c>
      <c r="DC21" s="191">
        <v>0</v>
      </c>
      <c r="DD21" s="191">
        <v>0</v>
      </c>
      <c r="DE21" s="191">
        <v>0</v>
      </c>
      <c r="DF21" s="191">
        <v>0</v>
      </c>
      <c r="DG21" s="196">
        <v>0</v>
      </c>
      <c r="DH21" s="195">
        <v>0</v>
      </c>
      <c r="DI21" s="190">
        <v>0</v>
      </c>
      <c r="DJ21" s="191">
        <v>0</v>
      </c>
      <c r="DK21" s="196">
        <v>0</v>
      </c>
      <c r="DL21" s="193">
        <v>0</v>
      </c>
      <c r="DM21" s="191">
        <v>0</v>
      </c>
      <c r="DN21" s="191">
        <v>0</v>
      </c>
      <c r="DO21" s="191">
        <v>0</v>
      </c>
      <c r="DP21" s="191">
        <v>0</v>
      </c>
      <c r="DQ21" s="191">
        <v>0</v>
      </c>
      <c r="DR21" s="196">
        <v>0</v>
      </c>
      <c r="DS21" s="195">
        <v>0</v>
      </c>
      <c r="DT21" s="190">
        <v>7</v>
      </c>
      <c r="DU21" s="191">
        <v>8</v>
      </c>
      <c r="DV21" s="196">
        <v>15</v>
      </c>
      <c r="DW21" s="193">
        <v>0</v>
      </c>
      <c r="DX21" s="191">
        <v>26</v>
      </c>
      <c r="DY21" s="191">
        <v>21</v>
      </c>
      <c r="DZ21" s="191">
        <v>13</v>
      </c>
      <c r="EA21" s="191">
        <v>12</v>
      </c>
      <c r="EB21" s="191">
        <v>3</v>
      </c>
      <c r="EC21" s="196">
        <v>75</v>
      </c>
      <c r="ED21" s="195">
        <v>90</v>
      </c>
      <c r="EE21" s="190">
        <v>2</v>
      </c>
      <c r="EF21" s="191">
        <v>1</v>
      </c>
      <c r="EG21" s="196">
        <v>3</v>
      </c>
      <c r="EH21" s="193">
        <v>0</v>
      </c>
      <c r="EI21" s="191">
        <v>2</v>
      </c>
      <c r="EJ21" s="191">
        <v>8</v>
      </c>
      <c r="EK21" s="191">
        <v>5</v>
      </c>
      <c r="EL21" s="191">
        <v>1</v>
      </c>
      <c r="EM21" s="191">
        <v>3</v>
      </c>
      <c r="EN21" s="196">
        <v>19</v>
      </c>
      <c r="EO21" s="195">
        <v>22</v>
      </c>
      <c r="EP21" s="190">
        <v>12</v>
      </c>
      <c r="EQ21" s="191">
        <v>10</v>
      </c>
      <c r="ER21" s="196">
        <v>22</v>
      </c>
      <c r="ES21" s="193">
        <v>0</v>
      </c>
      <c r="ET21" s="191">
        <v>47</v>
      </c>
      <c r="EU21" s="191">
        <v>29</v>
      </c>
      <c r="EV21" s="191">
        <v>16</v>
      </c>
      <c r="EW21" s="191">
        <v>12</v>
      </c>
      <c r="EX21" s="191">
        <v>3</v>
      </c>
      <c r="EY21" s="196">
        <v>107</v>
      </c>
      <c r="EZ21" s="195">
        <v>129</v>
      </c>
    </row>
    <row r="22" spans="2:156" ht="21" customHeight="1" x14ac:dyDescent="0.2">
      <c r="B22" s="106" t="s">
        <v>20</v>
      </c>
      <c r="C22" s="190">
        <v>0</v>
      </c>
      <c r="D22" s="191">
        <v>0</v>
      </c>
      <c r="E22" s="192">
        <v>0</v>
      </c>
      <c r="F22" s="193">
        <v>0</v>
      </c>
      <c r="G22" s="191">
        <v>17</v>
      </c>
      <c r="H22" s="191">
        <v>12</v>
      </c>
      <c r="I22" s="191">
        <v>8</v>
      </c>
      <c r="J22" s="191">
        <v>7</v>
      </c>
      <c r="K22" s="191">
        <v>3</v>
      </c>
      <c r="L22" s="194">
        <v>47</v>
      </c>
      <c r="M22" s="195">
        <v>47</v>
      </c>
      <c r="N22" s="190">
        <v>0</v>
      </c>
      <c r="O22" s="191">
        <v>0</v>
      </c>
      <c r="P22" s="196">
        <v>0</v>
      </c>
      <c r="Q22" s="193">
        <v>0</v>
      </c>
      <c r="R22" s="191">
        <v>0</v>
      </c>
      <c r="S22" s="191">
        <v>1</v>
      </c>
      <c r="T22" s="191">
        <v>1</v>
      </c>
      <c r="U22" s="191">
        <v>2</v>
      </c>
      <c r="V22" s="191">
        <v>2</v>
      </c>
      <c r="W22" s="196">
        <v>6</v>
      </c>
      <c r="X22" s="195">
        <v>6</v>
      </c>
      <c r="Y22" s="190">
        <v>5</v>
      </c>
      <c r="Z22" s="191">
        <v>4</v>
      </c>
      <c r="AA22" s="196">
        <v>9</v>
      </c>
      <c r="AB22" s="193">
        <v>0</v>
      </c>
      <c r="AC22" s="191">
        <v>17</v>
      </c>
      <c r="AD22" s="191">
        <v>16</v>
      </c>
      <c r="AE22" s="191">
        <v>9</v>
      </c>
      <c r="AF22" s="191">
        <v>6</v>
      </c>
      <c r="AG22" s="191">
        <v>1</v>
      </c>
      <c r="AH22" s="196">
        <v>49</v>
      </c>
      <c r="AI22" s="195">
        <v>58</v>
      </c>
      <c r="AJ22" s="190">
        <v>0</v>
      </c>
      <c r="AK22" s="191">
        <v>6</v>
      </c>
      <c r="AL22" s="196">
        <v>6</v>
      </c>
      <c r="AM22" s="193">
        <v>0</v>
      </c>
      <c r="AN22" s="191">
        <v>5</v>
      </c>
      <c r="AO22" s="191">
        <v>2</v>
      </c>
      <c r="AP22" s="191">
        <v>3</v>
      </c>
      <c r="AQ22" s="191">
        <v>0</v>
      </c>
      <c r="AR22" s="191">
        <v>2</v>
      </c>
      <c r="AS22" s="196">
        <v>12</v>
      </c>
      <c r="AT22" s="195">
        <v>18</v>
      </c>
      <c r="AU22" s="190">
        <v>3</v>
      </c>
      <c r="AV22" s="191">
        <v>4</v>
      </c>
      <c r="AW22" s="196">
        <v>7</v>
      </c>
      <c r="AX22" s="193">
        <v>0</v>
      </c>
      <c r="AY22" s="191">
        <v>14</v>
      </c>
      <c r="AZ22" s="191">
        <v>21</v>
      </c>
      <c r="BA22" s="191">
        <v>18</v>
      </c>
      <c r="BB22" s="191">
        <v>10</v>
      </c>
      <c r="BC22" s="191">
        <v>10</v>
      </c>
      <c r="BD22" s="194">
        <v>73</v>
      </c>
      <c r="BE22" s="195">
        <v>80</v>
      </c>
      <c r="BF22" s="190">
        <v>0</v>
      </c>
      <c r="BG22" s="191">
        <v>0</v>
      </c>
      <c r="BH22" s="196">
        <v>0</v>
      </c>
      <c r="BI22" s="193">
        <v>0</v>
      </c>
      <c r="BJ22" s="191">
        <v>16</v>
      </c>
      <c r="BK22" s="191">
        <v>15</v>
      </c>
      <c r="BL22" s="191">
        <v>16</v>
      </c>
      <c r="BM22" s="191">
        <v>5</v>
      </c>
      <c r="BN22" s="191">
        <v>2</v>
      </c>
      <c r="BO22" s="196">
        <v>54</v>
      </c>
      <c r="BP22" s="195">
        <v>54</v>
      </c>
      <c r="BQ22" s="190">
        <v>0</v>
      </c>
      <c r="BR22" s="191">
        <v>3</v>
      </c>
      <c r="BS22" s="196">
        <v>3</v>
      </c>
      <c r="BT22" s="193">
        <v>0</v>
      </c>
      <c r="BU22" s="191">
        <v>6</v>
      </c>
      <c r="BV22" s="191">
        <v>13</v>
      </c>
      <c r="BW22" s="191">
        <v>5</v>
      </c>
      <c r="BX22" s="191">
        <v>2</v>
      </c>
      <c r="BY22" s="191">
        <v>0</v>
      </c>
      <c r="BZ22" s="196">
        <v>26</v>
      </c>
      <c r="CA22" s="195">
        <v>29</v>
      </c>
      <c r="CB22" s="190">
        <v>0</v>
      </c>
      <c r="CC22" s="191">
        <v>1</v>
      </c>
      <c r="CD22" s="196">
        <v>1</v>
      </c>
      <c r="CE22" s="193">
        <v>0</v>
      </c>
      <c r="CF22" s="191">
        <v>6</v>
      </c>
      <c r="CG22" s="191">
        <v>2</v>
      </c>
      <c r="CH22" s="191">
        <v>9</v>
      </c>
      <c r="CI22" s="191">
        <v>3</v>
      </c>
      <c r="CJ22" s="191">
        <v>2</v>
      </c>
      <c r="CK22" s="196">
        <v>22</v>
      </c>
      <c r="CL22" s="195">
        <v>23</v>
      </c>
      <c r="CM22" s="190">
        <v>0</v>
      </c>
      <c r="CN22" s="191">
        <v>0</v>
      </c>
      <c r="CO22" s="196">
        <v>0</v>
      </c>
      <c r="CP22" s="193">
        <v>0</v>
      </c>
      <c r="CQ22" s="191">
        <v>1</v>
      </c>
      <c r="CR22" s="191">
        <v>0</v>
      </c>
      <c r="CS22" s="191">
        <v>1</v>
      </c>
      <c r="CT22" s="191">
        <v>0</v>
      </c>
      <c r="CU22" s="191">
        <v>0</v>
      </c>
      <c r="CV22" s="196">
        <v>2</v>
      </c>
      <c r="CW22" s="195">
        <v>2</v>
      </c>
      <c r="CX22" s="190">
        <v>0</v>
      </c>
      <c r="CY22" s="191">
        <v>0</v>
      </c>
      <c r="CZ22" s="196">
        <v>0</v>
      </c>
      <c r="DA22" s="193">
        <v>0</v>
      </c>
      <c r="DB22" s="191">
        <v>0</v>
      </c>
      <c r="DC22" s="191">
        <v>0</v>
      </c>
      <c r="DD22" s="191">
        <v>0</v>
      </c>
      <c r="DE22" s="191">
        <v>0</v>
      </c>
      <c r="DF22" s="191">
        <v>0</v>
      </c>
      <c r="DG22" s="196">
        <v>0</v>
      </c>
      <c r="DH22" s="195">
        <v>0</v>
      </c>
      <c r="DI22" s="190">
        <v>0</v>
      </c>
      <c r="DJ22" s="191">
        <v>0</v>
      </c>
      <c r="DK22" s="196">
        <v>0</v>
      </c>
      <c r="DL22" s="193">
        <v>0</v>
      </c>
      <c r="DM22" s="191">
        <v>0</v>
      </c>
      <c r="DN22" s="191">
        <v>0</v>
      </c>
      <c r="DO22" s="191">
        <v>0</v>
      </c>
      <c r="DP22" s="191">
        <v>0</v>
      </c>
      <c r="DQ22" s="191">
        <v>0</v>
      </c>
      <c r="DR22" s="196">
        <v>0</v>
      </c>
      <c r="DS22" s="195">
        <v>0</v>
      </c>
      <c r="DT22" s="190">
        <v>10</v>
      </c>
      <c r="DU22" s="191">
        <v>18</v>
      </c>
      <c r="DV22" s="196">
        <v>28</v>
      </c>
      <c r="DW22" s="193">
        <v>0</v>
      </c>
      <c r="DX22" s="191">
        <v>27</v>
      </c>
      <c r="DY22" s="191">
        <v>28</v>
      </c>
      <c r="DZ22" s="191">
        <v>28</v>
      </c>
      <c r="EA22" s="191">
        <v>12</v>
      </c>
      <c r="EB22" s="191">
        <v>7</v>
      </c>
      <c r="EC22" s="196">
        <v>102</v>
      </c>
      <c r="ED22" s="195">
        <v>130</v>
      </c>
      <c r="EE22" s="190">
        <v>3</v>
      </c>
      <c r="EF22" s="191">
        <v>1</v>
      </c>
      <c r="EG22" s="196">
        <v>4</v>
      </c>
      <c r="EH22" s="193">
        <v>0</v>
      </c>
      <c r="EI22" s="191">
        <v>8</v>
      </c>
      <c r="EJ22" s="191">
        <v>7</v>
      </c>
      <c r="EK22" s="191">
        <v>3</v>
      </c>
      <c r="EL22" s="191">
        <v>4</v>
      </c>
      <c r="EM22" s="191">
        <v>5</v>
      </c>
      <c r="EN22" s="196">
        <v>27</v>
      </c>
      <c r="EO22" s="195">
        <v>31</v>
      </c>
      <c r="EP22" s="190">
        <v>14</v>
      </c>
      <c r="EQ22" s="191">
        <v>27</v>
      </c>
      <c r="ER22" s="196">
        <v>41</v>
      </c>
      <c r="ES22" s="193">
        <v>0</v>
      </c>
      <c r="ET22" s="191">
        <v>62</v>
      </c>
      <c r="EU22" s="191">
        <v>52</v>
      </c>
      <c r="EV22" s="191">
        <v>29</v>
      </c>
      <c r="EW22" s="191">
        <v>15</v>
      </c>
      <c r="EX22" s="191">
        <v>7</v>
      </c>
      <c r="EY22" s="196">
        <v>165</v>
      </c>
      <c r="EZ22" s="195">
        <v>206</v>
      </c>
    </row>
    <row r="23" spans="2:156" ht="21" customHeight="1" x14ac:dyDescent="0.2">
      <c r="B23" s="106" t="s">
        <v>21</v>
      </c>
      <c r="C23" s="190">
        <v>0</v>
      </c>
      <c r="D23" s="191">
        <v>0</v>
      </c>
      <c r="E23" s="192">
        <v>0</v>
      </c>
      <c r="F23" s="193">
        <v>0</v>
      </c>
      <c r="G23" s="191">
        <v>15</v>
      </c>
      <c r="H23" s="191">
        <v>16</v>
      </c>
      <c r="I23" s="191">
        <v>3</v>
      </c>
      <c r="J23" s="191">
        <v>5</v>
      </c>
      <c r="K23" s="191">
        <v>6</v>
      </c>
      <c r="L23" s="194">
        <v>45</v>
      </c>
      <c r="M23" s="195">
        <v>45</v>
      </c>
      <c r="N23" s="190">
        <v>0</v>
      </c>
      <c r="O23" s="191">
        <v>0</v>
      </c>
      <c r="P23" s="196">
        <v>0</v>
      </c>
      <c r="Q23" s="193">
        <v>0</v>
      </c>
      <c r="R23" s="191">
        <v>0</v>
      </c>
      <c r="S23" s="191">
        <v>0</v>
      </c>
      <c r="T23" s="191">
        <v>0</v>
      </c>
      <c r="U23" s="191">
        <v>2</v>
      </c>
      <c r="V23" s="191">
        <v>3</v>
      </c>
      <c r="W23" s="196">
        <v>5</v>
      </c>
      <c r="X23" s="195">
        <v>5</v>
      </c>
      <c r="Y23" s="190">
        <v>1</v>
      </c>
      <c r="Z23" s="191">
        <v>1</v>
      </c>
      <c r="AA23" s="196">
        <v>2</v>
      </c>
      <c r="AB23" s="193">
        <v>0</v>
      </c>
      <c r="AC23" s="191">
        <v>16</v>
      </c>
      <c r="AD23" s="191">
        <v>12</v>
      </c>
      <c r="AE23" s="191">
        <v>3</v>
      </c>
      <c r="AF23" s="191">
        <v>6</v>
      </c>
      <c r="AG23" s="191">
        <v>3</v>
      </c>
      <c r="AH23" s="196">
        <v>40</v>
      </c>
      <c r="AI23" s="195">
        <v>42</v>
      </c>
      <c r="AJ23" s="190">
        <v>1</v>
      </c>
      <c r="AK23" s="191">
        <v>1</v>
      </c>
      <c r="AL23" s="196">
        <v>2</v>
      </c>
      <c r="AM23" s="193">
        <v>0</v>
      </c>
      <c r="AN23" s="191">
        <v>0</v>
      </c>
      <c r="AO23" s="191">
        <v>0</v>
      </c>
      <c r="AP23" s="191">
        <v>3</v>
      </c>
      <c r="AQ23" s="191">
        <v>0</v>
      </c>
      <c r="AR23" s="191">
        <v>1</v>
      </c>
      <c r="AS23" s="196">
        <v>4</v>
      </c>
      <c r="AT23" s="195">
        <v>6</v>
      </c>
      <c r="AU23" s="190">
        <v>3</v>
      </c>
      <c r="AV23" s="191">
        <v>6</v>
      </c>
      <c r="AW23" s="196">
        <v>9</v>
      </c>
      <c r="AX23" s="193">
        <v>0</v>
      </c>
      <c r="AY23" s="191">
        <v>14</v>
      </c>
      <c r="AZ23" s="191">
        <v>19</v>
      </c>
      <c r="BA23" s="191">
        <v>13</v>
      </c>
      <c r="BB23" s="191">
        <v>10</v>
      </c>
      <c r="BC23" s="191">
        <v>12</v>
      </c>
      <c r="BD23" s="194">
        <v>68</v>
      </c>
      <c r="BE23" s="195">
        <v>77</v>
      </c>
      <c r="BF23" s="190">
        <v>0</v>
      </c>
      <c r="BG23" s="191">
        <v>0</v>
      </c>
      <c r="BH23" s="196">
        <v>0</v>
      </c>
      <c r="BI23" s="193">
        <v>0</v>
      </c>
      <c r="BJ23" s="191">
        <v>17</v>
      </c>
      <c r="BK23" s="191">
        <v>11</v>
      </c>
      <c r="BL23" s="191">
        <v>5</v>
      </c>
      <c r="BM23" s="191">
        <v>1</v>
      </c>
      <c r="BN23" s="191">
        <v>3</v>
      </c>
      <c r="BO23" s="196">
        <v>37</v>
      </c>
      <c r="BP23" s="195">
        <v>37</v>
      </c>
      <c r="BQ23" s="190">
        <v>0</v>
      </c>
      <c r="BR23" s="191">
        <v>0</v>
      </c>
      <c r="BS23" s="196">
        <v>0</v>
      </c>
      <c r="BT23" s="193">
        <v>0</v>
      </c>
      <c r="BU23" s="191">
        <v>1</v>
      </c>
      <c r="BV23" s="191">
        <v>4</v>
      </c>
      <c r="BW23" s="191">
        <v>3</v>
      </c>
      <c r="BX23" s="191">
        <v>1</v>
      </c>
      <c r="BY23" s="191">
        <v>2</v>
      </c>
      <c r="BZ23" s="196">
        <v>11</v>
      </c>
      <c r="CA23" s="195">
        <v>11</v>
      </c>
      <c r="CB23" s="190">
        <v>0</v>
      </c>
      <c r="CC23" s="191">
        <v>0</v>
      </c>
      <c r="CD23" s="196">
        <v>0</v>
      </c>
      <c r="CE23" s="193">
        <v>0</v>
      </c>
      <c r="CF23" s="191">
        <v>1</v>
      </c>
      <c r="CG23" s="191">
        <v>6</v>
      </c>
      <c r="CH23" s="191">
        <v>1</v>
      </c>
      <c r="CI23" s="191">
        <v>0</v>
      </c>
      <c r="CJ23" s="191">
        <v>2</v>
      </c>
      <c r="CK23" s="196">
        <v>10</v>
      </c>
      <c r="CL23" s="195">
        <v>10</v>
      </c>
      <c r="CM23" s="190">
        <v>0</v>
      </c>
      <c r="CN23" s="191">
        <v>0</v>
      </c>
      <c r="CO23" s="196">
        <v>0</v>
      </c>
      <c r="CP23" s="193">
        <v>0</v>
      </c>
      <c r="CQ23" s="191">
        <v>0</v>
      </c>
      <c r="CR23" s="191">
        <v>0</v>
      </c>
      <c r="CS23" s="191">
        <v>1</v>
      </c>
      <c r="CT23" s="191">
        <v>0</v>
      </c>
      <c r="CU23" s="191">
        <v>0</v>
      </c>
      <c r="CV23" s="196">
        <v>1</v>
      </c>
      <c r="CW23" s="195">
        <v>1</v>
      </c>
      <c r="CX23" s="190">
        <v>0</v>
      </c>
      <c r="CY23" s="191">
        <v>0</v>
      </c>
      <c r="CZ23" s="196">
        <v>0</v>
      </c>
      <c r="DA23" s="193">
        <v>0</v>
      </c>
      <c r="DB23" s="191">
        <v>0</v>
      </c>
      <c r="DC23" s="191">
        <v>0</v>
      </c>
      <c r="DD23" s="191">
        <v>0</v>
      </c>
      <c r="DE23" s="191">
        <v>0</v>
      </c>
      <c r="DF23" s="191">
        <v>0</v>
      </c>
      <c r="DG23" s="196">
        <v>0</v>
      </c>
      <c r="DH23" s="195">
        <v>0</v>
      </c>
      <c r="DI23" s="190">
        <v>0</v>
      </c>
      <c r="DJ23" s="191">
        <v>0</v>
      </c>
      <c r="DK23" s="196">
        <v>0</v>
      </c>
      <c r="DL23" s="193">
        <v>0</v>
      </c>
      <c r="DM23" s="191">
        <v>0</v>
      </c>
      <c r="DN23" s="191">
        <v>0</v>
      </c>
      <c r="DO23" s="191">
        <v>0</v>
      </c>
      <c r="DP23" s="191">
        <v>0</v>
      </c>
      <c r="DQ23" s="191">
        <v>0</v>
      </c>
      <c r="DR23" s="196">
        <v>0</v>
      </c>
      <c r="DS23" s="195">
        <v>0</v>
      </c>
      <c r="DT23" s="190">
        <v>9</v>
      </c>
      <c r="DU23" s="191">
        <v>8</v>
      </c>
      <c r="DV23" s="196">
        <v>17</v>
      </c>
      <c r="DW23" s="193">
        <v>0</v>
      </c>
      <c r="DX23" s="191">
        <v>14</v>
      </c>
      <c r="DY23" s="191">
        <v>27</v>
      </c>
      <c r="DZ23" s="191">
        <v>12</v>
      </c>
      <c r="EA23" s="191">
        <v>8</v>
      </c>
      <c r="EB23" s="191">
        <v>6</v>
      </c>
      <c r="EC23" s="196">
        <v>67</v>
      </c>
      <c r="ED23" s="195">
        <v>84</v>
      </c>
      <c r="EE23" s="190">
        <v>3</v>
      </c>
      <c r="EF23" s="191">
        <v>2</v>
      </c>
      <c r="EG23" s="196">
        <v>5</v>
      </c>
      <c r="EH23" s="193">
        <v>0</v>
      </c>
      <c r="EI23" s="191">
        <v>5</v>
      </c>
      <c r="EJ23" s="191">
        <v>4</v>
      </c>
      <c r="EK23" s="191">
        <v>9</v>
      </c>
      <c r="EL23" s="191">
        <v>4</v>
      </c>
      <c r="EM23" s="191">
        <v>3</v>
      </c>
      <c r="EN23" s="196">
        <v>25</v>
      </c>
      <c r="EO23" s="195">
        <v>30</v>
      </c>
      <c r="EP23" s="190">
        <v>10</v>
      </c>
      <c r="EQ23" s="191">
        <v>10</v>
      </c>
      <c r="ER23" s="196">
        <v>20</v>
      </c>
      <c r="ES23" s="193">
        <v>0</v>
      </c>
      <c r="ET23" s="191">
        <v>46</v>
      </c>
      <c r="EU23" s="191">
        <v>41</v>
      </c>
      <c r="EV23" s="191">
        <v>16</v>
      </c>
      <c r="EW23" s="191">
        <v>10</v>
      </c>
      <c r="EX23" s="191">
        <v>10</v>
      </c>
      <c r="EY23" s="196">
        <v>123</v>
      </c>
      <c r="EZ23" s="195">
        <v>143</v>
      </c>
    </row>
    <row r="24" spans="2:156" ht="21" customHeight="1" x14ac:dyDescent="0.2">
      <c r="B24" s="106" t="s">
        <v>22</v>
      </c>
      <c r="C24" s="190">
        <v>0</v>
      </c>
      <c r="D24" s="191">
        <v>0</v>
      </c>
      <c r="E24" s="192">
        <v>0</v>
      </c>
      <c r="F24" s="193">
        <v>0</v>
      </c>
      <c r="G24" s="191">
        <v>4</v>
      </c>
      <c r="H24" s="191">
        <v>2</v>
      </c>
      <c r="I24" s="191">
        <v>2</v>
      </c>
      <c r="J24" s="191">
        <v>1</v>
      </c>
      <c r="K24" s="191">
        <v>1</v>
      </c>
      <c r="L24" s="194">
        <v>10</v>
      </c>
      <c r="M24" s="195">
        <v>10</v>
      </c>
      <c r="N24" s="190">
        <v>0</v>
      </c>
      <c r="O24" s="191">
        <v>0</v>
      </c>
      <c r="P24" s="196">
        <v>0</v>
      </c>
      <c r="Q24" s="193">
        <v>0</v>
      </c>
      <c r="R24" s="191">
        <v>0</v>
      </c>
      <c r="S24" s="191">
        <v>0</v>
      </c>
      <c r="T24" s="191">
        <v>0</v>
      </c>
      <c r="U24" s="191">
        <v>1</v>
      </c>
      <c r="V24" s="191">
        <v>3</v>
      </c>
      <c r="W24" s="196">
        <v>4</v>
      </c>
      <c r="X24" s="195">
        <v>4</v>
      </c>
      <c r="Y24" s="190">
        <v>0</v>
      </c>
      <c r="Z24" s="191">
        <v>1</v>
      </c>
      <c r="AA24" s="196">
        <v>1</v>
      </c>
      <c r="AB24" s="193">
        <v>0</v>
      </c>
      <c r="AC24" s="191">
        <v>6</v>
      </c>
      <c r="AD24" s="191">
        <v>3</v>
      </c>
      <c r="AE24" s="191">
        <v>1</v>
      </c>
      <c r="AF24" s="191">
        <v>2</v>
      </c>
      <c r="AG24" s="191">
        <v>4</v>
      </c>
      <c r="AH24" s="196">
        <v>16</v>
      </c>
      <c r="AI24" s="195">
        <v>17</v>
      </c>
      <c r="AJ24" s="190">
        <v>0</v>
      </c>
      <c r="AK24" s="191">
        <v>0</v>
      </c>
      <c r="AL24" s="196">
        <v>0</v>
      </c>
      <c r="AM24" s="193">
        <v>0</v>
      </c>
      <c r="AN24" s="191">
        <v>2</v>
      </c>
      <c r="AO24" s="191">
        <v>1</v>
      </c>
      <c r="AP24" s="191">
        <v>0</v>
      </c>
      <c r="AQ24" s="191">
        <v>1</v>
      </c>
      <c r="AR24" s="191">
        <v>0</v>
      </c>
      <c r="AS24" s="196">
        <v>4</v>
      </c>
      <c r="AT24" s="195">
        <v>4</v>
      </c>
      <c r="AU24" s="190">
        <v>0</v>
      </c>
      <c r="AV24" s="191">
        <v>1</v>
      </c>
      <c r="AW24" s="196">
        <v>1</v>
      </c>
      <c r="AX24" s="193">
        <v>0</v>
      </c>
      <c r="AY24" s="191">
        <v>3</v>
      </c>
      <c r="AZ24" s="191">
        <v>3</v>
      </c>
      <c r="BA24" s="191">
        <v>4</v>
      </c>
      <c r="BB24" s="191">
        <v>7</v>
      </c>
      <c r="BC24" s="191">
        <v>3</v>
      </c>
      <c r="BD24" s="194">
        <v>20</v>
      </c>
      <c r="BE24" s="195">
        <v>21</v>
      </c>
      <c r="BF24" s="190">
        <v>0</v>
      </c>
      <c r="BG24" s="191">
        <v>0</v>
      </c>
      <c r="BH24" s="196">
        <v>0</v>
      </c>
      <c r="BI24" s="193">
        <v>0</v>
      </c>
      <c r="BJ24" s="191">
        <v>5</v>
      </c>
      <c r="BK24" s="191">
        <v>6</v>
      </c>
      <c r="BL24" s="191">
        <v>1</v>
      </c>
      <c r="BM24" s="191">
        <v>3</v>
      </c>
      <c r="BN24" s="191">
        <v>1</v>
      </c>
      <c r="BO24" s="196">
        <v>16</v>
      </c>
      <c r="BP24" s="195">
        <v>16</v>
      </c>
      <c r="BQ24" s="190">
        <v>2</v>
      </c>
      <c r="BR24" s="191">
        <v>0</v>
      </c>
      <c r="BS24" s="196">
        <v>2</v>
      </c>
      <c r="BT24" s="193">
        <v>0</v>
      </c>
      <c r="BU24" s="191">
        <v>4</v>
      </c>
      <c r="BV24" s="191">
        <v>3</v>
      </c>
      <c r="BW24" s="191">
        <v>0</v>
      </c>
      <c r="BX24" s="191">
        <v>0</v>
      </c>
      <c r="BY24" s="191">
        <v>0</v>
      </c>
      <c r="BZ24" s="196">
        <v>7</v>
      </c>
      <c r="CA24" s="195">
        <v>9</v>
      </c>
      <c r="CB24" s="190">
        <v>0</v>
      </c>
      <c r="CC24" s="191">
        <v>0</v>
      </c>
      <c r="CD24" s="196">
        <v>0</v>
      </c>
      <c r="CE24" s="193">
        <v>0</v>
      </c>
      <c r="CF24" s="191">
        <v>0</v>
      </c>
      <c r="CG24" s="191">
        <v>2</v>
      </c>
      <c r="CH24" s="191">
        <v>1</v>
      </c>
      <c r="CI24" s="191">
        <v>0</v>
      </c>
      <c r="CJ24" s="191">
        <v>0</v>
      </c>
      <c r="CK24" s="196">
        <v>3</v>
      </c>
      <c r="CL24" s="195">
        <v>3</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c r="DI24" s="190">
        <v>0</v>
      </c>
      <c r="DJ24" s="191">
        <v>0</v>
      </c>
      <c r="DK24" s="196">
        <v>0</v>
      </c>
      <c r="DL24" s="193">
        <v>0</v>
      </c>
      <c r="DM24" s="191">
        <v>0</v>
      </c>
      <c r="DN24" s="191">
        <v>0</v>
      </c>
      <c r="DO24" s="191">
        <v>0</v>
      </c>
      <c r="DP24" s="191">
        <v>0</v>
      </c>
      <c r="DQ24" s="191">
        <v>0</v>
      </c>
      <c r="DR24" s="196">
        <v>0</v>
      </c>
      <c r="DS24" s="195">
        <v>0</v>
      </c>
      <c r="DT24" s="190">
        <v>4</v>
      </c>
      <c r="DU24" s="191">
        <v>8</v>
      </c>
      <c r="DV24" s="196">
        <v>12</v>
      </c>
      <c r="DW24" s="193">
        <v>0</v>
      </c>
      <c r="DX24" s="191">
        <v>10</v>
      </c>
      <c r="DY24" s="191">
        <v>9</v>
      </c>
      <c r="DZ24" s="191">
        <v>5</v>
      </c>
      <c r="EA24" s="191">
        <v>4</v>
      </c>
      <c r="EB24" s="191">
        <v>4</v>
      </c>
      <c r="EC24" s="196">
        <v>32</v>
      </c>
      <c r="ED24" s="195">
        <v>44</v>
      </c>
      <c r="EE24" s="190">
        <v>0</v>
      </c>
      <c r="EF24" s="191">
        <v>0</v>
      </c>
      <c r="EG24" s="196">
        <v>0</v>
      </c>
      <c r="EH24" s="193">
        <v>0</v>
      </c>
      <c r="EI24" s="191">
        <v>4</v>
      </c>
      <c r="EJ24" s="191">
        <v>1</v>
      </c>
      <c r="EK24" s="191">
        <v>3</v>
      </c>
      <c r="EL24" s="191">
        <v>4</v>
      </c>
      <c r="EM24" s="191">
        <v>2</v>
      </c>
      <c r="EN24" s="196">
        <v>14</v>
      </c>
      <c r="EO24" s="195">
        <v>14</v>
      </c>
      <c r="EP24" s="190">
        <v>5</v>
      </c>
      <c r="EQ24" s="191">
        <v>9</v>
      </c>
      <c r="ER24" s="196">
        <v>14</v>
      </c>
      <c r="ES24" s="193">
        <v>0</v>
      </c>
      <c r="ET24" s="191">
        <v>23</v>
      </c>
      <c r="EU24" s="191">
        <v>15</v>
      </c>
      <c r="EV24" s="191">
        <v>6</v>
      </c>
      <c r="EW24" s="191">
        <v>6</v>
      </c>
      <c r="EX24" s="191">
        <v>4</v>
      </c>
      <c r="EY24" s="196">
        <v>54</v>
      </c>
      <c r="EZ24" s="195">
        <v>68</v>
      </c>
    </row>
    <row r="25" spans="2:156" ht="21" customHeight="1" x14ac:dyDescent="0.2">
      <c r="B25" s="106" t="s">
        <v>23</v>
      </c>
      <c r="C25" s="190">
        <v>0</v>
      </c>
      <c r="D25" s="191">
        <v>0</v>
      </c>
      <c r="E25" s="192">
        <v>0</v>
      </c>
      <c r="F25" s="193">
        <v>0</v>
      </c>
      <c r="G25" s="191">
        <v>1</v>
      </c>
      <c r="H25" s="191">
        <v>4</v>
      </c>
      <c r="I25" s="191">
        <v>5</v>
      </c>
      <c r="J25" s="191">
        <v>1</v>
      </c>
      <c r="K25" s="191">
        <v>2</v>
      </c>
      <c r="L25" s="194">
        <v>13</v>
      </c>
      <c r="M25" s="195">
        <v>13</v>
      </c>
      <c r="N25" s="190">
        <v>0</v>
      </c>
      <c r="O25" s="191">
        <v>0</v>
      </c>
      <c r="P25" s="196">
        <v>0</v>
      </c>
      <c r="Q25" s="193">
        <v>0</v>
      </c>
      <c r="R25" s="191">
        <v>0</v>
      </c>
      <c r="S25" s="191">
        <v>1</v>
      </c>
      <c r="T25" s="191">
        <v>1</v>
      </c>
      <c r="U25" s="191">
        <v>2</v>
      </c>
      <c r="V25" s="191">
        <v>0</v>
      </c>
      <c r="W25" s="196">
        <v>4</v>
      </c>
      <c r="X25" s="195">
        <v>4</v>
      </c>
      <c r="Y25" s="190">
        <v>5</v>
      </c>
      <c r="Z25" s="191">
        <v>4</v>
      </c>
      <c r="AA25" s="196">
        <v>9</v>
      </c>
      <c r="AB25" s="193">
        <v>0</v>
      </c>
      <c r="AC25" s="191">
        <v>1</v>
      </c>
      <c r="AD25" s="191">
        <v>10</v>
      </c>
      <c r="AE25" s="191">
        <v>6</v>
      </c>
      <c r="AF25" s="191">
        <v>4</v>
      </c>
      <c r="AG25" s="191">
        <v>1</v>
      </c>
      <c r="AH25" s="196">
        <v>22</v>
      </c>
      <c r="AI25" s="195">
        <v>31</v>
      </c>
      <c r="AJ25" s="190">
        <v>0</v>
      </c>
      <c r="AK25" s="191">
        <v>1</v>
      </c>
      <c r="AL25" s="196">
        <v>1</v>
      </c>
      <c r="AM25" s="193">
        <v>0</v>
      </c>
      <c r="AN25" s="191">
        <v>1</v>
      </c>
      <c r="AO25" s="191">
        <v>1</v>
      </c>
      <c r="AP25" s="191">
        <v>0</v>
      </c>
      <c r="AQ25" s="191">
        <v>0</v>
      </c>
      <c r="AR25" s="191">
        <v>0</v>
      </c>
      <c r="AS25" s="196">
        <v>2</v>
      </c>
      <c r="AT25" s="195">
        <v>3</v>
      </c>
      <c r="AU25" s="190">
        <v>2</v>
      </c>
      <c r="AV25" s="191">
        <v>3</v>
      </c>
      <c r="AW25" s="196">
        <v>5</v>
      </c>
      <c r="AX25" s="193">
        <v>0</v>
      </c>
      <c r="AY25" s="191">
        <v>4</v>
      </c>
      <c r="AZ25" s="191">
        <v>8</v>
      </c>
      <c r="BA25" s="191">
        <v>10</v>
      </c>
      <c r="BB25" s="191">
        <v>11</v>
      </c>
      <c r="BC25" s="191">
        <v>8</v>
      </c>
      <c r="BD25" s="194">
        <v>41</v>
      </c>
      <c r="BE25" s="195">
        <v>46</v>
      </c>
      <c r="BF25" s="190">
        <v>0</v>
      </c>
      <c r="BG25" s="191">
        <v>0</v>
      </c>
      <c r="BH25" s="196">
        <v>0</v>
      </c>
      <c r="BI25" s="193">
        <v>0</v>
      </c>
      <c r="BJ25" s="191">
        <v>8</v>
      </c>
      <c r="BK25" s="191">
        <v>11</v>
      </c>
      <c r="BL25" s="191">
        <v>6</v>
      </c>
      <c r="BM25" s="191">
        <v>2</v>
      </c>
      <c r="BN25" s="191">
        <v>2</v>
      </c>
      <c r="BO25" s="196">
        <v>29</v>
      </c>
      <c r="BP25" s="195">
        <v>29</v>
      </c>
      <c r="BQ25" s="190">
        <v>0</v>
      </c>
      <c r="BR25" s="191">
        <v>0</v>
      </c>
      <c r="BS25" s="196">
        <v>0</v>
      </c>
      <c r="BT25" s="193">
        <v>0</v>
      </c>
      <c r="BU25" s="191">
        <v>0</v>
      </c>
      <c r="BV25" s="191">
        <v>0</v>
      </c>
      <c r="BW25" s="191">
        <v>6</v>
      </c>
      <c r="BX25" s="191">
        <v>0</v>
      </c>
      <c r="BY25" s="191">
        <v>0</v>
      </c>
      <c r="BZ25" s="196">
        <v>6</v>
      </c>
      <c r="CA25" s="195">
        <v>6</v>
      </c>
      <c r="CB25" s="190">
        <v>1</v>
      </c>
      <c r="CC25" s="191">
        <v>0</v>
      </c>
      <c r="CD25" s="196">
        <v>1</v>
      </c>
      <c r="CE25" s="193">
        <v>0</v>
      </c>
      <c r="CF25" s="191">
        <v>2</v>
      </c>
      <c r="CG25" s="191">
        <v>5</v>
      </c>
      <c r="CH25" s="191">
        <v>3</v>
      </c>
      <c r="CI25" s="191">
        <v>1</v>
      </c>
      <c r="CJ25" s="191">
        <v>0</v>
      </c>
      <c r="CK25" s="196">
        <v>11</v>
      </c>
      <c r="CL25" s="195">
        <v>12</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c r="DI25" s="190">
        <v>0</v>
      </c>
      <c r="DJ25" s="191">
        <v>0</v>
      </c>
      <c r="DK25" s="196">
        <v>0</v>
      </c>
      <c r="DL25" s="193">
        <v>0</v>
      </c>
      <c r="DM25" s="191">
        <v>0</v>
      </c>
      <c r="DN25" s="191">
        <v>0</v>
      </c>
      <c r="DO25" s="191">
        <v>0</v>
      </c>
      <c r="DP25" s="191">
        <v>0</v>
      </c>
      <c r="DQ25" s="191">
        <v>0</v>
      </c>
      <c r="DR25" s="196">
        <v>0</v>
      </c>
      <c r="DS25" s="195">
        <v>0</v>
      </c>
      <c r="DT25" s="190">
        <v>1</v>
      </c>
      <c r="DU25" s="191">
        <v>11</v>
      </c>
      <c r="DV25" s="196">
        <v>12</v>
      </c>
      <c r="DW25" s="193">
        <v>0</v>
      </c>
      <c r="DX25" s="191">
        <v>8</v>
      </c>
      <c r="DY25" s="191">
        <v>16</v>
      </c>
      <c r="DZ25" s="191">
        <v>16</v>
      </c>
      <c r="EA25" s="191">
        <v>7</v>
      </c>
      <c r="EB25" s="191">
        <v>3</v>
      </c>
      <c r="EC25" s="196">
        <v>50</v>
      </c>
      <c r="ED25" s="195">
        <v>62</v>
      </c>
      <c r="EE25" s="190">
        <v>1</v>
      </c>
      <c r="EF25" s="191">
        <v>1</v>
      </c>
      <c r="EG25" s="196">
        <v>2</v>
      </c>
      <c r="EH25" s="193">
        <v>0</v>
      </c>
      <c r="EI25" s="191">
        <v>1</v>
      </c>
      <c r="EJ25" s="191">
        <v>6</v>
      </c>
      <c r="EK25" s="191">
        <v>1</v>
      </c>
      <c r="EL25" s="191">
        <v>5</v>
      </c>
      <c r="EM25" s="191">
        <v>5</v>
      </c>
      <c r="EN25" s="196">
        <v>18</v>
      </c>
      <c r="EO25" s="195">
        <v>20</v>
      </c>
      <c r="EP25" s="190">
        <v>7</v>
      </c>
      <c r="EQ25" s="191">
        <v>12</v>
      </c>
      <c r="ER25" s="196">
        <v>19</v>
      </c>
      <c r="ES25" s="193">
        <v>0</v>
      </c>
      <c r="ET25" s="191">
        <v>14</v>
      </c>
      <c r="EU25" s="191">
        <v>24</v>
      </c>
      <c r="EV25" s="191">
        <v>19</v>
      </c>
      <c r="EW25" s="191">
        <v>6</v>
      </c>
      <c r="EX25" s="191">
        <v>5</v>
      </c>
      <c r="EY25" s="196">
        <v>68</v>
      </c>
      <c r="EZ25" s="195">
        <v>87</v>
      </c>
    </row>
    <row r="26" spans="2:156" ht="21" customHeight="1" x14ac:dyDescent="0.2">
      <c r="B26" s="106" t="s">
        <v>24</v>
      </c>
      <c r="C26" s="190">
        <v>0</v>
      </c>
      <c r="D26" s="191">
        <v>0</v>
      </c>
      <c r="E26" s="192">
        <v>0</v>
      </c>
      <c r="F26" s="193">
        <v>0</v>
      </c>
      <c r="G26" s="191">
        <v>8</v>
      </c>
      <c r="H26" s="191">
        <v>9</v>
      </c>
      <c r="I26" s="191">
        <v>2</v>
      </c>
      <c r="J26" s="191">
        <v>4</v>
      </c>
      <c r="K26" s="191">
        <v>3</v>
      </c>
      <c r="L26" s="194">
        <v>26</v>
      </c>
      <c r="M26" s="195">
        <v>26</v>
      </c>
      <c r="N26" s="190">
        <v>0</v>
      </c>
      <c r="O26" s="191">
        <v>0</v>
      </c>
      <c r="P26" s="196">
        <v>0</v>
      </c>
      <c r="Q26" s="193">
        <v>0</v>
      </c>
      <c r="R26" s="191">
        <v>0</v>
      </c>
      <c r="S26" s="191">
        <v>0</v>
      </c>
      <c r="T26" s="191">
        <v>0</v>
      </c>
      <c r="U26" s="191">
        <v>0</v>
      </c>
      <c r="V26" s="191">
        <v>3</v>
      </c>
      <c r="W26" s="196">
        <v>3</v>
      </c>
      <c r="X26" s="195">
        <v>3</v>
      </c>
      <c r="Y26" s="190">
        <v>2</v>
      </c>
      <c r="Z26" s="191">
        <v>3</v>
      </c>
      <c r="AA26" s="196">
        <v>5</v>
      </c>
      <c r="AB26" s="193">
        <v>0</v>
      </c>
      <c r="AC26" s="191">
        <v>8</v>
      </c>
      <c r="AD26" s="191">
        <v>9</v>
      </c>
      <c r="AE26" s="191">
        <v>4</v>
      </c>
      <c r="AF26" s="191">
        <v>2</v>
      </c>
      <c r="AG26" s="191">
        <v>6</v>
      </c>
      <c r="AH26" s="196">
        <v>29</v>
      </c>
      <c r="AI26" s="195">
        <v>34</v>
      </c>
      <c r="AJ26" s="190">
        <v>0</v>
      </c>
      <c r="AK26" s="191">
        <v>0</v>
      </c>
      <c r="AL26" s="196">
        <v>0</v>
      </c>
      <c r="AM26" s="193">
        <v>0</v>
      </c>
      <c r="AN26" s="191">
        <v>0</v>
      </c>
      <c r="AO26" s="191">
        <v>0</v>
      </c>
      <c r="AP26" s="191">
        <v>0</v>
      </c>
      <c r="AQ26" s="191">
        <v>0</v>
      </c>
      <c r="AR26" s="191">
        <v>0</v>
      </c>
      <c r="AS26" s="196">
        <v>0</v>
      </c>
      <c r="AT26" s="195">
        <v>0</v>
      </c>
      <c r="AU26" s="190">
        <v>5</v>
      </c>
      <c r="AV26" s="191">
        <v>1</v>
      </c>
      <c r="AW26" s="196">
        <v>6</v>
      </c>
      <c r="AX26" s="193">
        <v>0</v>
      </c>
      <c r="AY26" s="191">
        <v>13</v>
      </c>
      <c r="AZ26" s="191">
        <v>8</v>
      </c>
      <c r="BA26" s="191">
        <v>10</v>
      </c>
      <c r="BB26" s="191">
        <v>11</v>
      </c>
      <c r="BC26" s="191">
        <v>16</v>
      </c>
      <c r="BD26" s="194">
        <v>58</v>
      </c>
      <c r="BE26" s="195">
        <v>64</v>
      </c>
      <c r="BF26" s="190">
        <v>0</v>
      </c>
      <c r="BG26" s="191">
        <v>0</v>
      </c>
      <c r="BH26" s="196">
        <v>0</v>
      </c>
      <c r="BI26" s="193">
        <v>0</v>
      </c>
      <c r="BJ26" s="191">
        <v>12</v>
      </c>
      <c r="BK26" s="191">
        <v>8</v>
      </c>
      <c r="BL26" s="191">
        <v>2</v>
      </c>
      <c r="BM26" s="191">
        <v>1</v>
      </c>
      <c r="BN26" s="191">
        <v>0</v>
      </c>
      <c r="BO26" s="196">
        <v>23</v>
      </c>
      <c r="BP26" s="195">
        <v>23</v>
      </c>
      <c r="BQ26" s="190">
        <v>2</v>
      </c>
      <c r="BR26" s="191">
        <v>1</v>
      </c>
      <c r="BS26" s="196">
        <v>3</v>
      </c>
      <c r="BT26" s="193">
        <v>0</v>
      </c>
      <c r="BU26" s="191">
        <v>7</v>
      </c>
      <c r="BV26" s="191">
        <v>4</v>
      </c>
      <c r="BW26" s="191">
        <v>0</v>
      </c>
      <c r="BX26" s="191">
        <v>0</v>
      </c>
      <c r="BY26" s="191">
        <v>1</v>
      </c>
      <c r="BZ26" s="196">
        <v>12</v>
      </c>
      <c r="CA26" s="195">
        <v>15</v>
      </c>
      <c r="CB26" s="190">
        <v>0</v>
      </c>
      <c r="CC26" s="191">
        <v>0</v>
      </c>
      <c r="CD26" s="196">
        <v>0</v>
      </c>
      <c r="CE26" s="193">
        <v>0</v>
      </c>
      <c r="CF26" s="191">
        <v>0</v>
      </c>
      <c r="CG26" s="191">
        <v>2</v>
      </c>
      <c r="CH26" s="191">
        <v>3</v>
      </c>
      <c r="CI26" s="191">
        <v>0</v>
      </c>
      <c r="CJ26" s="191">
        <v>0</v>
      </c>
      <c r="CK26" s="196">
        <v>5</v>
      </c>
      <c r="CL26" s="195">
        <v>5</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c r="DI26" s="190">
        <v>0</v>
      </c>
      <c r="DJ26" s="191">
        <v>0</v>
      </c>
      <c r="DK26" s="196">
        <v>0</v>
      </c>
      <c r="DL26" s="193">
        <v>0</v>
      </c>
      <c r="DM26" s="191">
        <v>0</v>
      </c>
      <c r="DN26" s="191">
        <v>0</v>
      </c>
      <c r="DO26" s="191">
        <v>0</v>
      </c>
      <c r="DP26" s="191">
        <v>0</v>
      </c>
      <c r="DQ26" s="191">
        <v>0</v>
      </c>
      <c r="DR26" s="196">
        <v>0</v>
      </c>
      <c r="DS26" s="195">
        <v>0</v>
      </c>
      <c r="DT26" s="190">
        <v>4</v>
      </c>
      <c r="DU26" s="191">
        <v>7</v>
      </c>
      <c r="DV26" s="196">
        <v>11</v>
      </c>
      <c r="DW26" s="193">
        <v>0</v>
      </c>
      <c r="DX26" s="191">
        <v>14</v>
      </c>
      <c r="DY26" s="191">
        <v>20</v>
      </c>
      <c r="DZ26" s="191">
        <v>6</v>
      </c>
      <c r="EA26" s="191">
        <v>5</v>
      </c>
      <c r="EB26" s="191">
        <v>8</v>
      </c>
      <c r="EC26" s="196">
        <v>53</v>
      </c>
      <c r="ED26" s="195">
        <v>64</v>
      </c>
      <c r="EE26" s="190">
        <v>4</v>
      </c>
      <c r="EF26" s="191">
        <v>2</v>
      </c>
      <c r="EG26" s="196">
        <v>6</v>
      </c>
      <c r="EH26" s="193">
        <v>0</v>
      </c>
      <c r="EI26" s="191">
        <v>6</v>
      </c>
      <c r="EJ26" s="191">
        <v>3</v>
      </c>
      <c r="EK26" s="191">
        <v>5</v>
      </c>
      <c r="EL26" s="191">
        <v>5</v>
      </c>
      <c r="EM26" s="191">
        <v>6</v>
      </c>
      <c r="EN26" s="196">
        <v>25</v>
      </c>
      <c r="EO26" s="195">
        <v>31</v>
      </c>
      <c r="EP26" s="190">
        <v>7</v>
      </c>
      <c r="EQ26" s="191">
        <v>10</v>
      </c>
      <c r="ER26" s="196">
        <v>17</v>
      </c>
      <c r="ES26" s="193">
        <v>0</v>
      </c>
      <c r="ET26" s="191">
        <v>28</v>
      </c>
      <c r="EU26" s="191">
        <v>25</v>
      </c>
      <c r="EV26" s="191">
        <v>7</v>
      </c>
      <c r="EW26" s="191">
        <v>5</v>
      </c>
      <c r="EX26" s="191">
        <v>9</v>
      </c>
      <c r="EY26" s="196">
        <v>74</v>
      </c>
      <c r="EZ26" s="195">
        <v>91</v>
      </c>
    </row>
    <row r="27" spans="2:156" ht="21" customHeight="1" x14ac:dyDescent="0.2">
      <c r="B27" s="106" t="s">
        <v>25</v>
      </c>
      <c r="C27" s="190">
        <v>0</v>
      </c>
      <c r="D27" s="191">
        <v>0</v>
      </c>
      <c r="E27" s="192">
        <v>0</v>
      </c>
      <c r="F27" s="193">
        <v>0</v>
      </c>
      <c r="G27" s="191">
        <v>2</v>
      </c>
      <c r="H27" s="191">
        <v>1</v>
      </c>
      <c r="I27" s="191">
        <v>4</v>
      </c>
      <c r="J27" s="191">
        <v>1</v>
      </c>
      <c r="K27" s="191">
        <v>1</v>
      </c>
      <c r="L27" s="194">
        <v>9</v>
      </c>
      <c r="M27" s="195">
        <v>9</v>
      </c>
      <c r="N27" s="190">
        <v>0</v>
      </c>
      <c r="O27" s="191">
        <v>0</v>
      </c>
      <c r="P27" s="196">
        <v>0</v>
      </c>
      <c r="Q27" s="193">
        <v>0</v>
      </c>
      <c r="R27" s="191">
        <v>0</v>
      </c>
      <c r="S27" s="191">
        <v>0</v>
      </c>
      <c r="T27" s="191">
        <v>1</v>
      </c>
      <c r="U27" s="191">
        <v>0</v>
      </c>
      <c r="V27" s="191">
        <v>2</v>
      </c>
      <c r="W27" s="196">
        <v>3</v>
      </c>
      <c r="X27" s="195">
        <v>3</v>
      </c>
      <c r="Y27" s="190">
        <v>4</v>
      </c>
      <c r="Z27" s="191">
        <v>5</v>
      </c>
      <c r="AA27" s="196">
        <v>9</v>
      </c>
      <c r="AB27" s="193">
        <v>0</v>
      </c>
      <c r="AC27" s="191">
        <v>1</v>
      </c>
      <c r="AD27" s="191">
        <v>1</v>
      </c>
      <c r="AE27" s="191">
        <v>5</v>
      </c>
      <c r="AF27" s="191">
        <v>2</v>
      </c>
      <c r="AG27" s="191">
        <v>3</v>
      </c>
      <c r="AH27" s="196">
        <v>12</v>
      </c>
      <c r="AI27" s="195">
        <v>21</v>
      </c>
      <c r="AJ27" s="190">
        <v>0</v>
      </c>
      <c r="AK27" s="191">
        <v>0</v>
      </c>
      <c r="AL27" s="196">
        <v>0</v>
      </c>
      <c r="AM27" s="193">
        <v>0</v>
      </c>
      <c r="AN27" s="191">
        <v>0</v>
      </c>
      <c r="AO27" s="191">
        <v>0</v>
      </c>
      <c r="AP27" s="191">
        <v>0</v>
      </c>
      <c r="AQ27" s="191">
        <v>0</v>
      </c>
      <c r="AR27" s="191">
        <v>0</v>
      </c>
      <c r="AS27" s="196">
        <v>0</v>
      </c>
      <c r="AT27" s="195">
        <v>0</v>
      </c>
      <c r="AU27" s="190">
        <v>1</v>
      </c>
      <c r="AV27" s="191">
        <v>1</v>
      </c>
      <c r="AW27" s="196">
        <v>2</v>
      </c>
      <c r="AX27" s="193">
        <v>0</v>
      </c>
      <c r="AY27" s="191">
        <v>2</v>
      </c>
      <c r="AZ27" s="191">
        <v>2</v>
      </c>
      <c r="BA27" s="191">
        <v>2</v>
      </c>
      <c r="BB27" s="191">
        <v>1</v>
      </c>
      <c r="BC27" s="191">
        <v>4</v>
      </c>
      <c r="BD27" s="194">
        <v>11</v>
      </c>
      <c r="BE27" s="195">
        <v>13</v>
      </c>
      <c r="BF27" s="190">
        <v>0</v>
      </c>
      <c r="BG27" s="191">
        <v>0</v>
      </c>
      <c r="BH27" s="196">
        <v>0</v>
      </c>
      <c r="BI27" s="193">
        <v>0</v>
      </c>
      <c r="BJ27" s="191">
        <v>3</v>
      </c>
      <c r="BK27" s="191">
        <v>3</v>
      </c>
      <c r="BL27" s="191">
        <v>2</v>
      </c>
      <c r="BM27" s="191">
        <v>1</v>
      </c>
      <c r="BN27" s="191">
        <v>0</v>
      </c>
      <c r="BO27" s="196">
        <v>9</v>
      </c>
      <c r="BP27" s="195">
        <v>9</v>
      </c>
      <c r="BQ27" s="190">
        <v>0</v>
      </c>
      <c r="BR27" s="191">
        <v>0</v>
      </c>
      <c r="BS27" s="196">
        <v>0</v>
      </c>
      <c r="BT27" s="193">
        <v>0</v>
      </c>
      <c r="BU27" s="191">
        <v>3</v>
      </c>
      <c r="BV27" s="191">
        <v>5</v>
      </c>
      <c r="BW27" s="191">
        <v>1</v>
      </c>
      <c r="BX27" s="191">
        <v>0</v>
      </c>
      <c r="BY27" s="191">
        <v>0</v>
      </c>
      <c r="BZ27" s="196">
        <v>9</v>
      </c>
      <c r="CA27" s="195">
        <v>9</v>
      </c>
      <c r="CB27" s="190">
        <v>0</v>
      </c>
      <c r="CC27" s="191">
        <v>0</v>
      </c>
      <c r="CD27" s="196">
        <v>0</v>
      </c>
      <c r="CE27" s="193">
        <v>0</v>
      </c>
      <c r="CF27" s="191">
        <v>1</v>
      </c>
      <c r="CG27" s="191">
        <v>1</v>
      </c>
      <c r="CH27" s="191">
        <v>2</v>
      </c>
      <c r="CI27" s="191">
        <v>0</v>
      </c>
      <c r="CJ27" s="191">
        <v>0</v>
      </c>
      <c r="CK27" s="196">
        <v>4</v>
      </c>
      <c r="CL27" s="195">
        <v>4</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c r="DI27" s="190">
        <v>0</v>
      </c>
      <c r="DJ27" s="191">
        <v>0</v>
      </c>
      <c r="DK27" s="196">
        <v>0</v>
      </c>
      <c r="DL27" s="193">
        <v>0</v>
      </c>
      <c r="DM27" s="191">
        <v>0</v>
      </c>
      <c r="DN27" s="191">
        <v>0</v>
      </c>
      <c r="DO27" s="191">
        <v>0</v>
      </c>
      <c r="DP27" s="191">
        <v>0</v>
      </c>
      <c r="DQ27" s="191">
        <v>0</v>
      </c>
      <c r="DR27" s="196">
        <v>0</v>
      </c>
      <c r="DS27" s="195">
        <v>0</v>
      </c>
      <c r="DT27" s="190">
        <v>3</v>
      </c>
      <c r="DU27" s="191">
        <v>10</v>
      </c>
      <c r="DV27" s="196">
        <v>13</v>
      </c>
      <c r="DW27" s="193">
        <v>0</v>
      </c>
      <c r="DX27" s="191">
        <v>5</v>
      </c>
      <c r="DY27" s="191">
        <v>8</v>
      </c>
      <c r="DZ27" s="191">
        <v>7</v>
      </c>
      <c r="EA27" s="191">
        <v>2</v>
      </c>
      <c r="EB27" s="191">
        <v>3</v>
      </c>
      <c r="EC27" s="196">
        <v>25</v>
      </c>
      <c r="ED27" s="195">
        <v>38</v>
      </c>
      <c r="EE27" s="190">
        <v>0</v>
      </c>
      <c r="EF27" s="191">
        <v>0</v>
      </c>
      <c r="EG27" s="196">
        <v>0</v>
      </c>
      <c r="EH27" s="193">
        <v>0</v>
      </c>
      <c r="EI27" s="191">
        <v>1</v>
      </c>
      <c r="EJ27" s="191">
        <v>3</v>
      </c>
      <c r="EK27" s="191">
        <v>0</v>
      </c>
      <c r="EL27" s="191">
        <v>1</v>
      </c>
      <c r="EM27" s="191">
        <v>0</v>
      </c>
      <c r="EN27" s="196">
        <v>5</v>
      </c>
      <c r="EO27" s="195">
        <v>5</v>
      </c>
      <c r="EP27" s="190">
        <v>7</v>
      </c>
      <c r="EQ27" s="191">
        <v>13</v>
      </c>
      <c r="ER27" s="196">
        <v>20</v>
      </c>
      <c r="ES27" s="193">
        <v>0</v>
      </c>
      <c r="ET27" s="191">
        <v>10</v>
      </c>
      <c r="EU27" s="191">
        <v>11</v>
      </c>
      <c r="EV27" s="191">
        <v>9</v>
      </c>
      <c r="EW27" s="191">
        <v>3</v>
      </c>
      <c r="EX27" s="191">
        <v>4</v>
      </c>
      <c r="EY27" s="196">
        <v>37</v>
      </c>
      <c r="EZ27" s="195">
        <v>57</v>
      </c>
    </row>
    <row r="28" spans="2:156" ht="21" customHeight="1" x14ac:dyDescent="0.2">
      <c r="B28" s="106" t="s">
        <v>26</v>
      </c>
      <c r="C28" s="190">
        <v>0</v>
      </c>
      <c r="D28" s="191">
        <v>0</v>
      </c>
      <c r="E28" s="192">
        <v>0</v>
      </c>
      <c r="F28" s="193">
        <v>0</v>
      </c>
      <c r="G28" s="191">
        <v>3</v>
      </c>
      <c r="H28" s="191">
        <v>8</v>
      </c>
      <c r="I28" s="191">
        <v>4</v>
      </c>
      <c r="J28" s="191">
        <v>1</v>
      </c>
      <c r="K28" s="191">
        <v>4</v>
      </c>
      <c r="L28" s="194">
        <v>20</v>
      </c>
      <c r="M28" s="195">
        <v>20</v>
      </c>
      <c r="N28" s="190">
        <v>0</v>
      </c>
      <c r="O28" s="191">
        <v>0</v>
      </c>
      <c r="P28" s="196">
        <v>0</v>
      </c>
      <c r="Q28" s="193">
        <v>0</v>
      </c>
      <c r="R28" s="191">
        <v>0</v>
      </c>
      <c r="S28" s="191">
        <v>0</v>
      </c>
      <c r="T28" s="191">
        <v>0</v>
      </c>
      <c r="U28" s="191">
        <v>1</v>
      </c>
      <c r="V28" s="191">
        <v>0</v>
      </c>
      <c r="W28" s="196">
        <v>1</v>
      </c>
      <c r="X28" s="195">
        <v>1</v>
      </c>
      <c r="Y28" s="190">
        <v>3</v>
      </c>
      <c r="Z28" s="191">
        <v>0</v>
      </c>
      <c r="AA28" s="196">
        <v>3</v>
      </c>
      <c r="AB28" s="193">
        <v>0</v>
      </c>
      <c r="AC28" s="191">
        <v>4</v>
      </c>
      <c r="AD28" s="191">
        <v>5</v>
      </c>
      <c r="AE28" s="191">
        <v>3</v>
      </c>
      <c r="AF28" s="191">
        <v>1</v>
      </c>
      <c r="AG28" s="191">
        <v>2</v>
      </c>
      <c r="AH28" s="196">
        <v>15</v>
      </c>
      <c r="AI28" s="195">
        <v>18</v>
      </c>
      <c r="AJ28" s="190">
        <v>1</v>
      </c>
      <c r="AK28" s="191">
        <v>0</v>
      </c>
      <c r="AL28" s="196">
        <v>1</v>
      </c>
      <c r="AM28" s="193">
        <v>0</v>
      </c>
      <c r="AN28" s="191">
        <v>1</v>
      </c>
      <c r="AO28" s="191">
        <v>0</v>
      </c>
      <c r="AP28" s="191">
        <v>1</v>
      </c>
      <c r="AQ28" s="191">
        <v>0</v>
      </c>
      <c r="AR28" s="191">
        <v>0</v>
      </c>
      <c r="AS28" s="196">
        <v>2</v>
      </c>
      <c r="AT28" s="195">
        <v>3</v>
      </c>
      <c r="AU28" s="190">
        <v>1</v>
      </c>
      <c r="AV28" s="191">
        <v>0</v>
      </c>
      <c r="AW28" s="196">
        <v>1</v>
      </c>
      <c r="AX28" s="193">
        <v>0</v>
      </c>
      <c r="AY28" s="191">
        <v>8</v>
      </c>
      <c r="AZ28" s="191">
        <v>3</v>
      </c>
      <c r="BA28" s="191">
        <v>9</v>
      </c>
      <c r="BB28" s="191">
        <v>2</v>
      </c>
      <c r="BC28" s="191">
        <v>4</v>
      </c>
      <c r="BD28" s="194">
        <v>26</v>
      </c>
      <c r="BE28" s="195">
        <v>27</v>
      </c>
      <c r="BF28" s="190">
        <v>0</v>
      </c>
      <c r="BG28" s="191">
        <v>0</v>
      </c>
      <c r="BH28" s="196">
        <v>0</v>
      </c>
      <c r="BI28" s="193">
        <v>0</v>
      </c>
      <c r="BJ28" s="191">
        <v>8</v>
      </c>
      <c r="BK28" s="191">
        <v>5</v>
      </c>
      <c r="BL28" s="191">
        <v>3</v>
      </c>
      <c r="BM28" s="191">
        <v>1</v>
      </c>
      <c r="BN28" s="191">
        <v>2</v>
      </c>
      <c r="BO28" s="196">
        <v>19</v>
      </c>
      <c r="BP28" s="195">
        <v>19</v>
      </c>
      <c r="BQ28" s="190">
        <v>0</v>
      </c>
      <c r="BR28" s="191">
        <v>1</v>
      </c>
      <c r="BS28" s="196">
        <v>1</v>
      </c>
      <c r="BT28" s="193">
        <v>0</v>
      </c>
      <c r="BU28" s="191">
        <v>0</v>
      </c>
      <c r="BV28" s="191">
        <v>3</v>
      </c>
      <c r="BW28" s="191">
        <v>1</v>
      </c>
      <c r="BX28" s="191">
        <v>0</v>
      </c>
      <c r="BY28" s="191">
        <v>0</v>
      </c>
      <c r="BZ28" s="196">
        <v>4</v>
      </c>
      <c r="CA28" s="195">
        <v>5</v>
      </c>
      <c r="CB28" s="190">
        <v>0</v>
      </c>
      <c r="CC28" s="191">
        <v>0</v>
      </c>
      <c r="CD28" s="196">
        <v>0</v>
      </c>
      <c r="CE28" s="193">
        <v>0</v>
      </c>
      <c r="CF28" s="191">
        <v>1</v>
      </c>
      <c r="CG28" s="191">
        <v>3</v>
      </c>
      <c r="CH28" s="191">
        <v>0</v>
      </c>
      <c r="CI28" s="191">
        <v>1</v>
      </c>
      <c r="CJ28" s="191">
        <v>1</v>
      </c>
      <c r="CK28" s="196">
        <v>6</v>
      </c>
      <c r="CL28" s="195">
        <v>6</v>
      </c>
      <c r="CM28" s="190">
        <v>0</v>
      </c>
      <c r="CN28" s="191">
        <v>0</v>
      </c>
      <c r="CO28" s="196">
        <v>0</v>
      </c>
      <c r="CP28" s="193">
        <v>0</v>
      </c>
      <c r="CQ28" s="191">
        <v>0</v>
      </c>
      <c r="CR28" s="191">
        <v>0</v>
      </c>
      <c r="CS28" s="191">
        <v>0</v>
      </c>
      <c r="CT28" s="191">
        <v>0</v>
      </c>
      <c r="CU28" s="191">
        <v>1</v>
      </c>
      <c r="CV28" s="196">
        <v>1</v>
      </c>
      <c r="CW28" s="195">
        <v>1</v>
      </c>
      <c r="CX28" s="190">
        <v>0</v>
      </c>
      <c r="CY28" s="191">
        <v>0</v>
      </c>
      <c r="CZ28" s="196">
        <v>0</v>
      </c>
      <c r="DA28" s="193">
        <v>0</v>
      </c>
      <c r="DB28" s="191">
        <v>0</v>
      </c>
      <c r="DC28" s="191">
        <v>0</v>
      </c>
      <c r="DD28" s="191">
        <v>0</v>
      </c>
      <c r="DE28" s="191">
        <v>0</v>
      </c>
      <c r="DF28" s="191">
        <v>0</v>
      </c>
      <c r="DG28" s="196">
        <v>0</v>
      </c>
      <c r="DH28" s="195">
        <v>0</v>
      </c>
      <c r="DI28" s="190">
        <v>0</v>
      </c>
      <c r="DJ28" s="191">
        <v>0</v>
      </c>
      <c r="DK28" s="196">
        <v>0</v>
      </c>
      <c r="DL28" s="193">
        <v>0</v>
      </c>
      <c r="DM28" s="191">
        <v>0</v>
      </c>
      <c r="DN28" s="191">
        <v>0</v>
      </c>
      <c r="DO28" s="191">
        <v>0</v>
      </c>
      <c r="DP28" s="191">
        <v>0</v>
      </c>
      <c r="DQ28" s="191">
        <v>0</v>
      </c>
      <c r="DR28" s="196">
        <v>0</v>
      </c>
      <c r="DS28" s="195">
        <v>0</v>
      </c>
      <c r="DT28" s="190">
        <v>1</v>
      </c>
      <c r="DU28" s="191">
        <v>6</v>
      </c>
      <c r="DV28" s="196">
        <v>7</v>
      </c>
      <c r="DW28" s="193">
        <v>0</v>
      </c>
      <c r="DX28" s="191">
        <v>5</v>
      </c>
      <c r="DY28" s="191">
        <v>11</v>
      </c>
      <c r="DZ28" s="191">
        <v>5</v>
      </c>
      <c r="EA28" s="191">
        <v>2</v>
      </c>
      <c r="EB28" s="191">
        <v>4</v>
      </c>
      <c r="EC28" s="196">
        <v>27</v>
      </c>
      <c r="ED28" s="195">
        <v>34</v>
      </c>
      <c r="EE28" s="190">
        <v>0</v>
      </c>
      <c r="EF28" s="191">
        <v>1</v>
      </c>
      <c r="EG28" s="196">
        <v>1</v>
      </c>
      <c r="EH28" s="193">
        <v>0</v>
      </c>
      <c r="EI28" s="191">
        <v>5</v>
      </c>
      <c r="EJ28" s="191">
        <v>1</v>
      </c>
      <c r="EK28" s="191">
        <v>4</v>
      </c>
      <c r="EL28" s="191">
        <v>1</v>
      </c>
      <c r="EM28" s="191">
        <v>2</v>
      </c>
      <c r="EN28" s="196">
        <v>13</v>
      </c>
      <c r="EO28" s="195">
        <v>14</v>
      </c>
      <c r="EP28" s="190">
        <v>5</v>
      </c>
      <c r="EQ28" s="191">
        <v>7</v>
      </c>
      <c r="ER28" s="196">
        <v>12</v>
      </c>
      <c r="ES28" s="193">
        <v>0</v>
      </c>
      <c r="ET28" s="191">
        <v>14</v>
      </c>
      <c r="EU28" s="191">
        <v>16</v>
      </c>
      <c r="EV28" s="191">
        <v>8</v>
      </c>
      <c r="EW28" s="191">
        <v>3</v>
      </c>
      <c r="EX28" s="191">
        <v>5</v>
      </c>
      <c r="EY28" s="196">
        <v>46</v>
      </c>
      <c r="EZ28" s="195">
        <v>58</v>
      </c>
    </row>
    <row r="29" spans="2:156" ht="21" customHeight="1" x14ac:dyDescent="0.2">
      <c r="B29" s="106" t="s">
        <v>27</v>
      </c>
      <c r="C29" s="190">
        <v>0</v>
      </c>
      <c r="D29" s="191">
        <v>0</v>
      </c>
      <c r="E29" s="192">
        <v>0</v>
      </c>
      <c r="F29" s="193">
        <v>0</v>
      </c>
      <c r="G29" s="191">
        <v>2</v>
      </c>
      <c r="H29" s="191">
        <v>4</v>
      </c>
      <c r="I29" s="191">
        <v>3</v>
      </c>
      <c r="J29" s="191">
        <v>2</v>
      </c>
      <c r="K29" s="191">
        <v>2</v>
      </c>
      <c r="L29" s="194">
        <v>13</v>
      </c>
      <c r="M29" s="195">
        <v>13</v>
      </c>
      <c r="N29" s="190">
        <v>0</v>
      </c>
      <c r="O29" s="191">
        <v>0</v>
      </c>
      <c r="P29" s="196">
        <v>0</v>
      </c>
      <c r="Q29" s="193">
        <v>0</v>
      </c>
      <c r="R29" s="191">
        <v>0</v>
      </c>
      <c r="S29" s="191">
        <v>0</v>
      </c>
      <c r="T29" s="191">
        <v>0</v>
      </c>
      <c r="U29" s="191">
        <v>1</v>
      </c>
      <c r="V29" s="191">
        <v>0</v>
      </c>
      <c r="W29" s="196">
        <v>1</v>
      </c>
      <c r="X29" s="195">
        <v>1</v>
      </c>
      <c r="Y29" s="190">
        <v>1</v>
      </c>
      <c r="Z29" s="191">
        <v>3</v>
      </c>
      <c r="AA29" s="196">
        <v>4</v>
      </c>
      <c r="AB29" s="193">
        <v>0</v>
      </c>
      <c r="AC29" s="191">
        <v>2</v>
      </c>
      <c r="AD29" s="191">
        <v>2</v>
      </c>
      <c r="AE29" s="191">
        <v>4</v>
      </c>
      <c r="AF29" s="191">
        <v>4</v>
      </c>
      <c r="AG29" s="191">
        <v>1</v>
      </c>
      <c r="AH29" s="196">
        <v>13</v>
      </c>
      <c r="AI29" s="195">
        <v>17</v>
      </c>
      <c r="AJ29" s="190">
        <v>0</v>
      </c>
      <c r="AK29" s="191">
        <v>0</v>
      </c>
      <c r="AL29" s="196">
        <v>0</v>
      </c>
      <c r="AM29" s="193">
        <v>0</v>
      </c>
      <c r="AN29" s="191">
        <v>0</v>
      </c>
      <c r="AO29" s="191">
        <v>0</v>
      </c>
      <c r="AP29" s="191">
        <v>0</v>
      </c>
      <c r="AQ29" s="191">
        <v>0</v>
      </c>
      <c r="AR29" s="191">
        <v>0</v>
      </c>
      <c r="AS29" s="196">
        <v>0</v>
      </c>
      <c r="AT29" s="195">
        <v>0</v>
      </c>
      <c r="AU29" s="190">
        <v>2</v>
      </c>
      <c r="AV29" s="191">
        <v>1</v>
      </c>
      <c r="AW29" s="196">
        <v>3</v>
      </c>
      <c r="AX29" s="193">
        <v>0</v>
      </c>
      <c r="AY29" s="191">
        <v>2</v>
      </c>
      <c r="AZ29" s="191">
        <v>6</v>
      </c>
      <c r="BA29" s="191">
        <v>7</v>
      </c>
      <c r="BB29" s="191">
        <v>3</v>
      </c>
      <c r="BC29" s="191">
        <v>4</v>
      </c>
      <c r="BD29" s="194">
        <v>22</v>
      </c>
      <c r="BE29" s="195">
        <v>25</v>
      </c>
      <c r="BF29" s="190">
        <v>0</v>
      </c>
      <c r="BG29" s="191">
        <v>0</v>
      </c>
      <c r="BH29" s="196">
        <v>0</v>
      </c>
      <c r="BI29" s="193">
        <v>0</v>
      </c>
      <c r="BJ29" s="191">
        <v>5</v>
      </c>
      <c r="BK29" s="191">
        <v>3</v>
      </c>
      <c r="BL29" s="191">
        <v>3</v>
      </c>
      <c r="BM29" s="191">
        <v>3</v>
      </c>
      <c r="BN29" s="191">
        <v>1</v>
      </c>
      <c r="BO29" s="196">
        <v>15</v>
      </c>
      <c r="BP29" s="195">
        <v>15</v>
      </c>
      <c r="BQ29" s="190">
        <v>2</v>
      </c>
      <c r="BR29" s="191">
        <v>1</v>
      </c>
      <c r="BS29" s="196">
        <v>3</v>
      </c>
      <c r="BT29" s="193">
        <v>0</v>
      </c>
      <c r="BU29" s="191">
        <v>3</v>
      </c>
      <c r="BV29" s="191">
        <v>2</v>
      </c>
      <c r="BW29" s="191">
        <v>1</v>
      </c>
      <c r="BX29" s="191">
        <v>0</v>
      </c>
      <c r="BY29" s="191">
        <v>0</v>
      </c>
      <c r="BZ29" s="196">
        <v>6</v>
      </c>
      <c r="CA29" s="195">
        <v>9</v>
      </c>
      <c r="CB29" s="190">
        <v>0</v>
      </c>
      <c r="CC29" s="191">
        <v>0</v>
      </c>
      <c r="CD29" s="196">
        <v>0</v>
      </c>
      <c r="CE29" s="193">
        <v>0</v>
      </c>
      <c r="CF29" s="191">
        <v>0</v>
      </c>
      <c r="CG29" s="191">
        <v>0</v>
      </c>
      <c r="CH29" s="191">
        <v>1</v>
      </c>
      <c r="CI29" s="191">
        <v>1</v>
      </c>
      <c r="CJ29" s="191">
        <v>0</v>
      </c>
      <c r="CK29" s="196">
        <v>2</v>
      </c>
      <c r="CL29" s="195">
        <v>2</v>
      </c>
      <c r="CM29" s="190">
        <v>0</v>
      </c>
      <c r="CN29" s="191">
        <v>0</v>
      </c>
      <c r="CO29" s="196">
        <v>0</v>
      </c>
      <c r="CP29" s="193">
        <v>0</v>
      </c>
      <c r="CQ29" s="191">
        <v>1</v>
      </c>
      <c r="CR29" s="191">
        <v>0</v>
      </c>
      <c r="CS29" s="191">
        <v>1</v>
      </c>
      <c r="CT29" s="191">
        <v>0</v>
      </c>
      <c r="CU29" s="191">
        <v>0</v>
      </c>
      <c r="CV29" s="196">
        <v>2</v>
      </c>
      <c r="CW29" s="195">
        <v>2</v>
      </c>
      <c r="CX29" s="190">
        <v>0</v>
      </c>
      <c r="CY29" s="191">
        <v>0</v>
      </c>
      <c r="CZ29" s="196">
        <v>0</v>
      </c>
      <c r="DA29" s="193">
        <v>0</v>
      </c>
      <c r="DB29" s="191">
        <v>0</v>
      </c>
      <c r="DC29" s="191">
        <v>0</v>
      </c>
      <c r="DD29" s="191">
        <v>0</v>
      </c>
      <c r="DE29" s="191">
        <v>0</v>
      </c>
      <c r="DF29" s="191">
        <v>0</v>
      </c>
      <c r="DG29" s="196">
        <v>0</v>
      </c>
      <c r="DH29" s="195">
        <v>0</v>
      </c>
      <c r="DI29" s="190">
        <v>0</v>
      </c>
      <c r="DJ29" s="191">
        <v>0</v>
      </c>
      <c r="DK29" s="196">
        <v>0</v>
      </c>
      <c r="DL29" s="193">
        <v>0</v>
      </c>
      <c r="DM29" s="191">
        <v>0</v>
      </c>
      <c r="DN29" s="191">
        <v>0</v>
      </c>
      <c r="DO29" s="191">
        <v>0</v>
      </c>
      <c r="DP29" s="191">
        <v>0</v>
      </c>
      <c r="DQ29" s="191">
        <v>0</v>
      </c>
      <c r="DR29" s="196">
        <v>0</v>
      </c>
      <c r="DS29" s="195">
        <v>0</v>
      </c>
      <c r="DT29" s="190">
        <v>5</v>
      </c>
      <c r="DU29" s="191">
        <v>9</v>
      </c>
      <c r="DV29" s="196">
        <v>14</v>
      </c>
      <c r="DW29" s="193">
        <v>0</v>
      </c>
      <c r="DX29" s="191">
        <v>7</v>
      </c>
      <c r="DY29" s="191">
        <v>9</v>
      </c>
      <c r="DZ29" s="191">
        <v>7</v>
      </c>
      <c r="EA29" s="191">
        <v>5</v>
      </c>
      <c r="EB29" s="191">
        <v>2</v>
      </c>
      <c r="EC29" s="196">
        <v>30</v>
      </c>
      <c r="ED29" s="195">
        <v>44</v>
      </c>
      <c r="EE29" s="190">
        <v>1</v>
      </c>
      <c r="EF29" s="191">
        <v>2</v>
      </c>
      <c r="EG29" s="196">
        <v>3</v>
      </c>
      <c r="EH29" s="193">
        <v>0</v>
      </c>
      <c r="EI29" s="191">
        <v>2</v>
      </c>
      <c r="EJ29" s="191">
        <v>5</v>
      </c>
      <c r="EK29" s="191">
        <v>3</v>
      </c>
      <c r="EL29" s="191">
        <v>0</v>
      </c>
      <c r="EM29" s="191">
        <v>2</v>
      </c>
      <c r="EN29" s="196">
        <v>12</v>
      </c>
      <c r="EO29" s="195">
        <v>15</v>
      </c>
      <c r="EP29" s="190">
        <v>7</v>
      </c>
      <c r="EQ29" s="191">
        <v>9</v>
      </c>
      <c r="ER29" s="196">
        <v>16</v>
      </c>
      <c r="ES29" s="193">
        <v>0</v>
      </c>
      <c r="ET29" s="191">
        <v>14</v>
      </c>
      <c r="EU29" s="191">
        <v>10</v>
      </c>
      <c r="EV29" s="191">
        <v>7</v>
      </c>
      <c r="EW29" s="191">
        <v>5</v>
      </c>
      <c r="EX29" s="191">
        <v>2</v>
      </c>
      <c r="EY29" s="196">
        <v>38</v>
      </c>
      <c r="EZ29" s="195">
        <v>54</v>
      </c>
    </row>
    <row r="30" spans="2:156" ht="21" customHeight="1" x14ac:dyDescent="0.2">
      <c r="B30" s="106" t="s">
        <v>28</v>
      </c>
      <c r="C30" s="190">
        <v>0</v>
      </c>
      <c r="D30" s="191">
        <v>0</v>
      </c>
      <c r="E30" s="192">
        <v>0</v>
      </c>
      <c r="F30" s="193">
        <v>0</v>
      </c>
      <c r="G30" s="191">
        <v>1</v>
      </c>
      <c r="H30" s="191">
        <v>1</v>
      </c>
      <c r="I30" s="191">
        <v>0</v>
      </c>
      <c r="J30" s="191">
        <v>1</v>
      </c>
      <c r="K30" s="191">
        <v>0</v>
      </c>
      <c r="L30" s="194">
        <v>3</v>
      </c>
      <c r="M30" s="195">
        <v>3</v>
      </c>
      <c r="N30" s="190">
        <v>0</v>
      </c>
      <c r="O30" s="191">
        <v>0</v>
      </c>
      <c r="P30" s="196">
        <v>0</v>
      </c>
      <c r="Q30" s="193">
        <v>0</v>
      </c>
      <c r="R30" s="191">
        <v>0</v>
      </c>
      <c r="S30" s="191">
        <v>0</v>
      </c>
      <c r="T30" s="191">
        <v>0</v>
      </c>
      <c r="U30" s="191">
        <v>0</v>
      </c>
      <c r="V30" s="191">
        <v>0</v>
      </c>
      <c r="W30" s="196">
        <v>0</v>
      </c>
      <c r="X30" s="195">
        <v>0</v>
      </c>
      <c r="Y30" s="190">
        <v>0</v>
      </c>
      <c r="Z30" s="191">
        <v>1</v>
      </c>
      <c r="AA30" s="196">
        <v>1</v>
      </c>
      <c r="AB30" s="193">
        <v>0</v>
      </c>
      <c r="AC30" s="191">
        <v>0</v>
      </c>
      <c r="AD30" s="191">
        <v>1</v>
      </c>
      <c r="AE30" s="191">
        <v>1</v>
      </c>
      <c r="AF30" s="191">
        <v>0</v>
      </c>
      <c r="AG30" s="191">
        <v>0</v>
      </c>
      <c r="AH30" s="196">
        <v>2</v>
      </c>
      <c r="AI30" s="195">
        <v>3</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1</v>
      </c>
      <c r="AZ30" s="191">
        <v>1</v>
      </c>
      <c r="BA30" s="191">
        <v>0</v>
      </c>
      <c r="BB30" s="191">
        <v>1</v>
      </c>
      <c r="BC30" s="191">
        <v>3</v>
      </c>
      <c r="BD30" s="194">
        <v>6</v>
      </c>
      <c r="BE30" s="195">
        <v>6</v>
      </c>
      <c r="BF30" s="190">
        <v>0</v>
      </c>
      <c r="BG30" s="191">
        <v>0</v>
      </c>
      <c r="BH30" s="196">
        <v>0</v>
      </c>
      <c r="BI30" s="193">
        <v>0</v>
      </c>
      <c r="BJ30" s="191">
        <v>0</v>
      </c>
      <c r="BK30" s="191">
        <v>0</v>
      </c>
      <c r="BL30" s="191">
        <v>3</v>
      </c>
      <c r="BM30" s="191">
        <v>0</v>
      </c>
      <c r="BN30" s="191">
        <v>0</v>
      </c>
      <c r="BO30" s="196">
        <v>3</v>
      </c>
      <c r="BP30" s="195">
        <v>3</v>
      </c>
      <c r="BQ30" s="190">
        <v>0</v>
      </c>
      <c r="BR30" s="191">
        <v>0</v>
      </c>
      <c r="BS30" s="196">
        <v>0</v>
      </c>
      <c r="BT30" s="193">
        <v>0</v>
      </c>
      <c r="BU30" s="191">
        <v>0</v>
      </c>
      <c r="BV30" s="191">
        <v>0</v>
      </c>
      <c r="BW30" s="191">
        <v>1</v>
      </c>
      <c r="BX30" s="191">
        <v>0</v>
      </c>
      <c r="BY30" s="191">
        <v>0</v>
      </c>
      <c r="BZ30" s="196">
        <v>1</v>
      </c>
      <c r="CA30" s="195">
        <v>1</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1</v>
      </c>
      <c r="CR30" s="191">
        <v>0</v>
      </c>
      <c r="CS30" s="191">
        <v>0</v>
      </c>
      <c r="CT30" s="191">
        <v>0</v>
      </c>
      <c r="CU30" s="191">
        <v>0</v>
      </c>
      <c r="CV30" s="196">
        <v>1</v>
      </c>
      <c r="CW30" s="195">
        <v>1</v>
      </c>
      <c r="CX30" s="190">
        <v>0</v>
      </c>
      <c r="CY30" s="191">
        <v>0</v>
      </c>
      <c r="CZ30" s="196">
        <v>0</v>
      </c>
      <c r="DA30" s="193">
        <v>0</v>
      </c>
      <c r="DB30" s="191">
        <v>0</v>
      </c>
      <c r="DC30" s="191">
        <v>0</v>
      </c>
      <c r="DD30" s="191">
        <v>0</v>
      </c>
      <c r="DE30" s="191">
        <v>0</v>
      </c>
      <c r="DF30" s="191">
        <v>0</v>
      </c>
      <c r="DG30" s="196">
        <v>0</v>
      </c>
      <c r="DH30" s="195">
        <v>0</v>
      </c>
      <c r="DI30" s="190">
        <v>0</v>
      </c>
      <c r="DJ30" s="191">
        <v>0</v>
      </c>
      <c r="DK30" s="196">
        <v>0</v>
      </c>
      <c r="DL30" s="193">
        <v>0</v>
      </c>
      <c r="DM30" s="191">
        <v>0</v>
      </c>
      <c r="DN30" s="191">
        <v>0</v>
      </c>
      <c r="DO30" s="191">
        <v>0</v>
      </c>
      <c r="DP30" s="191">
        <v>0</v>
      </c>
      <c r="DQ30" s="191">
        <v>0</v>
      </c>
      <c r="DR30" s="196">
        <v>0</v>
      </c>
      <c r="DS30" s="195">
        <v>0</v>
      </c>
      <c r="DT30" s="190">
        <v>0</v>
      </c>
      <c r="DU30" s="191">
        <v>1</v>
      </c>
      <c r="DV30" s="196">
        <v>1</v>
      </c>
      <c r="DW30" s="193">
        <v>0</v>
      </c>
      <c r="DX30" s="191">
        <v>0</v>
      </c>
      <c r="DY30" s="191">
        <v>3</v>
      </c>
      <c r="DZ30" s="191">
        <v>3</v>
      </c>
      <c r="EA30" s="191">
        <v>1</v>
      </c>
      <c r="EB30" s="191">
        <v>0</v>
      </c>
      <c r="EC30" s="196">
        <v>7</v>
      </c>
      <c r="ED30" s="195">
        <v>8</v>
      </c>
      <c r="EE30" s="190">
        <v>0</v>
      </c>
      <c r="EF30" s="191">
        <v>0</v>
      </c>
      <c r="EG30" s="196">
        <v>0</v>
      </c>
      <c r="EH30" s="193">
        <v>0</v>
      </c>
      <c r="EI30" s="191">
        <v>0</v>
      </c>
      <c r="EJ30" s="191">
        <v>0</v>
      </c>
      <c r="EK30" s="191">
        <v>0</v>
      </c>
      <c r="EL30" s="191">
        <v>0</v>
      </c>
      <c r="EM30" s="191">
        <v>3</v>
      </c>
      <c r="EN30" s="196">
        <v>3</v>
      </c>
      <c r="EO30" s="195">
        <v>3</v>
      </c>
      <c r="EP30" s="190">
        <v>0</v>
      </c>
      <c r="EQ30" s="191">
        <v>2</v>
      </c>
      <c r="ER30" s="196">
        <v>2</v>
      </c>
      <c r="ES30" s="193">
        <v>0</v>
      </c>
      <c r="ET30" s="191">
        <v>6</v>
      </c>
      <c r="EU30" s="191">
        <v>4</v>
      </c>
      <c r="EV30" s="191">
        <v>4</v>
      </c>
      <c r="EW30" s="191">
        <v>1</v>
      </c>
      <c r="EX30" s="191">
        <v>0</v>
      </c>
      <c r="EY30" s="196">
        <v>15</v>
      </c>
      <c r="EZ30" s="195">
        <v>17</v>
      </c>
    </row>
    <row r="31" spans="2:156" ht="21" customHeight="1" x14ac:dyDescent="0.2">
      <c r="B31" s="106" t="s">
        <v>29</v>
      </c>
      <c r="C31" s="190">
        <v>0</v>
      </c>
      <c r="D31" s="191">
        <v>0</v>
      </c>
      <c r="E31" s="192">
        <v>0</v>
      </c>
      <c r="F31" s="193">
        <v>0</v>
      </c>
      <c r="G31" s="191">
        <v>2</v>
      </c>
      <c r="H31" s="191">
        <v>2</v>
      </c>
      <c r="I31" s="191">
        <v>1</v>
      </c>
      <c r="J31" s="191">
        <v>1</v>
      </c>
      <c r="K31" s="191">
        <v>0</v>
      </c>
      <c r="L31" s="194">
        <v>6</v>
      </c>
      <c r="M31" s="195">
        <v>6</v>
      </c>
      <c r="N31" s="190">
        <v>0</v>
      </c>
      <c r="O31" s="191">
        <v>0</v>
      </c>
      <c r="P31" s="196">
        <v>0</v>
      </c>
      <c r="Q31" s="193">
        <v>0</v>
      </c>
      <c r="R31" s="191">
        <v>0</v>
      </c>
      <c r="S31" s="191">
        <v>0</v>
      </c>
      <c r="T31" s="191">
        <v>0</v>
      </c>
      <c r="U31" s="191">
        <v>0</v>
      </c>
      <c r="V31" s="191">
        <v>0</v>
      </c>
      <c r="W31" s="196">
        <v>0</v>
      </c>
      <c r="X31" s="195">
        <v>0</v>
      </c>
      <c r="Y31" s="190">
        <v>1</v>
      </c>
      <c r="Z31" s="191">
        <v>1</v>
      </c>
      <c r="AA31" s="196">
        <v>2</v>
      </c>
      <c r="AB31" s="193">
        <v>0</v>
      </c>
      <c r="AC31" s="191">
        <v>3</v>
      </c>
      <c r="AD31" s="191">
        <v>3</v>
      </c>
      <c r="AE31" s="191">
        <v>1</v>
      </c>
      <c r="AF31" s="191">
        <v>0</v>
      </c>
      <c r="AG31" s="191">
        <v>0</v>
      </c>
      <c r="AH31" s="196">
        <v>7</v>
      </c>
      <c r="AI31" s="195">
        <v>9</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2</v>
      </c>
      <c r="AZ31" s="191">
        <v>0</v>
      </c>
      <c r="BA31" s="191">
        <v>2</v>
      </c>
      <c r="BB31" s="191">
        <v>2</v>
      </c>
      <c r="BC31" s="191">
        <v>0</v>
      </c>
      <c r="BD31" s="194">
        <v>6</v>
      </c>
      <c r="BE31" s="195">
        <v>6</v>
      </c>
      <c r="BF31" s="190">
        <v>0</v>
      </c>
      <c r="BG31" s="191">
        <v>0</v>
      </c>
      <c r="BH31" s="196">
        <v>0</v>
      </c>
      <c r="BI31" s="193">
        <v>0</v>
      </c>
      <c r="BJ31" s="191">
        <v>3</v>
      </c>
      <c r="BK31" s="191">
        <v>1</v>
      </c>
      <c r="BL31" s="191">
        <v>0</v>
      </c>
      <c r="BM31" s="191">
        <v>0</v>
      </c>
      <c r="BN31" s="191">
        <v>0</v>
      </c>
      <c r="BO31" s="196">
        <v>4</v>
      </c>
      <c r="BP31" s="195">
        <v>4</v>
      </c>
      <c r="BQ31" s="190">
        <v>0</v>
      </c>
      <c r="BR31" s="191">
        <v>0</v>
      </c>
      <c r="BS31" s="196">
        <v>0</v>
      </c>
      <c r="BT31" s="193">
        <v>0</v>
      </c>
      <c r="BU31" s="191">
        <v>1</v>
      </c>
      <c r="BV31" s="191">
        <v>0</v>
      </c>
      <c r="BW31" s="191">
        <v>0</v>
      </c>
      <c r="BX31" s="191">
        <v>0</v>
      </c>
      <c r="BY31" s="191">
        <v>0</v>
      </c>
      <c r="BZ31" s="196">
        <v>1</v>
      </c>
      <c r="CA31" s="195">
        <v>1</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c r="DI31" s="190">
        <v>0</v>
      </c>
      <c r="DJ31" s="191">
        <v>0</v>
      </c>
      <c r="DK31" s="196">
        <v>0</v>
      </c>
      <c r="DL31" s="193">
        <v>0</v>
      </c>
      <c r="DM31" s="191">
        <v>0</v>
      </c>
      <c r="DN31" s="191">
        <v>0</v>
      </c>
      <c r="DO31" s="191">
        <v>0</v>
      </c>
      <c r="DP31" s="191">
        <v>0</v>
      </c>
      <c r="DQ31" s="191">
        <v>0</v>
      </c>
      <c r="DR31" s="196">
        <v>0</v>
      </c>
      <c r="DS31" s="195">
        <v>0</v>
      </c>
      <c r="DT31" s="190">
        <v>1</v>
      </c>
      <c r="DU31" s="191">
        <v>3</v>
      </c>
      <c r="DV31" s="196">
        <v>4</v>
      </c>
      <c r="DW31" s="193">
        <v>0</v>
      </c>
      <c r="DX31" s="191">
        <v>1</v>
      </c>
      <c r="DY31" s="191">
        <v>4</v>
      </c>
      <c r="DZ31" s="191">
        <v>2</v>
      </c>
      <c r="EA31" s="191">
        <v>1</v>
      </c>
      <c r="EB31" s="191">
        <v>0</v>
      </c>
      <c r="EC31" s="196">
        <v>8</v>
      </c>
      <c r="ED31" s="195">
        <v>12</v>
      </c>
      <c r="EE31" s="190">
        <v>1</v>
      </c>
      <c r="EF31" s="191">
        <v>0</v>
      </c>
      <c r="EG31" s="196">
        <v>1</v>
      </c>
      <c r="EH31" s="193">
        <v>0</v>
      </c>
      <c r="EI31" s="191">
        <v>0</v>
      </c>
      <c r="EJ31" s="191">
        <v>0</v>
      </c>
      <c r="EK31" s="191">
        <v>1</v>
      </c>
      <c r="EL31" s="191">
        <v>1</v>
      </c>
      <c r="EM31" s="191">
        <v>1</v>
      </c>
      <c r="EN31" s="196">
        <v>3</v>
      </c>
      <c r="EO31" s="195">
        <v>4</v>
      </c>
      <c r="EP31" s="190">
        <v>2</v>
      </c>
      <c r="EQ31" s="191">
        <v>3</v>
      </c>
      <c r="ER31" s="196">
        <v>5</v>
      </c>
      <c r="ES31" s="193">
        <v>0</v>
      </c>
      <c r="ET31" s="191">
        <v>7</v>
      </c>
      <c r="EU31" s="191">
        <v>4</v>
      </c>
      <c r="EV31" s="191">
        <v>2</v>
      </c>
      <c r="EW31" s="191">
        <v>1</v>
      </c>
      <c r="EX31" s="191">
        <v>0</v>
      </c>
      <c r="EY31" s="196">
        <v>14</v>
      </c>
      <c r="EZ31" s="195">
        <v>19</v>
      </c>
    </row>
    <row r="32" spans="2:156" ht="21" customHeight="1" x14ac:dyDescent="0.2">
      <c r="B32" s="106" t="s">
        <v>30</v>
      </c>
      <c r="C32" s="190">
        <v>0</v>
      </c>
      <c r="D32" s="191">
        <v>0</v>
      </c>
      <c r="E32" s="192">
        <v>0</v>
      </c>
      <c r="F32" s="193">
        <v>0</v>
      </c>
      <c r="G32" s="191">
        <v>2</v>
      </c>
      <c r="H32" s="191">
        <v>1</v>
      </c>
      <c r="I32" s="191">
        <v>1</v>
      </c>
      <c r="J32" s="191">
        <v>1</v>
      </c>
      <c r="K32" s="191">
        <v>0</v>
      </c>
      <c r="L32" s="194">
        <v>5</v>
      </c>
      <c r="M32" s="195">
        <v>5</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3</v>
      </c>
      <c r="AD32" s="191">
        <v>1</v>
      </c>
      <c r="AE32" s="191">
        <v>1</v>
      </c>
      <c r="AF32" s="191">
        <v>0</v>
      </c>
      <c r="AG32" s="191">
        <v>0</v>
      </c>
      <c r="AH32" s="196">
        <v>5</v>
      </c>
      <c r="AI32" s="195">
        <v>5</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4</v>
      </c>
      <c r="AZ32" s="191">
        <v>1</v>
      </c>
      <c r="BA32" s="191">
        <v>1</v>
      </c>
      <c r="BB32" s="191">
        <v>1</v>
      </c>
      <c r="BC32" s="191">
        <v>0</v>
      </c>
      <c r="BD32" s="194">
        <v>7</v>
      </c>
      <c r="BE32" s="195">
        <v>7</v>
      </c>
      <c r="BF32" s="190">
        <v>0</v>
      </c>
      <c r="BG32" s="191">
        <v>0</v>
      </c>
      <c r="BH32" s="196">
        <v>0</v>
      </c>
      <c r="BI32" s="193">
        <v>0</v>
      </c>
      <c r="BJ32" s="191">
        <v>1</v>
      </c>
      <c r="BK32" s="191">
        <v>0</v>
      </c>
      <c r="BL32" s="191">
        <v>1</v>
      </c>
      <c r="BM32" s="191">
        <v>0</v>
      </c>
      <c r="BN32" s="191">
        <v>0</v>
      </c>
      <c r="BO32" s="196">
        <v>2</v>
      </c>
      <c r="BP32" s="195">
        <v>2</v>
      </c>
      <c r="BQ32" s="190">
        <v>0</v>
      </c>
      <c r="BR32" s="191">
        <v>0</v>
      </c>
      <c r="BS32" s="196">
        <v>0</v>
      </c>
      <c r="BT32" s="193">
        <v>0</v>
      </c>
      <c r="BU32" s="191">
        <v>1</v>
      </c>
      <c r="BV32" s="191">
        <v>1</v>
      </c>
      <c r="BW32" s="191">
        <v>0</v>
      </c>
      <c r="BX32" s="191">
        <v>1</v>
      </c>
      <c r="BY32" s="191">
        <v>0</v>
      </c>
      <c r="BZ32" s="196">
        <v>3</v>
      </c>
      <c r="CA32" s="195">
        <v>3</v>
      </c>
      <c r="CB32" s="190">
        <v>0</v>
      </c>
      <c r="CC32" s="191">
        <v>0</v>
      </c>
      <c r="CD32" s="196">
        <v>0</v>
      </c>
      <c r="CE32" s="193">
        <v>0</v>
      </c>
      <c r="CF32" s="191">
        <v>1</v>
      </c>
      <c r="CG32" s="191">
        <v>1</v>
      </c>
      <c r="CH32" s="191">
        <v>0</v>
      </c>
      <c r="CI32" s="191">
        <v>1</v>
      </c>
      <c r="CJ32" s="191">
        <v>0</v>
      </c>
      <c r="CK32" s="196">
        <v>3</v>
      </c>
      <c r="CL32" s="195">
        <v>3</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c r="DI32" s="190">
        <v>0</v>
      </c>
      <c r="DJ32" s="191">
        <v>0</v>
      </c>
      <c r="DK32" s="196">
        <v>0</v>
      </c>
      <c r="DL32" s="193">
        <v>0</v>
      </c>
      <c r="DM32" s="191">
        <v>0</v>
      </c>
      <c r="DN32" s="191">
        <v>0</v>
      </c>
      <c r="DO32" s="191">
        <v>0</v>
      </c>
      <c r="DP32" s="191">
        <v>0</v>
      </c>
      <c r="DQ32" s="191">
        <v>0</v>
      </c>
      <c r="DR32" s="196">
        <v>0</v>
      </c>
      <c r="DS32" s="195">
        <v>0</v>
      </c>
      <c r="DT32" s="190">
        <v>4</v>
      </c>
      <c r="DU32" s="191">
        <v>0</v>
      </c>
      <c r="DV32" s="196">
        <v>4</v>
      </c>
      <c r="DW32" s="193">
        <v>0</v>
      </c>
      <c r="DX32" s="191">
        <v>2</v>
      </c>
      <c r="DY32" s="191">
        <v>2</v>
      </c>
      <c r="DZ32" s="191">
        <v>2</v>
      </c>
      <c r="EA32" s="191">
        <v>2</v>
      </c>
      <c r="EB32" s="191">
        <v>0</v>
      </c>
      <c r="EC32" s="196">
        <v>8</v>
      </c>
      <c r="ED32" s="195">
        <v>12</v>
      </c>
      <c r="EE32" s="190">
        <v>0</v>
      </c>
      <c r="EF32" s="191">
        <v>0</v>
      </c>
      <c r="EG32" s="196">
        <v>0</v>
      </c>
      <c r="EH32" s="193">
        <v>0</v>
      </c>
      <c r="EI32" s="191">
        <v>1</v>
      </c>
      <c r="EJ32" s="191">
        <v>1</v>
      </c>
      <c r="EK32" s="191">
        <v>1</v>
      </c>
      <c r="EL32" s="191">
        <v>0</v>
      </c>
      <c r="EM32" s="191">
        <v>0</v>
      </c>
      <c r="EN32" s="196">
        <v>3</v>
      </c>
      <c r="EO32" s="195">
        <v>3</v>
      </c>
      <c r="EP32" s="190">
        <v>4</v>
      </c>
      <c r="EQ32" s="191">
        <v>0</v>
      </c>
      <c r="ER32" s="196">
        <v>4</v>
      </c>
      <c r="ES32" s="193">
        <v>0</v>
      </c>
      <c r="ET32" s="191">
        <v>5</v>
      </c>
      <c r="EU32" s="191">
        <v>3</v>
      </c>
      <c r="EV32" s="191">
        <v>2</v>
      </c>
      <c r="EW32" s="191">
        <v>3</v>
      </c>
      <c r="EX32" s="191">
        <v>0</v>
      </c>
      <c r="EY32" s="196">
        <v>13</v>
      </c>
      <c r="EZ32" s="195">
        <v>17</v>
      </c>
    </row>
    <row r="33" spans="2:156" ht="21" customHeight="1" x14ac:dyDescent="0.2">
      <c r="B33" s="106" t="s">
        <v>31</v>
      </c>
      <c r="C33" s="190">
        <v>0</v>
      </c>
      <c r="D33" s="191">
        <v>0</v>
      </c>
      <c r="E33" s="192">
        <v>0</v>
      </c>
      <c r="F33" s="193">
        <v>0</v>
      </c>
      <c r="G33" s="191">
        <v>2</v>
      </c>
      <c r="H33" s="191">
        <v>0</v>
      </c>
      <c r="I33" s="191">
        <v>0</v>
      </c>
      <c r="J33" s="191">
        <v>0</v>
      </c>
      <c r="K33" s="191">
        <v>0</v>
      </c>
      <c r="L33" s="194">
        <v>2</v>
      </c>
      <c r="M33" s="195">
        <v>2</v>
      </c>
      <c r="N33" s="190">
        <v>0</v>
      </c>
      <c r="O33" s="191">
        <v>0</v>
      </c>
      <c r="P33" s="196">
        <v>0</v>
      </c>
      <c r="Q33" s="193">
        <v>0</v>
      </c>
      <c r="R33" s="191">
        <v>0</v>
      </c>
      <c r="S33" s="191">
        <v>0</v>
      </c>
      <c r="T33" s="191">
        <v>0</v>
      </c>
      <c r="U33" s="191">
        <v>0</v>
      </c>
      <c r="V33" s="191">
        <v>1</v>
      </c>
      <c r="W33" s="196">
        <v>1</v>
      </c>
      <c r="X33" s="195">
        <v>1</v>
      </c>
      <c r="Y33" s="190">
        <v>0</v>
      </c>
      <c r="Z33" s="191">
        <v>1</v>
      </c>
      <c r="AA33" s="196">
        <v>1</v>
      </c>
      <c r="AB33" s="193">
        <v>0</v>
      </c>
      <c r="AC33" s="191">
        <v>1</v>
      </c>
      <c r="AD33" s="191">
        <v>1</v>
      </c>
      <c r="AE33" s="191">
        <v>3</v>
      </c>
      <c r="AF33" s="191">
        <v>0</v>
      </c>
      <c r="AG33" s="191">
        <v>1</v>
      </c>
      <c r="AH33" s="196">
        <v>6</v>
      </c>
      <c r="AI33" s="195">
        <v>7</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1</v>
      </c>
      <c r="BB33" s="191">
        <v>0</v>
      </c>
      <c r="BC33" s="191">
        <v>0</v>
      </c>
      <c r="BD33" s="194">
        <v>1</v>
      </c>
      <c r="BE33" s="195">
        <v>1</v>
      </c>
      <c r="BF33" s="190">
        <v>0</v>
      </c>
      <c r="BG33" s="191">
        <v>0</v>
      </c>
      <c r="BH33" s="196">
        <v>0</v>
      </c>
      <c r="BI33" s="193">
        <v>0</v>
      </c>
      <c r="BJ33" s="191">
        <v>2</v>
      </c>
      <c r="BK33" s="191">
        <v>2</v>
      </c>
      <c r="BL33" s="191">
        <v>1</v>
      </c>
      <c r="BM33" s="191">
        <v>1</v>
      </c>
      <c r="BN33" s="191">
        <v>0</v>
      </c>
      <c r="BO33" s="196">
        <v>6</v>
      </c>
      <c r="BP33" s="195">
        <v>6</v>
      </c>
      <c r="BQ33" s="190">
        <v>0</v>
      </c>
      <c r="BR33" s="191">
        <v>0</v>
      </c>
      <c r="BS33" s="196">
        <v>0</v>
      </c>
      <c r="BT33" s="193">
        <v>0</v>
      </c>
      <c r="BU33" s="191">
        <v>0</v>
      </c>
      <c r="BV33" s="191">
        <v>1</v>
      </c>
      <c r="BW33" s="191">
        <v>1</v>
      </c>
      <c r="BX33" s="191">
        <v>0</v>
      </c>
      <c r="BY33" s="191">
        <v>0</v>
      </c>
      <c r="BZ33" s="196">
        <v>2</v>
      </c>
      <c r="CA33" s="195">
        <v>2</v>
      </c>
      <c r="CB33" s="190">
        <v>0</v>
      </c>
      <c r="CC33" s="191">
        <v>0</v>
      </c>
      <c r="CD33" s="196">
        <v>0</v>
      </c>
      <c r="CE33" s="193">
        <v>0</v>
      </c>
      <c r="CF33" s="191">
        <v>0</v>
      </c>
      <c r="CG33" s="191">
        <v>0</v>
      </c>
      <c r="CH33" s="191">
        <v>0</v>
      </c>
      <c r="CI33" s="191">
        <v>0</v>
      </c>
      <c r="CJ33" s="191">
        <v>1</v>
      </c>
      <c r="CK33" s="196">
        <v>1</v>
      </c>
      <c r="CL33" s="195">
        <v>1</v>
      </c>
      <c r="CM33" s="190">
        <v>0</v>
      </c>
      <c r="CN33" s="191">
        <v>0</v>
      </c>
      <c r="CO33" s="196">
        <v>0</v>
      </c>
      <c r="CP33" s="193">
        <v>0</v>
      </c>
      <c r="CQ33" s="191">
        <v>0</v>
      </c>
      <c r="CR33" s="191">
        <v>0</v>
      </c>
      <c r="CS33" s="191">
        <v>1</v>
      </c>
      <c r="CT33" s="191">
        <v>1</v>
      </c>
      <c r="CU33" s="191">
        <v>0</v>
      </c>
      <c r="CV33" s="196">
        <v>2</v>
      </c>
      <c r="CW33" s="195">
        <v>2</v>
      </c>
      <c r="CX33" s="190">
        <v>0</v>
      </c>
      <c r="CY33" s="191">
        <v>0</v>
      </c>
      <c r="CZ33" s="196">
        <v>0</v>
      </c>
      <c r="DA33" s="193">
        <v>0</v>
      </c>
      <c r="DB33" s="191">
        <v>0</v>
      </c>
      <c r="DC33" s="191">
        <v>0</v>
      </c>
      <c r="DD33" s="191">
        <v>0</v>
      </c>
      <c r="DE33" s="191">
        <v>0</v>
      </c>
      <c r="DF33" s="191">
        <v>0</v>
      </c>
      <c r="DG33" s="196">
        <v>0</v>
      </c>
      <c r="DH33" s="195">
        <v>0</v>
      </c>
      <c r="DI33" s="190">
        <v>0</v>
      </c>
      <c r="DJ33" s="191">
        <v>0</v>
      </c>
      <c r="DK33" s="196">
        <v>0</v>
      </c>
      <c r="DL33" s="193">
        <v>0</v>
      </c>
      <c r="DM33" s="191">
        <v>0</v>
      </c>
      <c r="DN33" s="191">
        <v>0</v>
      </c>
      <c r="DO33" s="191">
        <v>0</v>
      </c>
      <c r="DP33" s="191">
        <v>0</v>
      </c>
      <c r="DQ33" s="191">
        <v>0</v>
      </c>
      <c r="DR33" s="196">
        <v>0</v>
      </c>
      <c r="DS33" s="195">
        <v>0</v>
      </c>
      <c r="DT33" s="190">
        <v>1</v>
      </c>
      <c r="DU33" s="191">
        <v>0</v>
      </c>
      <c r="DV33" s="196">
        <v>1</v>
      </c>
      <c r="DW33" s="193">
        <v>0</v>
      </c>
      <c r="DX33" s="191">
        <v>2</v>
      </c>
      <c r="DY33" s="191">
        <v>2</v>
      </c>
      <c r="DZ33" s="191">
        <v>4</v>
      </c>
      <c r="EA33" s="191">
        <v>2</v>
      </c>
      <c r="EB33" s="191">
        <v>1</v>
      </c>
      <c r="EC33" s="196">
        <v>11</v>
      </c>
      <c r="ED33" s="195">
        <v>12</v>
      </c>
      <c r="EE33" s="190">
        <v>0</v>
      </c>
      <c r="EF33" s="191">
        <v>0</v>
      </c>
      <c r="EG33" s="196">
        <v>0</v>
      </c>
      <c r="EH33" s="193">
        <v>0</v>
      </c>
      <c r="EI33" s="191">
        <v>0</v>
      </c>
      <c r="EJ33" s="191">
        <v>1</v>
      </c>
      <c r="EK33" s="191">
        <v>0</v>
      </c>
      <c r="EL33" s="191">
        <v>0</v>
      </c>
      <c r="EM33" s="191">
        <v>0</v>
      </c>
      <c r="EN33" s="196">
        <v>1</v>
      </c>
      <c r="EO33" s="195">
        <v>1</v>
      </c>
      <c r="EP33" s="190">
        <v>1</v>
      </c>
      <c r="EQ33" s="191">
        <v>1</v>
      </c>
      <c r="ER33" s="196">
        <v>2</v>
      </c>
      <c r="ES33" s="193">
        <v>0</v>
      </c>
      <c r="ET33" s="191">
        <v>5</v>
      </c>
      <c r="EU33" s="191">
        <v>4</v>
      </c>
      <c r="EV33" s="191">
        <v>5</v>
      </c>
      <c r="EW33" s="191">
        <v>2</v>
      </c>
      <c r="EX33" s="191">
        <v>1</v>
      </c>
      <c r="EY33" s="196">
        <v>17</v>
      </c>
      <c r="EZ33" s="195">
        <v>19</v>
      </c>
    </row>
    <row r="34" spans="2:156" ht="21" customHeight="1" x14ac:dyDescent="0.2">
      <c r="B34" s="106" t="s">
        <v>32</v>
      </c>
      <c r="C34" s="190">
        <v>0</v>
      </c>
      <c r="D34" s="191">
        <v>0</v>
      </c>
      <c r="E34" s="192">
        <v>0</v>
      </c>
      <c r="F34" s="193">
        <v>0</v>
      </c>
      <c r="G34" s="191">
        <v>1</v>
      </c>
      <c r="H34" s="191">
        <v>2</v>
      </c>
      <c r="I34" s="191">
        <v>0</v>
      </c>
      <c r="J34" s="191">
        <v>0</v>
      </c>
      <c r="K34" s="191">
        <v>0</v>
      </c>
      <c r="L34" s="194">
        <v>3</v>
      </c>
      <c r="M34" s="195">
        <v>3</v>
      </c>
      <c r="N34" s="190">
        <v>0</v>
      </c>
      <c r="O34" s="191">
        <v>0</v>
      </c>
      <c r="P34" s="196">
        <v>0</v>
      </c>
      <c r="Q34" s="193">
        <v>0</v>
      </c>
      <c r="R34" s="191">
        <v>0</v>
      </c>
      <c r="S34" s="191">
        <v>0</v>
      </c>
      <c r="T34" s="191">
        <v>0</v>
      </c>
      <c r="U34" s="191">
        <v>0</v>
      </c>
      <c r="V34" s="191">
        <v>0</v>
      </c>
      <c r="W34" s="196">
        <v>0</v>
      </c>
      <c r="X34" s="195">
        <v>0</v>
      </c>
      <c r="Y34" s="190">
        <v>2</v>
      </c>
      <c r="Z34" s="191">
        <v>1</v>
      </c>
      <c r="AA34" s="196">
        <v>3</v>
      </c>
      <c r="AB34" s="193">
        <v>0</v>
      </c>
      <c r="AC34" s="191">
        <v>3</v>
      </c>
      <c r="AD34" s="191">
        <v>1</v>
      </c>
      <c r="AE34" s="191">
        <v>1</v>
      </c>
      <c r="AF34" s="191">
        <v>0</v>
      </c>
      <c r="AG34" s="191">
        <v>0</v>
      </c>
      <c r="AH34" s="196">
        <v>5</v>
      </c>
      <c r="AI34" s="195">
        <v>8</v>
      </c>
      <c r="AJ34" s="190">
        <v>0</v>
      </c>
      <c r="AK34" s="191">
        <v>0</v>
      </c>
      <c r="AL34" s="196">
        <v>0</v>
      </c>
      <c r="AM34" s="193">
        <v>0</v>
      </c>
      <c r="AN34" s="191">
        <v>0</v>
      </c>
      <c r="AO34" s="191">
        <v>0</v>
      </c>
      <c r="AP34" s="191">
        <v>0</v>
      </c>
      <c r="AQ34" s="191">
        <v>2</v>
      </c>
      <c r="AR34" s="191">
        <v>0</v>
      </c>
      <c r="AS34" s="196">
        <v>2</v>
      </c>
      <c r="AT34" s="195">
        <v>2</v>
      </c>
      <c r="AU34" s="190">
        <v>0</v>
      </c>
      <c r="AV34" s="191">
        <v>0</v>
      </c>
      <c r="AW34" s="196">
        <v>0</v>
      </c>
      <c r="AX34" s="193">
        <v>0</v>
      </c>
      <c r="AY34" s="191">
        <v>0</v>
      </c>
      <c r="AZ34" s="191">
        <v>1</v>
      </c>
      <c r="BA34" s="191">
        <v>0</v>
      </c>
      <c r="BB34" s="191">
        <v>2</v>
      </c>
      <c r="BC34" s="191">
        <v>2</v>
      </c>
      <c r="BD34" s="194">
        <v>5</v>
      </c>
      <c r="BE34" s="195">
        <v>5</v>
      </c>
      <c r="BF34" s="190">
        <v>0</v>
      </c>
      <c r="BG34" s="191">
        <v>0</v>
      </c>
      <c r="BH34" s="196">
        <v>0</v>
      </c>
      <c r="BI34" s="193">
        <v>0</v>
      </c>
      <c r="BJ34" s="191">
        <v>7</v>
      </c>
      <c r="BK34" s="191">
        <v>3</v>
      </c>
      <c r="BL34" s="191">
        <v>0</v>
      </c>
      <c r="BM34" s="191">
        <v>1</v>
      </c>
      <c r="BN34" s="191">
        <v>0</v>
      </c>
      <c r="BO34" s="196">
        <v>11</v>
      </c>
      <c r="BP34" s="195">
        <v>11</v>
      </c>
      <c r="BQ34" s="190">
        <v>0</v>
      </c>
      <c r="BR34" s="191">
        <v>1</v>
      </c>
      <c r="BS34" s="196">
        <v>1</v>
      </c>
      <c r="BT34" s="193">
        <v>0</v>
      </c>
      <c r="BU34" s="191">
        <v>0</v>
      </c>
      <c r="BV34" s="191">
        <v>1</v>
      </c>
      <c r="BW34" s="191">
        <v>0</v>
      </c>
      <c r="BX34" s="191">
        <v>1</v>
      </c>
      <c r="BY34" s="191">
        <v>0</v>
      </c>
      <c r="BZ34" s="196">
        <v>2</v>
      </c>
      <c r="CA34" s="195">
        <v>3</v>
      </c>
      <c r="CB34" s="190">
        <v>0</v>
      </c>
      <c r="CC34" s="191">
        <v>0</v>
      </c>
      <c r="CD34" s="196">
        <v>0</v>
      </c>
      <c r="CE34" s="193">
        <v>0</v>
      </c>
      <c r="CF34" s="191">
        <v>0</v>
      </c>
      <c r="CG34" s="191">
        <v>0</v>
      </c>
      <c r="CH34" s="191">
        <v>0</v>
      </c>
      <c r="CI34" s="191">
        <v>1</v>
      </c>
      <c r="CJ34" s="191">
        <v>0</v>
      </c>
      <c r="CK34" s="196">
        <v>1</v>
      </c>
      <c r="CL34" s="195">
        <v>1</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c r="DI34" s="190">
        <v>0</v>
      </c>
      <c r="DJ34" s="191">
        <v>0</v>
      </c>
      <c r="DK34" s="196">
        <v>0</v>
      </c>
      <c r="DL34" s="193">
        <v>0</v>
      </c>
      <c r="DM34" s="191">
        <v>0</v>
      </c>
      <c r="DN34" s="191">
        <v>0</v>
      </c>
      <c r="DO34" s="191">
        <v>0</v>
      </c>
      <c r="DP34" s="191">
        <v>0</v>
      </c>
      <c r="DQ34" s="191">
        <v>0</v>
      </c>
      <c r="DR34" s="196">
        <v>0</v>
      </c>
      <c r="DS34" s="195">
        <v>0</v>
      </c>
      <c r="DT34" s="190">
        <v>3</v>
      </c>
      <c r="DU34" s="191">
        <v>2</v>
      </c>
      <c r="DV34" s="196">
        <v>5</v>
      </c>
      <c r="DW34" s="193">
        <v>0</v>
      </c>
      <c r="DX34" s="191">
        <v>5</v>
      </c>
      <c r="DY34" s="191">
        <v>5</v>
      </c>
      <c r="DZ34" s="191">
        <v>1</v>
      </c>
      <c r="EA34" s="191">
        <v>3</v>
      </c>
      <c r="EB34" s="191">
        <v>0</v>
      </c>
      <c r="EC34" s="196">
        <v>14</v>
      </c>
      <c r="ED34" s="195">
        <v>19</v>
      </c>
      <c r="EE34" s="190">
        <v>1</v>
      </c>
      <c r="EF34" s="191">
        <v>0</v>
      </c>
      <c r="EG34" s="196">
        <v>1</v>
      </c>
      <c r="EH34" s="193">
        <v>0</v>
      </c>
      <c r="EI34" s="191">
        <v>0</v>
      </c>
      <c r="EJ34" s="191">
        <v>0</v>
      </c>
      <c r="EK34" s="191">
        <v>0</v>
      </c>
      <c r="EL34" s="191">
        <v>2</v>
      </c>
      <c r="EM34" s="191">
        <v>2</v>
      </c>
      <c r="EN34" s="196">
        <v>4</v>
      </c>
      <c r="EO34" s="195">
        <v>5</v>
      </c>
      <c r="EP34" s="190">
        <v>3</v>
      </c>
      <c r="EQ34" s="191">
        <v>3</v>
      </c>
      <c r="ER34" s="196">
        <v>6</v>
      </c>
      <c r="ES34" s="193">
        <v>0</v>
      </c>
      <c r="ET34" s="191">
        <v>12</v>
      </c>
      <c r="EU34" s="191">
        <v>7</v>
      </c>
      <c r="EV34" s="191">
        <v>2</v>
      </c>
      <c r="EW34" s="191">
        <v>3</v>
      </c>
      <c r="EX34" s="191">
        <v>0</v>
      </c>
      <c r="EY34" s="196">
        <v>24</v>
      </c>
      <c r="EZ34" s="195">
        <v>30</v>
      </c>
    </row>
    <row r="35" spans="2:156" ht="21" customHeight="1" x14ac:dyDescent="0.2">
      <c r="B35" s="106" t="s">
        <v>33</v>
      </c>
      <c r="C35" s="190">
        <v>0</v>
      </c>
      <c r="D35" s="191">
        <v>0</v>
      </c>
      <c r="E35" s="192">
        <v>0</v>
      </c>
      <c r="F35" s="193">
        <v>0</v>
      </c>
      <c r="G35" s="191">
        <v>1</v>
      </c>
      <c r="H35" s="191">
        <v>0</v>
      </c>
      <c r="I35" s="191">
        <v>0</v>
      </c>
      <c r="J35" s="191">
        <v>0</v>
      </c>
      <c r="K35" s="191">
        <v>0</v>
      </c>
      <c r="L35" s="194">
        <v>1</v>
      </c>
      <c r="M35" s="195">
        <v>1</v>
      </c>
      <c r="N35" s="190">
        <v>0</v>
      </c>
      <c r="O35" s="191">
        <v>0</v>
      </c>
      <c r="P35" s="196">
        <v>0</v>
      </c>
      <c r="Q35" s="193">
        <v>0</v>
      </c>
      <c r="R35" s="191">
        <v>0</v>
      </c>
      <c r="S35" s="191">
        <v>0</v>
      </c>
      <c r="T35" s="191">
        <v>0</v>
      </c>
      <c r="U35" s="191">
        <v>0</v>
      </c>
      <c r="V35" s="191">
        <v>0</v>
      </c>
      <c r="W35" s="196">
        <v>0</v>
      </c>
      <c r="X35" s="195">
        <v>0</v>
      </c>
      <c r="Y35" s="190">
        <v>0</v>
      </c>
      <c r="Z35" s="191">
        <v>1</v>
      </c>
      <c r="AA35" s="196">
        <v>1</v>
      </c>
      <c r="AB35" s="193">
        <v>0</v>
      </c>
      <c r="AC35" s="191">
        <v>2</v>
      </c>
      <c r="AD35" s="191">
        <v>1</v>
      </c>
      <c r="AE35" s="191">
        <v>0</v>
      </c>
      <c r="AF35" s="191">
        <v>0</v>
      </c>
      <c r="AG35" s="191">
        <v>0</v>
      </c>
      <c r="AH35" s="196">
        <v>3</v>
      </c>
      <c r="AI35" s="195">
        <v>4</v>
      </c>
      <c r="AJ35" s="190">
        <v>0</v>
      </c>
      <c r="AK35" s="191">
        <v>0</v>
      </c>
      <c r="AL35" s="196">
        <v>0</v>
      </c>
      <c r="AM35" s="193">
        <v>0</v>
      </c>
      <c r="AN35" s="191">
        <v>0</v>
      </c>
      <c r="AO35" s="191">
        <v>0</v>
      </c>
      <c r="AP35" s="191">
        <v>1</v>
      </c>
      <c r="AQ35" s="191">
        <v>0</v>
      </c>
      <c r="AR35" s="191">
        <v>0</v>
      </c>
      <c r="AS35" s="196">
        <v>1</v>
      </c>
      <c r="AT35" s="195">
        <v>1</v>
      </c>
      <c r="AU35" s="190">
        <v>1</v>
      </c>
      <c r="AV35" s="191">
        <v>0</v>
      </c>
      <c r="AW35" s="196">
        <v>1</v>
      </c>
      <c r="AX35" s="193">
        <v>0</v>
      </c>
      <c r="AY35" s="191">
        <v>4</v>
      </c>
      <c r="AZ35" s="191">
        <v>2</v>
      </c>
      <c r="BA35" s="191">
        <v>3</v>
      </c>
      <c r="BB35" s="191">
        <v>2</v>
      </c>
      <c r="BC35" s="191">
        <v>2</v>
      </c>
      <c r="BD35" s="194">
        <v>13</v>
      </c>
      <c r="BE35" s="195">
        <v>14</v>
      </c>
      <c r="BF35" s="190">
        <v>0</v>
      </c>
      <c r="BG35" s="191">
        <v>0</v>
      </c>
      <c r="BH35" s="196">
        <v>0</v>
      </c>
      <c r="BI35" s="193">
        <v>0</v>
      </c>
      <c r="BJ35" s="191">
        <v>2</v>
      </c>
      <c r="BK35" s="191">
        <v>0</v>
      </c>
      <c r="BL35" s="191">
        <v>0</v>
      </c>
      <c r="BM35" s="191">
        <v>0</v>
      </c>
      <c r="BN35" s="191">
        <v>0</v>
      </c>
      <c r="BO35" s="196">
        <v>2</v>
      </c>
      <c r="BP35" s="195">
        <v>2</v>
      </c>
      <c r="BQ35" s="190">
        <v>1</v>
      </c>
      <c r="BR35" s="191">
        <v>0</v>
      </c>
      <c r="BS35" s="196">
        <v>1</v>
      </c>
      <c r="BT35" s="193">
        <v>0</v>
      </c>
      <c r="BU35" s="191">
        <v>0</v>
      </c>
      <c r="BV35" s="191">
        <v>0</v>
      </c>
      <c r="BW35" s="191">
        <v>0</v>
      </c>
      <c r="BX35" s="191">
        <v>0</v>
      </c>
      <c r="BY35" s="191">
        <v>0</v>
      </c>
      <c r="BZ35" s="196">
        <v>0</v>
      </c>
      <c r="CA35" s="195">
        <v>1</v>
      </c>
      <c r="CB35" s="190">
        <v>0</v>
      </c>
      <c r="CC35" s="191">
        <v>0</v>
      </c>
      <c r="CD35" s="196">
        <v>0</v>
      </c>
      <c r="CE35" s="193">
        <v>0</v>
      </c>
      <c r="CF35" s="191">
        <v>0</v>
      </c>
      <c r="CG35" s="191">
        <v>0</v>
      </c>
      <c r="CH35" s="191">
        <v>1</v>
      </c>
      <c r="CI35" s="191">
        <v>0</v>
      </c>
      <c r="CJ35" s="191">
        <v>0</v>
      </c>
      <c r="CK35" s="196">
        <v>1</v>
      </c>
      <c r="CL35" s="195">
        <v>1</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c r="DI35" s="190">
        <v>0</v>
      </c>
      <c r="DJ35" s="191">
        <v>0</v>
      </c>
      <c r="DK35" s="196">
        <v>0</v>
      </c>
      <c r="DL35" s="193">
        <v>0</v>
      </c>
      <c r="DM35" s="191">
        <v>1</v>
      </c>
      <c r="DN35" s="191">
        <v>0</v>
      </c>
      <c r="DO35" s="191">
        <v>0</v>
      </c>
      <c r="DP35" s="191">
        <v>0</v>
      </c>
      <c r="DQ35" s="191">
        <v>0</v>
      </c>
      <c r="DR35" s="196">
        <v>1</v>
      </c>
      <c r="DS35" s="195">
        <v>1</v>
      </c>
      <c r="DT35" s="190">
        <v>1</v>
      </c>
      <c r="DU35" s="191">
        <v>1</v>
      </c>
      <c r="DV35" s="196">
        <v>2</v>
      </c>
      <c r="DW35" s="193">
        <v>0</v>
      </c>
      <c r="DX35" s="191">
        <v>2</v>
      </c>
      <c r="DY35" s="191">
        <v>2</v>
      </c>
      <c r="DZ35" s="191">
        <v>1</v>
      </c>
      <c r="EA35" s="191">
        <v>1</v>
      </c>
      <c r="EB35" s="191">
        <v>0</v>
      </c>
      <c r="EC35" s="196">
        <v>6</v>
      </c>
      <c r="ED35" s="195">
        <v>8</v>
      </c>
      <c r="EE35" s="190">
        <v>0</v>
      </c>
      <c r="EF35" s="191">
        <v>0</v>
      </c>
      <c r="EG35" s="196">
        <v>0</v>
      </c>
      <c r="EH35" s="193">
        <v>0</v>
      </c>
      <c r="EI35" s="191">
        <v>2</v>
      </c>
      <c r="EJ35" s="191">
        <v>1</v>
      </c>
      <c r="EK35" s="191">
        <v>2</v>
      </c>
      <c r="EL35" s="191">
        <v>1</v>
      </c>
      <c r="EM35" s="191">
        <v>2</v>
      </c>
      <c r="EN35" s="196">
        <v>8</v>
      </c>
      <c r="EO35" s="195">
        <v>8</v>
      </c>
      <c r="EP35" s="190">
        <v>2</v>
      </c>
      <c r="EQ35" s="191">
        <v>2</v>
      </c>
      <c r="ER35" s="196">
        <v>4</v>
      </c>
      <c r="ES35" s="193">
        <v>0</v>
      </c>
      <c r="ET35" s="191">
        <v>5</v>
      </c>
      <c r="EU35" s="191">
        <v>2</v>
      </c>
      <c r="EV35" s="191">
        <v>1</v>
      </c>
      <c r="EW35" s="191">
        <v>0</v>
      </c>
      <c r="EX35" s="191">
        <v>0</v>
      </c>
      <c r="EY35" s="196">
        <v>8</v>
      </c>
      <c r="EZ35" s="195">
        <v>12</v>
      </c>
    </row>
    <row r="36" spans="2:156" ht="21" customHeight="1" x14ac:dyDescent="0.2">
      <c r="B36" s="106" t="s">
        <v>34</v>
      </c>
      <c r="C36" s="190">
        <v>0</v>
      </c>
      <c r="D36" s="191">
        <v>0</v>
      </c>
      <c r="E36" s="192">
        <v>0</v>
      </c>
      <c r="F36" s="193">
        <v>0</v>
      </c>
      <c r="G36" s="191">
        <v>1</v>
      </c>
      <c r="H36" s="191">
        <v>1</v>
      </c>
      <c r="I36" s="191">
        <v>0</v>
      </c>
      <c r="J36" s="191">
        <v>0</v>
      </c>
      <c r="K36" s="191">
        <v>0</v>
      </c>
      <c r="L36" s="194">
        <v>2</v>
      </c>
      <c r="M36" s="195">
        <v>2</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v>
      </c>
      <c r="AD36" s="191">
        <v>1</v>
      </c>
      <c r="AE36" s="191">
        <v>0</v>
      </c>
      <c r="AF36" s="191">
        <v>0</v>
      </c>
      <c r="AG36" s="191">
        <v>0</v>
      </c>
      <c r="AH36" s="196">
        <v>2</v>
      </c>
      <c r="AI36" s="195">
        <v>2</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2</v>
      </c>
      <c r="AZ36" s="191">
        <v>2</v>
      </c>
      <c r="BA36" s="191">
        <v>1</v>
      </c>
      <c r="BB36" s="191">
        <v>0</v>
      </c>
      <c r="BC36" s="191">
        <v>0</v>
      </c>
      <c r="BD36" s="194">
        <v>5</v>
      </c>
      <c r="BE36" s="195">
        <v>5</v>
      </c>
      <c r="BF36" s="190">
        <v>0</v>
      </c>
      <c r="BG36" s="191">
        <v>0</v>
      </c>
      <c r="BH36" s="196">
        <v>0</v>
      </c>
      <c r="BI36" s="193">
        <v>0</v>
      </c>
      <c r="BJ36" s="191">
        <v>0</v>
      </c>
      <c r="BK36" s="191">
        <v>0</v>
      </c>
      <c r="BL36" s="191">
        <v>1</v>
      </c>
      <c r="BM36" s="191">
        <v>1</v>
      </c>
      <c r="BN36" s="191">
        <v>0</v>
      </c>
      <c r="BO36" s="196">
        <v>2</v>
      </c>
      <c r="BP36" s="195">
        <v>2</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1</v>
      </c>
      <c r="CI36" s="191">
        <v>0</v>
      </c>
      <c r="CJ36" s="191">
        <v>0</v>
      </c>
      <c r="CK36" s="196">
        <v>1</v>
      </c>
      <c r="CL36" s="195">
        <v>1</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c r="DI36" s="190">
        <v>0</v>
      </c>
      <c r="DJ36" s="191">
        <v>0</v>
      </c>
      <c r="DK36" s="196">
        <v>0</v>
      </c>
      <c r="DL36" s="193">
        <v>0</v>
      </c>
      <c r="DM36" s="191">
        <v>0</v>
      </c>
      <c r="DN36" s="191">
        <v>0</v>
      </c>
      <c r="DO36" s="191">
        <v>0</v>
      </c>
      <c r="DP36" s="191">
        <v>0</v>
      </c>
      <c r="DQ36" s="191">
        <v>0</v>
      </c>
      <c r="DR36" s="196">
        <v>0</v>
      </c>
      <c r="DS36" s="195">
        <v>0</v>
      </c>
      <c r="DT36" s="190">
        <v>1</v>
      </c>
      <c r="DU36" s="191">
        <v>0</v>
      </c>
      <c r="DV36" s="196">
        <v>1</v>
      </c>
      <c r="DW36" s="193">
        <v>0</v>
      </c>
      <c r="DX36" s="191">
        <v>2</v>
      </c>
      <c r="DY36" s="191">
        <v>2</v>
      </c>
      <c r="DZ36" s="191">
        <v>0</v>
      </c>
      <c r="EA36" s="191">
        <v>1</v>
      </c>
      <c r="EB36" s="191">
        <v>0</v>
      </c>
      <c r="EC36" s="196">
        <v>5</v>
      </c>
      <c r="ED36" s="195">
        <v>6</v>
      </c>
      <c r="EE36" s="190">
        <v>0</v>
      </c>
      <c r="EF36" s="191">
        <v>0</v>
      </c>
      <c r="EG36" s="196">
        <v>0</v>
      </c>
      <c r="EH36" s="193">
        <v>0</v>
      </c>
      <c r="EI36" s="191">
        <v>0</v>
      </c>
      <c r="EJ36" s="191">
        <v>2</v>
      </c>
      <c r="EK36" s="191">
        <v>1</v>
      </c>
      <c r="EL36" s="191">
        <v>0</v>
      </c>
      <c r="EM36" s="191">
        <v>0</v>
      </c>
      <c r="EN36" s="196">
        <v>3</v>
      </c>
      <c r="EO36" s="195">
        <v>3</v>
      </c>
      <c r="EP36" s="190">
        <v>1</v>
      </c>
      <c r="EQ36" s="191">
        <v>0</v>
      </c>
      <c r="ER36" s="196">
        <v>1</v>
      </c>
      <c r="ES36" s="193">
        <v>0</v>
      </c>
      <c r="ET36" s="191">
        <v>2</v>
      </c>
      <c r="EU36" s="191">
        <v>2</v>
      </c>
      <c r="EV36" s="191">
        <v>1</v>
      </c>
      <c r="EW36" s="191">
        <v>1</v>
      </c>
      <c r="EX36" s="191">
        <v>0</v>
      </c>
      <c r="EY36" s="196">
        <v>6</v>
      </c>
      <c r="EZ36" s="195">
        <v>7</v>
      </c>
    </row>
    <row r="37" spans="2:156" ht="21" customHeight="1" x14ac:dyDescent="0.2">
      <c r="B37" s="106" t="s">
        <v>35</v>
      </c>
      <c r="C37" s="190">
        <v>0</v>
      </c>
      <c r="D37" s="191">
        <v>0</v>
      </c>
      <c r="E37" s="192">
        <v>0</v>
      </c>
      <c r="F37" s="193">
        <v>0</v>
      </c>
      <c r="G37" s="191">
        <v>2</v>
      </c>
      <c r="H37" s="191">
        <v>5</v>
      </c>
      <c r="I37" s="191">
        <v>2</v>
      </c>
      <c r="J37" s="191">
        <v>0</v>
      </c>
      <c r="K37" s="191">
        <v>0</v>
      </c>
      <c r="L37" s="194">
        <v>9</v>
      </c>
      <c r="M37" s="195">
        <v>9</v>
      </c>
      <c r="N37" s="190">
        <v>0</v>
      </c>
      <c r="O37" s="191">
        <v>0</v>
      </c>
      <c r="P37" s="196">
        <v>0</v>
      </c>
      <c r="Q37" s="193">
        <v>0</v>
      </c>
      <c r="R37" s="191">
        <v>0</v>
      </c>
      <c r="S37" s="191">
        <v>0</v>
      </c>
      <c r="T37" s="191">
        <v>0</v>
      </c>
      <c r="U37" s="191">
        <v>0</v>
      </c>
      <c r="V37" s="191">
        <v>0</v>
      </c>
      <c r="W37" s="196">
        <v>0</v>
      </c>
      <c r="X37" s="195">
        <v>0</v>
      </c>
      <c r="Y37" s="190">
        <v>0</v>
      </c>
      <c r="Z37" s="191">
        <v>2</v>
      </c>
      <c r="AA37" s="196">
        <v>2</v>
      </c>
      <c r="AB37" s="193">
        <v>0</v>
      </c>
      <c r="AC37" s="191">
        <v>3</v>
      </c>
      <c r="AD37" s="191">
        <v>4</v>
      </c>
      <c r="AE37" s="191">
        <v>2</v>
      </c>
      <c r="AF37" s="191">
        <v>0</v>
      </c>
      <c r="AG37" s="191">
        <v>1</v>
      </c>
      <c r="AH37" s="196">
        <v>10</v>
      </c>
      <c r="AI37" s="195">
        <v>12</v>
      </c>
      <c r="AJ37" s="190">
        <v>0</v>
      </c>
      <c r="AK37" s="191">
        <v>2</v>
      </c>
      <c r="AL37" s="196">
        <v>2</v>
      </c>
      <c r="AM37" s="193">
        <v>0</v>
      </c>
      <c r="AN37" s="191">
        <v>1</v>
      </c>
      <c r="AO37" s="191">
        <v>1</v>
      </c>
      <c r="AP37" s="191">
        <v>0</v>
      </c>
      <c r="AQ37" s="191">
        <v>0</v>
      </c>
      <c r="AR37" s="191">
        <v>1</v>
      </c>
      <c r="AS37" s="196">
        <v>3</v>
      </c>
      <c r="AT37" s="195">
        <v>5</v>
      </c>
      <c r="AU37" s="190">
        <v>2</v>
      </c>
      <c r="AV37" s="191">
        <v>2</v>
      </c>
      <c r="AW37" s="196">
        <v>4</v>
      </c>
      <c r="AX37" s="193">
        <v>0</v>
      </c>
      <c r="AY37" s="191">
        <v>6</v>
      </c>
      <c r="AZ37" s="191">
        <v>4</v>
      </c>
      <c r="BA37" s="191">
        <v>4</v>
      </c>
      <c r="BB37" s="191">
        <v>2</v>
      </c>
      <c r="BC37" s="191">
        <v>2</v>
      </c>
      <c r="BD37" s="194">
        <v>18</v>
      </c>
      <c r="BE37" s="195">
        <v>22</v>
      </c>
      <c r="BF37" s="190">
        <v>0</v>
      </c>
      <c r="BG37" s="191">
        <v>0</v>
      </c>
      <c r="BH37" s="196">
        <v>0</v>
      </c>
      <c r="BI37" s="193">
        <v>0</v>
      </c>
      <c r="BJ37" s="191">
        <v>4</v>
      </c>
      <c r="BK37" s="191">
        <v>3</v>
      </c>
      <c r="BL37" s="191">
        <v>2</v>
      </c>
      <c r="BM37" s="191">
        <v>0</v>
      </c>
      <c r="BN37" s="191">
        <v>1</v>
      </c>
      <c r="BO37" s="196">
        <v>10</v>
      </c>
      <c r="BP37" s="195">
        <v>10</v>
      </c>
      <c r="BQ37" s="190">
        <v>1</v>
      </c>
      <c r="BR37" s="191">
        <v>2</v>
      </c>
      <c r="BS37" s="196">
        <v>3</v>
      </c>
      <c r="BT37" s="193">
        <v>0</v>
      </c>
      <c r="BU37" s="191">
        <v>1</v>
      </c>
      <c r="BV37" s="191">
        <v>2</v>
      </c>
      <c r="BW37" s="191">
        <v>4</v>
      </c>
      <c r="BX37" s="191">
        <v>0</v>
      </c>
      <c r="BY37" s="191">
        <v>0</v>
      </c>
      <c r="BZ37" s="196">
        <v>7</v>
      </c>
      <c r="CA37" s="195">
        <v>10</v>
      </c>
      <c r="CB37" s="190">
        <v>0</v>
      </c>
      <c r="CC37" s="191">
        <v>0</v>
      </c>
      <c r="CD37" s="196">
        <v>0</v>
      </c>
      <c r="CE37" s="193">
        <v>0</v>
      </c>
      <c r="CF37" s="191">
        <v>0</v>
      </c>
      <c r="CG37" s="191">
        <v>1</v>
      </c>
      <c r="CH37" s="191">
        <v>2</v>
      </c>
      <c r="CI37" s="191">
        <v>0</v>
      </c>
      <c r="CJ37" s="191">
        <v>1</v>
      </c>
      <c r="CK37" s="196">
        <v>4</v>
      </c>
      <c r="CL37" s="195">
        <v>4</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c r="DI37" s="190">
        <v>0</v>
      </c>
      <c r="DJ37" s="191">
        <v>0</v>
      </c>
      <c r="DK37" s="196">
        <v>0</v>
      </c>
      <c r="DL37" s="193">
        <v>0</v>
      </c>
      <c r="DM37" s="191">
        <v>0</v>
      </c>
      <c r="DN37" s="191">
        <v>0</v>
      </c>
      <c r="DO37" s="191">
        <v>0</v>
      </c>
      <c r="DP37" s="191">
        <v>0</v>
      </c>
      <c r="DQ37" s="191">
        <v>0</v>
      </c>
      <c r="DR37" s="196">
        <v>0</v>
      </c>
      <c r="DS37" s="195">
        <v>0</v>
      </c>
      <c r="DT37" s="190">
        <v>4</v>
      </c>
      <c r="DU37" s="191">
        <v>5</v>
      </c>
      <c r="DV37" s="196">
        <v>9</v>
      </c>
      <c r="DW37" s="193">
        <v>0</v>
      </c>
      <c r="DX37" s="191">
        <v>5</v>
      </c>
      <c r="DY37" s="191">
        <v>9</v>
      </c>
      <c r="DZ37" s="191">
        <v>3</v>
      </c>
      <c r="EA37" s="191">
        <v>0</v>
      </c>
      <c r="EB37" s="191">
        <v>2</v>
      </c>
      <c r="EC37" s="196">
        <v>19</v>
      </c>
      <c r="ED37" s="195">
        <v>28</v>
      </c>
      <c r="EE37" s="190">
        <v>3</v>
      </c>
      <c r="EF37" s="191">
        <v>1</v>
      </c>
      <c r="EG37" s="196">
        <v>4</v>
      </c>
      <c r="EH37" s="193">
        <v>0</v>
      </c>
      <c r="EI37" s="191">
        <v>4</v>
      </c>
      <c r="EJ37" s="191">
        <v>2</v>
      </c>
      <c r="EK37" s="191">
        <v>2</v>
      </c>
      <c r="EL37" s="191">
        <v>2</v>
      </c>
      <c r="EM37" s="191">
        <v>1</v>
      </c>
      <c r="EN37" s="196">
        <v>11</v>
      </c>
      <c r="EO37" s="195">
        <v>15</v>
      </c>
      <c r="EP37" s="190">
        <v>4</v>
      </c>
      <c r="EQ37" s="191">
        <v>9</v>
      </c>
      <c r="ER37" s="196">
        <v>13</v>
      </c>
      <c r="ES37" s="193">
        <v>0</v>
      </c>
      <c r="ET37" s="191">
        <v>10</v>
      </c>
      <c r="EU37" s="191">
        <v>10</v>
      </c>
      <c r="EV37" s="191">
        <v>5</v>
      </c>
      <c r="EW37" s="191">
        <v>0</v>
      </c>
      <c r="EX37" s="191">
        <v>2</v>
      </c>
      <c r="EY37" s="196">
        <v>27</v>
      </c>
      <c r="EZ37" s="195">
        <v>40</v>
      </c>
    </row>
    <row r="38" spans="2:156" ht="21" customHeight="1" x14ac:dyDescent="0.2">
      <c r="B38" s="106" t="s">
        <v>36</v>
      </c>
      <c r="C38" s="190">
        <v>0</v>
      </c>
      <c r="D38" s="191">
        <v>0</v>
      </c>
      <c r="E38" s="192">
        <v>0</v>
      </c>
      <c r="F38" s="193">
        <v>0</v>
      </c>
      <c r="G38" s="191">
        <v>1</v>
      </c>
      <c r="H38" s="191">
        <v>3</v>
      </c>
      <c r="I38" s="191">
        <v>1</v>
      </c>
      <c r="J38" s="191">
        <v>0</v>
      </c>
      <c r="K38" s="191">
        <v>0</v>
      </c>
      <c r="L38" s="194">
        <v>5</v>
      </c>
      <c r="M38" s="195">
        <v>5</v>
      </c>
      <c r="N38" s="190">
        <v>0</v>
      </c>
      <c r="O38" s="191">
        <v>0</v>
      </c>
      <c r="P38" s="196">
        <v>0</v>
      </c>
      <c r="Q38" s="193">
        <v>0</v>
      </c>
      <c r="R38" s="191">
        <v>0</v>
      </c>
      <c r="S38" s="191">
        <v>0</v>
      </c>
      <c r="T38" s="191">
        <v>0</v>
      </c>
      <c r="U38" s="191">
        <v>0</v>
      </c>
      <c r="V38" s="191">
        <v>0</v>
      </c>
      <c r="W38" s="196">
        <v>0</v>
      </c>
      <c r="X38" s="195">
        <v>0</v>
      </c>
      <c r="Y38" s="190">
        <v>0</v>
      </c>
      <c r="Z38" s="191">
        <v>1</v>
      </c>
      <c r="AA38" s="196">
        <v>1</v>
      </c>
      <c r="AB38" s="193">
        <v>0</v>
      </c>
      <c r="AC38" s="191">
        <v>2</v>
      </c>
      <c r="AD38" s="191">
        <v>4</v>
      </c>
      <c r="AE38" s="191">
        <v>1</v>
      </c>
      <c r="AF38" s="191">
        <v>2</v>
      </c>
      <c r="AG38" s="191">
        <v>0</v>
      </c>
      <c r="AH38" s="196">
        <v>9</v>
      </c>
      <c r="AI38" s="195">
        <v>10</v>
      </c>
      <c r="AJ38" s="190">
        <v>0</v>
      </c>
      <c r="AK38" s="191">
        <v>0</v>
      </c>
      <c r="AL38" s="196">
        <v>0</v>
      </c>
      <c r="AM38" s="193">
        <v>0</v>
      </c>
      <c r="AN38" s="191">
        <v>1</v>
      </c>
      <c r="AO38" s="191">
        <v>0</v>
      </c>
      <c r="AP38" s="191">
        <v>0</v>
      </c>
      <c r="AQ38" s="191">
        <v>0</v>
      </c>
      <c r="AR38" s="191">
        <v>0</v>
      </c>
      <c r="AS38" s="196">
        <v>1</v>
      </c>
      <c r="AT38" s="195">
        <v>1</v>
      </c>
      <c r="AU38" s="190">
        <v>1</v>
      </c>
      <c r="AV38" s="191">
        <v>0</v>
      </c>
      <c r="AW38" s="196">
        <v>1</v>
      </c>
      <c r="AX38" s="193">
        <v>0</v>
      </c>
      <c r="AY38" s="191">
        <v>3</v>
      </c>
      <c r="AZ38" s="191">
        <v>6</v>
      </c>
      <c r="BA38" s="191">
        <v>3</v>
      </c>
      <c r="BB38" s="191">
        <v>4</v>
      </c>
      <c r="BC38" s="191">
        <v>0</v>
      </c>
      <c r="BD38" s="194">
        <v>16</v>
      </c>
      <c r="BE38" s="195">
        <v>17</v>
      </c>
      <c r="BF38" s="190">
        <v>0</v>
      </c>
      <c r="BG38" s="191">
        <v>0</v>
      </c>
      <c r="BH38" s="196">
        <v>0</v>
      </c>
      <c r="BI38" s="193">
        <v>0</v>
      </c>
      <c r="BJ38" s="191">
        <v>2</v>
      </c>
      <c r="BK38" s="191">
        <v>5</v>
      </c>
      <c r="BL38" s="191">
        <v>0</v>
      </c>
      <c r="BM38" s="191">
        <v>2</v>
      </c>
      <c r="BN38" s="191">
        <v>0</v>
      </c>
      <c r="BO38" s="196">
        <v>9</v>
      </c>
      <c r="BP38" s="195">
        <v>9</v>
      </c>
      <c r="BQ38" s="190">
        <v>0</v>
      </c>
      <c r="BR38" s="191">
        <v>0</v>
      </c>
      <c r="BS38" s="196">
        <v>0</v>
      </c>
      <c r="BT38" s="193">
        <v>0</v>
      </c>
      <c r="BU38" s="191">
        <v>0</v>
      </c>
      <c r="BV38" s="191">
        <v>0</v>
      </c>
      <c r="BW38" s="191">
        <v>1</v>
      </c>
      <c r="BX38" s="191">
        <v>0</v>
      </c>
      <c r="BY38" s="191">
        <v>0</v>
      </c>
      <c r="BZ38" s="196">
        <v>1</v>
      </c>
      <c r="CA38" s="195">
        <v>1</v>
      </c>
      <c r="CB38" s="190">
        <v>0</v>
      </c>
      <c r="CC38" s="191">
        <v>0</v>
      </c>
      <c r="CD38" s="196">
        <v>0</v>
      </c>
      <c r="CE38" s="193">
        <v>0</v>
      </c>
      <c r="CF38" s="191">
        <v>0</v>
      </c>
      <c r="CG38" s="191">
        <v>2</v>
      </c>
      <c r="CH38" s="191">
        <v>0</v>
      </c>
      <c r="CI38" s="191">
        <v>1</v>
      </c>
      <c r="CJ38" s="191">
        <v>0</v>
      </c>
      <c r="CK38" s="196">
        <v>3</v>
      </c>
      <c r="CL38" s="195">
        <v>3</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c r="DI38" s="190">
        <v>0</v>
      </c>
      <c r="DJ38" s="191">
        <v>0</v>
      </c>
      <c r="DK38" s="196">
        <v>0</v>
      </c>
      <c r="DL38" s="193">
        <v>0</v>
      </c>
      <c r="DM38" s="191">
        <v>0</v>
      </c>
      <c r="DN38" s="191">
        <v>0</v>
      </c>
      <c r="DO38" s="191">
        <v>0</v>
      </c>
      <c r="DP38" s="191">
        <v>0</v>
      </c>
      <c r="DQ38" s="191">
        <v>0</v>
      </c>
      <c r="DR38" s="196">
        <v>0</v>
      </c>
      <c r="DS38" s="195">
        <v>0</v>
      </c>
      <c r="DT38" s="190">
        <v>0</v>
      </c>
      <c r="DU38" s="191">
        <v>2</v>
      </c>
      <c r="DV38" s="196">
        <v>2</v>
      </c>
      <c r="DW38" s="193">
        <v>0</v>
      </c>
      <c r="DX38" s="191">
        <v>4</v>
      </c>
      <c r="DY38" s="191">
        <v>10</v>
      </c>
      <c r="DZ38" s="191">
        <v>3</v>
      </c>
      <c r="EA38" s="191">
        <v>2</v>
      </c>
      <c r="EB38" s="191">
        <v>0</v>
      </c>
      <c r="EC38" s="196">
        <v>19</v>
      </c>
      <c r="ED38" s="195">
        <v>21</v>
      </c>
      <c r="EE38" s="190">
        <v>0</v>
      </c>
      <c r="EF38" s="191">
        <v>0</v>
      </c>
      <c r="EG38" s="196">
        <v>0</v>
      </c>
      <c r="EH38" s="193">
        <v>0</v>
      </c>
      <c r="EI38" s="191">
        <v>2</v>
      </c>
      <c r="EJ38" s="191">
        <v>2</v>
      </c>
      <c r="EK38" s="191">
        <v>1</v>
      </c>
      <c r="EL38" s="191">
        <v>2</v>
      </c>
      <c r="EM38" s="191">
        <v>0</v>
      </c>
      <c r="EN38" s="196">
        <v>7</v>
      </c>
      <c r="EO38" s="195">
        <v>7</v>
      </c>
      <c r="EP38" s="190">
        <v>0</v>
      </c>
      <c r="EQ38" s="191">
        <v>3</v>
      </c>
      <c r="ER38" s="196">
        <v>3</v>
      </c>
      <c r="ES38" s="193">
        <v>0</v>
      </c>
      <c r="ET38" s="191">
        <v>8</v>
      </c>
      <c r="EU38" s="191">
        <v>11</v>
      </c>
      <c r="EV38" s="191">
        <v>2</v>
      </c>
      <c r="EW38" s="191">
        <v>3</v>
      </c>
      <c r="EX38" s="191">
        <v>0</v>
      </c>
      <c r="EY38" s="196">
        <v>24</v>
      </c>
      <c r="EZ38" s="195">
        <v>27</v>
      </c>
    </row>
    <row r="39" spans="2:156" ht="21" customHeight="1" thickBot="1" x14ac:dyDescent="0.25">
      <c r="B39" s="108" t="s">
        <v>37</v>
      </c>
      <c r="C39" s="197">
        <v>0</v>
      </c>
      <c r="D39" s="198">
        <v>0</v>
      </c>
      <c r="E39" s="199">
        <v>0</v>
      </c>
      <c r="F39" s="200">
        <v>0</v>
      </c>
      <c r="G39" s="198">
        <v>0</v>
      </c>
      <c r="H39" s="198">
        <v>0</v>
      </c>
      <c r="I39" s="198">
        <v>0</v>
      </c>
      <c r="J39" s="198">
        <v>0</v>
      </c>
      <c r="K39" s="198">
        <v>1</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1</v>
      </c>
      <c r="AE39" s="198">
        <v>0</v>
      </c>
      <c r="AF39" s="198">
        <v>0</v>
      </c>
      <c r="AG39" s="198">
        <v>1</v>
      </c>
      <c r="AH39" s="203">
        <v>2</v>
      </c>
      <c r="AI39" s="202">
        <v>2</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1</v>
      </c>
      <c r="BD39" s="201">
        <v>1</v>
      </c>
      <c r="BE39" s="202">
        <v>1</v>
      </c>
      <c r="BF39" s="197">
        <v>0</v>
      </c>
      <c r="BG39" s="198">
        <v>0</v>
      </c>
      <c r="BH39" s="203">
        <v>0</v>
      </c>
      <c r="BI39" s="200">
        <v>0</v>
      </c>
      <c r="BJ39" s="198">
        <v>0</v>
      </c>
      <c r="BK39" s="198">
        <v>1</v>
      </c>
      <c r="BL39" s="198">
        <v>0</v>
      </c>
      <c r="BM39" s="198">
        <v>0</v>
      </c>
      <c r="BN39" s="198">
        <v>0</v>
      </c>
      <c r="BO39" s="203">
        <v>1</v>
      </c>
      <c r="BP39" s="202">
        <v>1</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1</v>
      </c>
      <c r="CV39" s="203">
        <v>1</v>
      </c>
      <c r="CW39" s="202">
        <v>1</v>
      </c>
      <c r="CX39" s="197">
        <v>0</v>
      </c>
      <c r="CY39" s="198">
        <v>0</v>
      </c>
      <c r="CZ39" s="203">
        <v>0</v>
      </c>
      <c r="DA39" s="200">
        <v>0</v>
      </c>
      <c r="DB39" s="198">
        <v>0</v>
      </c>
      <c r="DC39" s="198">
        <v>0</v>
      </c>
      <c r="DD39" s="198">
        <v>0</v>
      </c>
      <c r="DE39" s="198">
        <v>0</v>
      </c>
      <c r="DF39" s="198">
        <v>0</v>
      </c>
      <c r="DG39" s="203">
        <v>0</v>
      </c>
      <c r="DH39" s="202">
        <v>0</v>
      </c>
      <c r="DI39" s="197">
        <v>0</v>
      </c>
      <c r="DJ39" s="198">
        <v>0</v>
      </c>
      <c r="DK39" s="203">
        <v>0</v>
      </c>
      <c r="DL39" s="200">
        <v>0</v>
      </c>
      <c r="DM39" s="198">
        <v>0</v>
      </c>
      <c r="DN39" s="198">
        <v>0</v>
      </c>
      <c r="DO39" s="198">
        <v>0</v>
      </c>
      <c r="DP39" s="198">
        <v>0</v>
      </c>
      <c r="DQ39" s="198">
        <v>0</v>
      </c>
      <c r="DR39" s="203">
        <v>0</v>
      </c>
      <c r="DS39" s="202">
        <v>0</v>
      </c>
      <c r="DT39" s="197">
        <v>0</v>
      </c>
      <c r="DU39" s="198">
        <v>0</v>
      </c>
      <c r="DV39" s="203">
        <v>0</v>
      </c>
      <c r="DW39" s="200">
        <v>0</v>
      </c>
      <c r="DX39" s="198">
        <v>0</v>
      </c>
      <c r="DY39" s="198">
        <v>1</v>
      </c>
      <c r="DZ39" s="198">
        <v>0</v>
      </c>
      <c r="EA39" s="198">
        <v>0</v>
      </c>
      <c r="EB39" s="198">
        <v>1</v>
      </c>
      <c r="EC39" s="203">
        <v>2</v>
      </c>
      <c r="ED39" s="202">
        <v>2</v>
      </c>
      <c r="EE39" s="197">
        <v>0</v>
      </c>
      <c r="EF39" s="198">
        <v>0</v>
      </c>
      <c r="EG39" s="203">
        <v>0</v>
      </c>
      <c r="EH39" s="200">
        <v>0</v>
      </c>
      <c r="EI39" s="198">
        <v>0</v>
      </c>
      <c r="EJ39" s="198">
        <v>0</v>
      </c>
      <c r="EK39" s="198">
        <v>0</v>
      </c>
      <c r="EL39" s="198">
        <v>0</v>
      </c>
      <c r="EM39" s="198">
        <v>0</v>
      </c>
      <c r="EN39" s="203">
        <v>0</v>
      </c>
      <c r="EO39" s="202">
        <v>0</v>
      </c>
      <c r="EP39" s="197">
        <v>0</v>
      </c>
      <c r="EQ39" s="198">
        <v>0</v>
      </c>
      <c r="ER39" s="203">
        <v>0</v>
      </c>
      <c r="ES39" s="200">
        <v>0</v>
      </c>
      <c r="ET39" s="198">
        <v>0</v>
      </c>
      <c r="EU39" s="198">
        <v>1</v>
      </c>
      <c r="EV39" s="198">
        <v>0</v>
      </c>
      <c r="EW39" s="198">
        <v>0</v>
      </c>
      <c r="EX39" s="198">
        <v>1</v>
      </c>
      <c r="EY39" s="203">
        <v>2</v>
      </c>
      <c r="EZ39" s="202">
        <v>2</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77734375" style="175" customWidth="1"/>
    <col min="18" max="27" width="9" style="175"/>
    <col min="28" max="28" width="6.88671875" style="175" customWidth="1"/>
    <col min="29" max="38" width="9" style="175"/>
    <col min="39" max="39" width="7.21875" style="175" customWidth="1"/>
    <col min="40" max="49" width="9" style="175"/>
    <col min="50" max="50" width="7.44140625" style="175" customWidth="1"/>
    <col min="51" max="60" width="9" style="175"/>
    <col min="61" max="61" width="7.6640625" style="175" customWidth="1"/>
    <col min="62" max="71" width="9" style="175"/>
    <col min="72" max="72" width="7.88671875" style="175" customWidth="1"/>
    <col min="73" max="82" width="9" style="175"/>
    <col min="83" max="83" width="7" style="175" customWidth="1"/>
    <col min="84" max="93" width="9" style="175"/>
    <col min="94" max="94" width="7.6640625" style="175" customWidth="1"/>
    <col min="95" max="16384" width="9" style="175"/>
  </cols>
  <sheetData>
    <row r="1" spans="2:112" ht="24" customHeight="1" x14ac:dyDescent="0.2">
      <c r="B1" s="142" t="s">
        <v>121</v>
      </c>
      <c r="J1" s="440">
        <f>第１表!F2</f>
        <v>6</v>
      </c>
      <c r="K1" s="440"/>
      <c r="L1" s="18">
        <f>第１表!G2</f>
        <v>12</v>
      </c>
      <c r="M1" s="445">
        <f>IF(L1&lt;3,L1+12-2,L1-2)</f>
        <v>10</v>
      </c>
      <c r="N1" s="445"/>
    </row>
    <row r="2" spans="2:112" ht="24" customHeight="1" thickBot="1" x14ac:dyDescent="0.25">
      <c r="B2" s="142" t="s">
        <v>136</v>
      </c>
    </row>
    <row r="3" spans="2:112" ht="21" customHeight="1" thickBot="1" x14ac:dyDescent="0.25">
      <c r="B3" s="482"/>
      <c r="C3" s="485" t="s">
        <v>111</v>
      </c>
      <c r="D3" s="485"/>
      <c r="E3" s="485"/>
      <c r="F3" s="485"/>
      <c r="G3" s="485"/>
      <c r="H3" s="485"/>
      <c r="I3" s="485"/>
      <c r="J3" s="485"/>
      <c r="K3" s="485"/>
      <c r="L3" s="485"/>
      <c r="M3" s="486"/>
      <c r="N3" s="480" t="s">
        <v>110</v>
      </c>
      <c r="O3" s="480"/>
      <c r="P3" s="480"/>
      <c r="Q3" s="480"/>
      <c r="R3" s="480"/>
      <c r="S3" s="480"/>
      <c r="T3" s="480"/>
      <c r="U3" s="480"/>
      <c r="V3" s="480"/>
      <c r="W3" s="480"/>
      <c r="X3" s="481"/>
      <c r="Y3" s="479" t="s">
        <v>109</v>
      </c>
      <c r="Z3" s="480"/>
      <c r="AA3" s="480"/>
      <c r="AB3" s="480"/>
      <c r="AC3" s="480"/>
      <c r="AD3" s="480"/>
      <c r="AE3" s="480"/>
      <c r="AF3" s="480"/>
      <c r="AG3" s="480"/>
      <c r="AH3" s="480"/>
      <c r="AI3" s="481"/>
      <c r="AJ3" s="479" t="s">
        <v>108</v>
      </c>
      <c r="AK3" s="480"/>
      <c r="AL3" s="480"/>
      <c r="AM3" s="480"/>
      <c r="AN3" s="480"/>
      <c r="AO3" s="480"/>
      <c r="AP3" s="480"/>
      <c r="AQ3" s="480"/>
      <c r="AR3" s="480"/>
      <c r="AS3" s="480"/>
      <c r="AT3" s="481"/>
      <c r="AU3" s="479" t="s">
        <v>107</v>
      </c>
      <c r="AV3" s="480"/>
      <c r="AW3" s="480"/>
      <c r="AX3" s="480"/>
      <c r="AY3" s="480"/>
      <c r="AZ3" s="480"/>
      <c r="BA3" s="480"/>
      <c r="BB3" s="480"/>
      <c r="BC3" s="480"/>
      <c r="BD3" s="480"/>
      <c r="BE3" s="481"/>
      <c r="BF3" s="479" t="s">
        <v>106</v>
      </c>
      <c r="BG3" s="480"/>
      <c r="BH3" s="480"/>
      <c r="BI3" s="480"/>
      <c r="BJ3" s="480"/>
      <c r="BK3" s="480"/>
      <c r="BL3" s="480"/>
      <c r="BM3" s="480"/>
      <c r="BN3" s="480"/>
      <c r="BO3" s="480"/>
      <c r="BP3" s="481"/>
      <c r="BQ3" s="479" t="s">
        <v>105</v>
      </c>
      <c r="BR3" s="480"/>
      <c r="BS3" s="480"/>
      <c r="BT3" s="480"/>
      <c r="BU3" s="480"/>
      <c r="BV3" s="480"/>
      <c r="BW3" s="480"/>
      <c r="BX3" s="480"/>
      <c r="BY3" s="480"/>
      <c r="BZ3" s="480"/>
      <c r="CA3" s="481"/>
      <c r="CB3" s="479" t="s">
        <v>125</v>
      </c>
      <c r="CC3" s="480"/>
      <c r="CD3" s="480"/>
      <c r="CE3" s="480"/>
      <c r="CF3" s="480"/>
      <c r="CG3" s="480"/>
      <c r="CH3" s="480"/>
      <c r="CI3" s="480"/>
      <c r="CJ3" s="480"/>
      <c r="CK3" s="480"/>
      <c r="CL3" s="481"/>
      <c r="CM3" s="479" t="s">
        <v>104</v>
      </c>
      <c r="CN3" s="480"/>
      <c r="CO3" s="480"/>
      <c r="CP3" s="480"/>
      <c r="CQ3" s="480"/>
      <c r="CR3" s="480"/>
      <c r="CS3" s="480"/>
      <c r="CT3" s="480"/>
      <c r="CU3" s="480"/>
      <c r="CV3" s="480"/>
      <c r="CW3" s="481"/>
      <c r="CX3" s="479" t="s">
        <v>157</v>
      </c>
      <c r="CY3" s="480"/>
      <c r="CZ3" s="480"/>
      <c r="DA3" s="480"/>
      <c r="DB3" s="480"/>
      <c r="DC3" s="480"/>
      <c r="DD3" s="480"/>
      <c r="DE3" s="480"/>
      <c r="DF3" s="480"/>
      <c r="DG3" s="480"/>
      <c r="DH3" s="481"/>
    </row>
    <row r="4" spans="2:112" ht="21" customHeight="1" x14ac:dyDescent="0.2">
      <c r="B4" s="483"/>
      <c r="C4" s="487" t="s">
        <v>61</v>
      </c>
      <c r="D4" s="464"/>
      <c r="E4" s="465"/>
      <c r="F4" s="466" t="s">
        <v>62</v>
      </c>
      <c r="G4" s="464"/>
      <c r="H4" s="464"/>
      <c r="I4" s="464"/>
      <c r="J4" s="464"/>
      <c r="K4" s="464"/>
      <c r="L4" s="469"/>
      <c r="M4" s="467" t="s">
        <v>52</v>
      </c>
      <c r="N4" s="487" t="s">
        <v>61</v>
      </c>
      <c r="O4" s="464"/>
      <c r="P4" s="465"/>
      <c r="Q4" s="466" t="s">
        <v>62</v>
      </c>
      <c r="R4" s="464"/>
      <c r="S4" s="464"/>
      <c r="T4" s="464"/>
      <c r="U4" s="464"/>
      <c r="V4" s="464"/>
      <c r="W4" s="465"/>
      <c r="X4" s="467" t="s">
        <v>52</v>
      </c>
      <c r="Y4" s="463" t="s">
        <v>61</v>
      </c>
      <c r="Z4" s="464"/>
      <c r="AA4" s="469"/>
      <c r="AB4" s="466" t="s">
        <v>62</v>
      </c>
      <c r="AC4" s="464"/>
      <c r="AD4" s="464"/>
      <c r="AE4" s="464"/>
      <c r="AF4" s="464"/>
      <c r="AG4" s="464"/>
      <c r="AH4" s="465"/>
      <c r="AI4" s="467" t="s">
        <v>52</v>
      </c>
      <c r="AJ4" s="463" t="s">
        <v>61</v>
      </c>
      <c r="AK4" s="464"/>
      <c r="AL4" s="465"/>
      <c r="AM4" s="466" t="s">
        <v>62</v>
      </c>
      <c r="AN4" s="464"/>
      <c r="AO4" s="464"/>
      <c r="AP4" s="464"/>
      <c r="AQ4" s="464"/>
      <c r="AR4" s="464"/>
      <c r="AS4" s="465"/>
      <c r="AT4" s="467" t="s">
        <v>52</v>
      </c>
      <c r="AU4" s="463" t="s">
        <v>61</v>
      </c>
      <c r="AV4" s="464"/>
      <c r="AW4" s="469"/>
      <c r="AX4" s="466" t="s">
        <v>62</v>
      </c>
      <c r="AY4" s="464"/>
      <c r="AZ4" s="464"/>
      <c r="BA4" s="464"/>
      <c r="BB4" s="464"/>
      <c r="BC4" s="464"/>
      <c r="BD4" s="469"/>
      <c r="BE4" s="467" t="s">
        <v>52</v>
      </c>
      <c r="BF4" s="463" t="s">
        <v>61</v>
      </c>
      <c r="BG4" s="464"/>
      <c r="BH4" s="465"/>
      <c r="BI4" s="466" t="s">
        <v>62</v>
      </c>
      <c r="BJ4" s="464"/>
      <c r="BK4" s="464"/>
      <c r="BL4" s="464"/>
      <c r="BM4" s="464"/>
      <c r="BN4" s="464"/>
      <c r="BO4" s="465"/>
      <c r="BP4" s="467" t="s">
        <v>52</v>
      </c>
      <c r="BQ4" s="463" t="s">
        <v>61</v>
      </c>
      <c r="BR4" s="464"/>
      <c r="BS4" s="465"/>
      <c r="BT4" s="466" t="s">
        <v>62</v>
      </c>
      <c r="BU4" s="464"/>
      <c r="BV4" s="464"/>
      <c r="BW4" s="464"/>
      <c r="BX4" s="464"/>
      <c r="BY4" s="464"/>
      <c r="BZ4" s="465"/>
      <c r="CA4" s="467" t="s">
        <v>52</v>
      </c>
      <c r="CB4" s="463" t="s">
        <v>61</v>
      </c>
      <c r="CC4" s="464"/>
      <c r="CD4" s="465"/>
      <c r="CE4" s="466" t="s">
        <v>62</v>
      </c>
      <c r="CF4" s="464"/>
      <c r="CG4" s="464"/>
      <c r="CH4" s="464"/>
      <c r="CI4" s="464"/>
      <c r="CJ4" s="464"/>
      <c r="CK4" s="465"/>
      <c r="CL4" s="467" t="s">
        <v>52</v>
      </c>
      <c r="CM4" s="463" t="s">
        <v>61</v>
      </c>
      <c r="CN4" s="464"/>
      <c r="CO4" s="465"/>
      <c r="CP4" s="466" t="s">
        <v>62</v>
      </c>
      <c r="CQ4" s="464"/>
      <c r="CR4" s="464"/>
      <c r="CS4" s="464"/>
      <c r="CT4" s="464"/>
      <c r="CU4" s="464"/>
      <c r="CV4" s="465"/>
      <c r="CW4" s="467" t="s">
        <v>52</v>
      </c>
      <c r="CX4" s="463" t="s">
        <v>61</v>
      </c>
      <c r="CY4" s="464"/>
      <c r="CZ4" s="465"/>
      <c r="DA4" s="466" t="s">
        <v>62</v>
      </c>
      <c r="DB4" s="464"/>
      <c r="DC4" s="464"/>
      <c r="DD4" s="464"/>
      <c r="DE4" s="464"/>
      <c r="DF4" s="464"/>
      <c r="DG4" s="465"/>
      <c r="DH4" s="467" t="s">
        <v>52</v>
      </c>
    </row>
    <row r="5" spans="2:112" ht="30" customHeight="1" thickBot="1" x14ac:dyDescent="0.25">
      <c r="B5" s="484"/>
      <c r="C5" s="204" t="s">
        <v>43</v>
      </c>
      <c r="D5" s="178" t="s">
        <v>44</v>
      </c>
      <c r="E5" s="179" t="s">
        <v>45</v>
      </c>
      <c r="F5" s="180" t="s">
        <v>83</v>
      </c>
      <c r="G5" s="178" t="s">
        <v>47</v>
      </c>
      <c r="H5" s="178" t="s">
        <v>48</v>
      </c>
      <c r="I5" s="178" t="s">
        <v>49</v>
      </c>
      <c r="J5" s="178" t="s">
        <v>50</v>
      </c>
      <c r="K5" s="178" t="s">
        <v>51</v>
      </c>
      <c r="L5" s="181" t="s">
        <v>45</v>
      </c>
      <c r="M5" s="468"/>
      <c r="N5" s="204" t="s">
        <v>43</v>
      </c>
      <c r="O5" s="178" t="s">
        <v>44</v>
      </c>
      <c r="P5" s="182" t="s">
        <v>45</v>
      </c>
      <c r="Q5" s="180" t="s">
        <v>83</v>
      </c>
      <c r="R5" s="178" t="s">
        <v>47</v>
      </c>
      <c r="S5" s="178" t="s">
        <v>48</v>
      </c>
      <c r="T5" s="178" t="s">
        <v>49</v>
      </c>
      <c r="U5" s="178" t="s">
        <v>50</v>
      </c>
      <c r="V5" s="178" t="s">
        <v>51</v>
      </c>
      <c r="W5" s="182" t="s">
        <v>45</v>
      </c>
      <c r="X5" s="468"/>
      <c r="Y5" s="177" t="s">
        <v>43</v>
      </c>
      <c r="Z5" s="178" t="s">
        <v>44</v>
      </c>
      <c r="AA5" s="181" t="s">
        <v>45</v>
      </c>
      <c r="AB5" s="180" t="s">
        <v>83</v>
      </c>
      <c r="AC5" s="178" t="s">
        <v>47</v>
      </c>
      <c r="AD5" s="178" t="s">
        <v>48</v>
      </c>
      <c r="AE5" s="178" t="s">
        <v>49</v>
      </c>
      <c r="AF5" s="178" t="s">
        <v>50</v>
      </c>
      <c r="AG5" s="178" t="s">
        <v>51</v>
      </c>
      <c r="AH5" s="182" t="s">
        <v>45</v>
      </c>
      <c r="AI5" s="468"/>
      <c r="AJ5" s="177" t="s">
        <v>43</v>
      </c>
      <c r="AK5" s="178" t="s">
        <v>44</v>
      </c>
      <c r="AL5" s="182" t="s">
        <v>45</v>
      </c>
      <c r="AM5" s="180" t="s">
        <v>83</v>
      </c>
      <c r="AN5" s="178" t="s">
        <v>47</v>
      </c>
      <c r="AO5" s="178" t="s">
        <v>48</v>
      </c>
      <c r="AP5" s="178" t="s">
        <v>49</v>
      </c>
      <c r="AQ5" s="178" t="s">
        <v>50</v>
      </c>
      <c r="AR5" s="178" t="s">
        <v>51</v>
      </c>
      <c r="AS5" s="182" t="s">
        <v>45</v>
      </c>
      <c r="AT5" s="468"/>
      <c r="AU5" s="177" t="s">
        <v>43</v>
      </c>
      <c r="AV5" s="178" t="s">
        <v>44</v>
      </c>
      <c r="AW5" s="181" t="s">
        <v>45</v>
      </c>
      <c r="AX5" s="180" t="s">
        <v>83</v>
      </c>
      <c r="AY5" s="178" t="s">
        <v>47</v>
      </c>
      <c r="AZ5" s="178" t="s">
        <v>48</v>
      </c>
      <c r="BA5" s="178" t="s">
        <v>49</v>
      </c>
      <c r="BB5" s="178" t="s">
        <v>50</v>
      </c>
      <c r="BC5" s="178" t="s">
        <v>51</v>
      </c>
      <c r="BD5" s="181" t="s">
        <v>45</v>
      </c>
      <c r="BE5" s="468"/>
      <c r="BF5" s="177" t="s">
        <v>43</v>
      </c>
      <c r="BG5" s="178" t="s">
        <v>44</v>
      </c>
      <c r="BH5" s="182" t="s">
        <v>45</v>
      </c>
      <c r="BI5" s="180" t="s">
        <v>83</v>
      </c>
      <c r="BJ5" s="178" t="s">
        <v>47</v>
      </c>
      <c r="BK5" s="178" t="s">
        <v>48</v>
      </c>
      <c r="BL5" s="178" t="s">
        <v>49</v>
      </c>
      <c r="BM5" s="178" t="s">
        <v>50</v>
      </c>
      <c r="BN5" s="178" t="s">
        <v>51</v>
      </c>
      <c r="BO5" s="182" t="s">
        <v>45</v>
      </c>
      <c r="BP5" s="468"/>
      <c r="BQ5" s="177" t="s">
        <v>43</v>
      </c>
      <c r="BR5" s="178" t="s">
        <v>44</v>
      </c>
      <c r="BS5" s="182" t="s">
        <v>45</v>
      </c>
      <c r="BT5" s="180" t="s">
        <v>83</v>
      </c>
      <c r="BU5" s="178" t="s">
        <v>47</v>
      </c>
      <c r="BV5" s="178" t="s">
        <v>48</v>
      </c>
      <c r="BW5" s="178" t="s">
        <v>49</v>
      </c>
      <c r="BX5" s="178" t="s">
        <v>50</v>
      </c>
      <c r="BY5" s="178" t="s">
        <v>51</v>
      </c>
      <c r="BZ5" s="182" t="s">
        <v>45</v>
      </c>
      <c r="CA5" s="468"/>
      <c r="CB5" s="177" t="s">
        <v>43</v>
      </c>
      <c r="CC5" s="178" t="s">
        <v>44</v>
      </c>
      <c r="CD5" s="182" t="s">
        <v>45</v>
      </c>
      <c r="CE5" s="180" t="s">
        <v>83</v>
      </c>
      <c r="CF5" s="178" t="s">
        <v>47</v>
      </c>
      <c r="CG5" s="178" t="s">
        <v>48</v>
      </c>
      <c r="CH5" s="178" t="s">
        <v>49</v>
      </c>
      <c r="CI5" s="178" t="s">
        <v>50</v>
      </c>
      <c r="CJ5" s="178" t="s">
        <v>51</v>
      </c>
      <c r="CK5" s="182" t="s">
        <v>45</v>
      </c>
      <c r="CL5" s="468"/>
      <c r="CM5" s="177" t="s">
        <v>43</v>
      </c>
      <c r="CN5" s="178" t="s">
        <v>44</v>
      </c>
      <c r="CO5" s="182" t="s">
        <v>45</v>
      </c>
      <c r="CP5" s="180" t="s">
        <v>83</v>
      </c>
      <c r="CQ5" s="178" t="s">
        <v>47</v>
      </c>
      <c r="CR5" s="178" t="s">
        <v>48</v>
      </c>
      <c r="CS5" s="178" t="s">
        <v>49</v>
      </c>
      <c r="CT5" s="178" t="s">
        <v>50</v>
      </c>
      <c r="CU5" s="178" t="s">
        <v>51</v>
      </c>
      <c r="CV5" s="182" t="s">
        <v>45</v>
      </c>
      <c r="CW5" s="468"/>
      <c r="CX5" s="177" t="s">
        <v>43</v>
      </c>
      <c r="CY5" s="178" t="s">
        <v>44</v>
      </c>
      <c r="CZ5" s="182" t="s">
        <v>45</v>
      </c>
      <c r="DA5" s="180" t="s">
        <v>83</v>
      </c>
      <c r="DB5" s="178" t="s">
        <v>47</v>
      </c>
      <c r="DC5" s="178" t="s">
        <v>48</v>
      </c>
      <c r="DD5" s="178" t="s">
        <v>49</v>
      </c>
      <c r="DE5" s="178" t="s">
        <v>50</v>
      </c>
      <c r="DF5" s="178" t="s">
        <v>51</v>
      </c>
      <c r="DG5" s="182" t="s">
        <v>45</v>
      </c>
      <c r="DH5" s="468"/>
    </row>
    <row r="6" spans="2:112" ht="21" customHeight="1" x14ac:dyDescent="0.2">
      <c r="B6" s="84" t="s">
        <v>4</v>
      </c>
      <c r="C6" s="183">
        <v>0</v>
      </c>
      <c r="D6" s="184">
        <v>0</v>
      </c>
      <c r="E6" s="185">
        <v>0</v>
      </c>
      <c r="F6" s="186">
        <v>0</v>
      </c>
      <c r="G6" s="184">
        <v>222489</v>
      </c>
      <c r="H6" s="184">
        <v>379799</v>
      </c>
      <c r="I6" s="184">
        <v>399585</v>
      </c>
      <c r="J6" s="184">
        <v>493306</v>
      </c>
      <c r="K6" s="184">
        <v>444023</v>
      </c>
      <c r="L6" s="187">
        <v>1939202</v>
      </c>
      <c r="M6" s="188">
        <v>1939202</v>
      </c>
      <c r="N6" s="183">
        <v>13</v>
      </c>
      <c r="O6" s="184">
        <v>79</v>
      </c>
      <c r="P6" s="189">
        <v>92</v>
      </c>
      <c r="Q6" s="186">
        <v>0</v>
      </c>
      <c r="R6" s="184">
        <v>318</v>
      </c>
      <c r="S6" s="184">
        <v>1674</v>
      </c>
      <c r="T6" s="184">
        <v>3506</v>
      </c>
      <c r="U6" s="184">
        <v>9633</v>
      </c>
      <c r="V6" s="184">
        <v>18448</v>
      </c>
      <c r="W6" s="189">
        <v>33579</v>
      </c>
      <c r="X6" s="188">
        <v>33671</v>
      </c>
      <c r="Y6" s="183">
        <v>16031</v>
      </c>
      <c r="Z6" s="184">
        <v>53144</v>
      </c>
      <c r="AA6" s="189">
        <v>69175</v>
      </c>
      <c r="AB6" s="186">
        <v>0</v>
      </c>
      <c r="AC6" s="184">
        <v>130762</v>
      </c>
      <c r="AD6" s="184">
        <v>215852</v>
      </c>
      <c r="AE6" s="184">
        <v>129263</v>
      </c>
      <c r="AF6" s="184">
        <v>109283</v>
      </c>
      <c r="AG6" s="184">
        <v>86452</v>
      </c>
      <c r="AH6" s="189">
        <v>671612</v>
      </c>
      <c r="AI6" s="188">
        <v>740787</v>
      </c>
      <c r="AJ6" s="183">
        <v>2767</v>
      </c>
      <c r="AK6" s="184">
        <v>10200</v>
      </c>
      <c r="AL6" s="189">
        <v>12967</v>
      </c>
      <c r="AM6" s="186">
        <v>0</v>
      </c>
      <c r="AN6" s="184">
        <v>14650</v>
      </c>
      <c r="AO6" s="184">
        <v>24030</v>
      </c>
      <c r="AP6" s="184">
        <v>15143</v>
      </c>
      <c r="AQ6" s="184">
        <v>12035</v>
      </c>
      <c r="AR6" s="184">
        <v>8158</v>
      </c>
      <c r="AS6" s="189">
        <v>74016</v>
      </c>
      <c r="AT6" s="188">
        <v>86983</v>
      </c>
      <c r="AU6" s="183">
        <v>0</v>
      </c>
      <c r="AV6" s="184">
        <v>0</v>
      </c>
      <c r="AW6" s="189">
        <v>0</v>
      </c>
      <c r="AX6" s="186">
        <v>0</v>
      </c>
      <c r="AY6" s="184">
        <v>202693</v>
      </c>
      <c r="AZ6" s="184">
        <v>211606</v>
      </c>
      <c r="BA6" s="184">
        <v>125316</v>
      </c>
      <c r="BB6" s="184">
        <v>70446</v>
      </c>
      <c r="BC6" s="184">
        <v>32878</v>
      </c>
      <c r="BD6" s="187">
        <v>642939</v>
      </c>
      <c r="BE6" s="188">
        <v>642939</v>
      </c>
      <c r="BF6" s="183">
        <v>0</v>
      </c>
      <c r="BG6" s="184">
        <v>0</v>
      </c>
      <c r="BH6" s="189">
        <v>0</v>
      </c>
      <c r="BI6" s="186">
        <v>0</v>
      </c>
      <c r="BJ6" s="184">
        <v>33632</v>
      </c>
      <c r="BK6" s="184">
        <v>50566</v>
      </c>
      <c r="BL6" s="184">
        <v>30353</v>
      </c>
      <c r="BM6" s="184">
        <v>18445</v>
      </c>
      <c r="BN6" s="184">
        <v>6476</v>
      </c>
      <c r="BO6" s="189">
        <v>139472</v>
      </c>
      <c r="BP6" s="188">
        <v>139472</v>
      </c>
      <c r="BQ6" s="183">
        <v>314</v>
      </c>
      <c r="BR6" s="184">
        <v>1427</v>
      </c>
      <c r="BS6" s="189">
        <v>1741</v>
      </c>
      <c r="BT6" s="186">
        <v>0</v>
      </c>
      <c r="BU6" s="184">
        <v>16153</v>
      </c>
      <c r="BV6" s="184">
        <v>32196</v>
      </c>
      <c r="BW6" s="184">
        <v>55747</v>
      </c>
      <c r="BX6" s="184">
        <v>41221</v>
      </c>
      <c r="BY6" s="184">
        <v>21633</v>
      </c>
      <c r="BZ6" s="189">
        <v>166950</v>
      </c>
      <c r="CA6" s="188">
        <v>168691</v>
      </c>
      <c r="CB6" s="183">
        <v>11</v>
      </c>
      <c r="CC6" s="184">
        <v>144</v>
      </c>
      <c r="CD6" s="189">
        <v>155</v>
      </c>
      <c r="CE6" s="186">
        <v>0</v>
      </c>
      <c r="CF6" s="184">
        <v>1338</v>
      </c>
      <c r="CG6" s="184">
        <v>3307</v>
      </c>
      <c r="CH6" s="184">
        <v>4350</v>
      </c>
      <c r="CI6" s="184">
        <v>4305</v>
      </c>
      <c r="CJ6" s="184">
        <v>2882</v>
      </c>
      <c r="CK6" s="189">
        <v>16182</v>
      </c>
      <c r="CL6" s="188">
        <v>16337</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6</v>
      </c>
      <c r="DC6" s="184">
        <v>0</v>
      </c>
      <c r="DD6" s="184">
        <v>0</v>
      </c>
      <c r="DE6" s="184">
        <v>0</v>
      </c>
      <c r="DF6" s="184">
        <v>0</v>
      </c>
      <c r="DG6" s="189">
        <v>6</v>
      </c>
      <c r="DH6" s="188">
        <v>6</v>
      </c>
    </row>
    <row r="7" spans="2:112" ht="21" customHeight="1" x14ac:dyDescent="0.2">
      <c r="B7" s="95" t="s">
        <v>5</v>
      </c>
      <c r="C7" s="190">
        <v>0</v>
      </c>
      <c r="D7" s="191">
        <v>0</v>
      </c>
      <c r="E7" s="192">
        <v>0</v>
      </c>
      <c r="F7" s="193">
        <v>0</v>
      </c>
      <c r="G7" s="191">
        <v>74074</v>
      </c>
      <c r="H7" s="191">
        <v>161091</v>
      </c>
      <c r="I7" s="191">
        <v>142626</v>
      </c>
      <c r="J7" s="191">
        <v>171075</v>
      </c>
      <c r="K7" s="191">
        <v>162582</v>
      </c>
      <c r="L7" s="194">
        <v>711448</v>
      </c>
      <c r="M7" s="195">
        <v>711448</v>
      </c>
      <c r="N7" s="190">
        <v>6</v>
      </c>
      <c r="O7" s="191">
        <v>50</v>
      </c>
      <c r="P7" s="196">
        <v>56</v>
      </c>
      <c r="Q7" s="193">
        <v>0</v>
      </c>
      <c r="R7" s="191">
        <v>62</v>
      </c>
      <c r="S7" s="191">
        <v>623</v>
      </c>
      <c r="T7" s="191">
        <v>1432</v>
      </c>
      <c r="U7" s="191">
        <v>3918</v>
      </c>
      <c r="V7" s="191">
        <v>8538</v>
      </c>
      <c r="W7" s="196">
        <v>14573</v>
      </c>
      <c r="X7" s="195">
        <v>14629</v>
      </c>
      <c r="Y7" s="190">
        <v>6542</v>
      </c>
      <c r="Z7" s="191">
        <v>27472</v>
      </c>
      <c r="AA7" s="196">
        <v>34014</v>
      </c>
      <c r="AB7" s="193">
        <v>0</v>
      </c>
      <c r="AC7" s="191">
        <v>45835</v>
      </c>
      <c r="AD7" s="191">
        <v>114234</v>
      </c>
      <c r="AE7" s="191">
        <v>63816</v>
      </c>
      <c r="AF7" s="191">
        <v>51418</v>
      </c>
      <c r="AG7" s="191">
        <v>38338</v>
      </c>
      <c r="AH7" s="196">
        <v>313641</v>
      </c>
      <c r="AI7" s="195">
        <v>347655</v>
      </c>
      <c r="AJ7" s="190">
        <v>1047</v>
      </c>
      <c r="AK7" s="191">
        <v>5017</v>
      </c>
      <c r="AL7" s="196">
        <v>6064</v>
      </c>
      <c r="AM7" s="193">
        <v>0</v>
      </c>
      <c r="AN7" s="191">
        <v>3826</v>
      </c>
      <c r="AO7" s="191">
        <v>10211</v>
      </c>
      <c r="AP7" s="191">
        <v>6546</v>
      </c>
      <c r="AQ7" s="191">
        <v>5040</v>
      </c>
      <c r="AR7" s="191">
        <v>3586</v>
      </c>
      <c r="AS7" s="196">
        <v>29209</v>
      </c>
      <c r="AT7" s="195">
        <v>35273</v>
      </c>
      <c r="AU7" s="190">
        <v>0</v>
      </c>
      <c r="AV7" s="191">
        <v>0</v>
      </c>
      <c r="AW7" s="196">
        <v>0</v>
      </c>
      <c r="AX7" s="193">
        <v>0</v>
      </c>
      <c r="AY7" s="191">
        <v>63272</v>
      </c>
      <c r="AZ7" s="191">
        <v>85330</v>
      </c>
      <c r="BA7" s="191">
        <v>44344</v>
      </c>
      <c r="BB7" s="191">
        <v>23941</v>
      </c>
      <c r="BC7" s="191">
        <v>11036</v>
      </c>
      <c r="BD7" s="194">
        <v>227923</v>
      </c>
      <c r="BE7" s="195">
        <v>227923</v>
      </c>
      <c r="BF7" s="190">
        <v>0</v>
      </c>
      <c r="BG7" s="191">
        <v>0</v>
      </c>
      <c r="BH7" s="196">
        <v>0</v>
      </c>
      <c r="BI7" s="193">
        <v>0</v>
      </c>
      <c r="BJ7" s="191">
        <v>9824</v>
      </c>
      <c r="BK7" s="191">
        <v>22297</v>
      </c>
      <c r="BL7" s="191">
        <v>13288</v>
      </c>
      <c r="BM7" s="191">
        <v>8069</v>
      </c>
      <c r="BN7" s="191">
        <v>2643</v>
      </c>
      <c r="BO7" s="196">
        <v>56121</v>
      </c>
      <c r="BP7" s="195">
        <v>56121</v>
      </c>
      <c r="BQ7" s="190">
        <v>89</v>
      </c>
      <c r="BR7" s="191">
        <v>524</v>
      </c>
      <c r="BS7" s="196">
        <v>613</v>
      </c>
      <c r="BT7" s="193">
        <v>0</v>
      </c>
      <c r="BU7" s="191">
        <v>4721</v>
      </c>
      <c r="BV7" s="191">
        <v>12619</v>
      </c>
      <c r="BW7" s="191">
        <v>21279</v>
      </c>
      <c r="BX7" s="191">
        <v>14559</v>
      </c>
      <c r="BY7" s="191">
        <v>8514</v>
      </c>
      <c r="BZ7" s="196">
        <v>61692</v>
      </c>
      <c r="CA7" s="195">
        <v>62305</v>
      </c>
      <c r="CB7" s="190">
        <v>9</v>
      </c>
      <c r="CC7" s="191">
        <v>83</v>
      </c>
      <c r="CD7" s="196">
        <v>92</v>
      </c>
      <c r="CE7" s="193">
        <v>0</v>
      </c>
      <c r="CF7" s="191">
        <v>579</v>
      </c>
      <c r="CG7" s="191">
        <v>2008</v>
      </c>
      <c r="CH7" s="191">
        <v>2698</v>
      </c>
      <c r="CI7" s="191">
        <v>2486</v>
      </c>
      <c r="CJ7" s="191">
        <v>1670</v>
      </c>
      <c r="CK7" s="196">
        <v>9441</v>
      </c>
      <c r="CL7" s="195">
        <v>9533</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38635</v>
      </c>
      <c r="H8" s="191">
        <v>55443</v>
      </c>
      <c r="I8" s="191">
        <v>60319</v>
      </c>
      <c r="J8" s="191">
        <v>78312</v>
      </c>
      <c r="K8" s="191">
        <v>72162</v>
      </c>
      <c r="L8" s="194">
        <v>304871</v>
      </c>
      <c r="M8" s="195">
        <v>304871</v>
      </c>
      <c r="N8" s="190">
        <v>7</v>
      </c>
      <c r="O8" s="191">
        <v>4</v>
      </c>
      <c r="P8" s="196">
        <v>11</v>
      </c>
      <c r="Q8" s="193">
        <v>0</v>
      </c>
      <c r="R8" s="191">
        <v>53</v>
      </c>
      <c r="S8" s="191">
        <v>175</v>
      </c>
      <c r="T8" s="191">
        <v>545</v>
      </c>
      <c r="U8" s="191">
        <v>1362</v>
      </c>
      <c r="V8" s="191">
        <v>2592</v>
      </c>
      <c r="W8" s="196">
        <v>4727</v>
      </c>
      <c r="X8" s="195">
        <v>4738</v>
      </c>
      <c r="Y8" s="190">
        <v>2970</v>
      </c>
      <c r="Z8" s="191">
        <v>7473</v>
      </c>
      <c r="AA8" s="196">
        <v>10443</v>
      </c>
      <c r="AB8" s="193">
        <v>0</v>
      </c>
      <c r="AC8" s="191">
        <v>28886</v>
      </c>
      <c r="AD8" s="191">
        <v>32483</v>
      </c>
      <c r="AE8" s="191">
        <v>18880</v>
      </c>
      <c r="AF8" s="191">
        <v>15780</v>
      </c>
      <c r="AG8" s="191">
        <v>13810</v>
      </c>
      <c r="AH8" s="196">
        <v>109839</v>
      </c>
      <c r="AI8" s="195">
        <v>120282</v>
      </c>
      <c r="AJ8" s="190">
        <v>268</v>
      </c>
      <c r="AK8" s="191">
        <v>770</v>
      </c>
      <c r="AL8" s="196">
        <v>1038</v>
      </c>
      <c r="AM8" s="193">
        <v>0</v>
      </c>
      <c r="AN8" s="191">
        <v>2575</v>
      </c>
      <c r="AO8" s="191">
        <v>2768</v>
      </c>
      <c r="AP8" s="191">
        <v>1622</v>
      </c>
      <c r="AQ8" s="191">
        <v>1773</v>
      </c>
      <c r="AR8" s="191">
        <v>943</v>
      </c>
      <c r="AS8" s="196">
        <v>9681</v>
      </c>
      <c r="AT8" s="195">
        <v>10719</v>
      </c>
      <c r="AU8" s="190">
        <v>0</v>
      </c>
      <c r="AV8" s="191">
        <v>0</v>
      </c>
      <c r="AW8" s="196">
        <v>0</v>
      </c>
      <c r="AX8" s="193">
        <v>0</v>
      </c>
      <c r="AY8" s="191">
        <v>33467</v>
      </c>
      <c r="AZ8" s="191">
        <v>30499</v>
      </c>
      <c r="BA8" s="191">
        <v>17281</v>
      </c>
      <c r="BB8" s="191">
        <v>10361</v>
      </c>
      <c r="BC8" s="191">
        <v>4810</v>
      </c>
      <c r="BD8" s="194">
        <v>96418</v>
      </c>
      <c r="BE8" s="195">
        <v>96418</v>
      </c>
      <c r="BF8" s="190">
        <v>0</v>
      </c>
      <c r="BG8" s="191">
        <v>0</v>
      </c>
      <c r="BH8" s="196">
        <v>0</v>
      </c>
      <c r="BI8" s="193">
        <v>0</v>
      </c>
      <c r="BJ8" s="191">
        <v>4860</v>
      </c>
      <c r="BK8" s="191">
        <v>5759</v>
      </c>
      <c r="BL8" s="191">
        <v>3790</v>
      </c>
      <c r="BM8" s="191">
        <v>2263</v>
      </c>
      <c r="BN8" s="191">
        <v>991</v>
      </c>
      <c r="BO8" s="196">
        <v>17663</v>
      </c>
      <c r="BP8" s="195">
        <v>17663</v>
      </c>
      <c r="BQ8" s="190">
        <v>5</v>
      </c>
      <c r="BR8" s="191">
        <v>79</v>
      </c>
      <c r="BS8" s="196">
        <v>84</v>
      </c>
      <c r="BT8" s="193">
        <v>0</v>
      </c>
      <c r="BU8" s="191">
        <v>1842</v>
      </c>
      <c r="BV8" s="191">
        <v>3558</v>
      </c>
      <c r="BW8" s="191">
        <v>5782</v>
      </c>
      <c r="BX8" s="191">
        <v>4625</v>
      </c>
      <c r="BY8" s="191">
        <v>2219</v>
      </c>
      <c r="BZ8" s="196">
        <v>18026</v>
      </c>
      <c r="CA8" s="195">
        <v>18110</v>
      </c>
      <c r="CB8" s="190">
        <v>0</v>
      </c>
      <c r="CC8" s="191">
        <v>7</v>
      </c>
      <c r="CD8" s="196">
        <v>7</v>
      </c>
      <c r="CE8" s="193">
        <v>0</v>
      </c>
      <c r="CF8" s="191">
        <v>118</v>
      </c>
      <c r="CG8" s="191">
        <v>417</v>
      </c>
      <c r="CH8" s="191">
        <v>477</v>
      </c>
      <c r="CI8" s="191">
        <v>552</v>
      </c>
      <c r="CJ8" s="191">
        <v>425</v>
      </c>
      <c r="CK8" s="196">
        <v>1989</v>
      </c>
      <c r="CL8" s="195">
        <v>1996</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14556</v>
      </c>
      <c r="H9" s="191">
        <v>29386</v>
      </c>
      <c r="I9" s="191">
        <v>34879</v>
      </c>
      <c r="J9" s="191">
        <v>39850</v>
      </c>
      <c r="K9" s="191">
        <v>31526</v>
      </c>
      <c r="L9" s="194">
        <v>150197</v>
      </c>
      <c r="M9" s="195">
        <v>150197</v>
      </c>
      <c r="N9" s="190">
        <v>0</v>
      </c>
      <c r="O9" s="191">
        <v>5</v>
      </c>
      <c r="P9" s="196">
        <v>5</v>
      </c>
      <c r="Q9" s="193">
        <v>0</v>
      </c>
      <c r="R9" s="191">
        <v>3</v>
      </c>
      <c r="S9" s="191">
        <v>103</v>
      </c>
      <c r="T9" s="191">
        <v>227</v>
      </c>
      <c r="U9" s="191">
        <v>723</v>
      </c>
      <c r="V9" s="191">
        <v>1191</v>
      </c>
      <c r="W9" s="196">
        <v>2247</v>
      </c>
      <c r="X9" s="195">
        <v>2252</v>
      </c>
      <c r="Y9" s="190">
        <v>674</v>
      </c>
      <c r="Z9" s="191">
        <v>3746</v>
      </c>
      <c r="AA9" s="196">
        <v>4420</v>
      </c>
      <c r="AB9" s="193">
        <v>0</v>
      </c>
      <c r="AC9" s="191">
        <v>7100</v>
      </c>
      <c r="AD9" s="191">
        <v>14041</v>
      </c>
      <c r="AE9" s="191">
        <v>10872</v>
      </c>
      <c r="AF9" s="191">
        <v>8334</v>
      </c>
      <c r="AG9" s="191">
        <v>6274</v>
      </c>
      <c r="AH9" s="196">
        <v>46621</v>
      </c>
      <c r="AI9" s="195">
        <v>51041</v>
      </c>
      <c r="AJ9" s="190">
        <v>74</v>
      </c>
      <c r="AK9" s="191">
        <v>412</v>
      </c>
      <c r="AL9" s="196">
        <v>486</v>
      </c>
      <c r="AM9" s="193">
        <v>0</v>
      </c>
      <c r="AN9" s="191">
        <v>204</v>
      </c>
      <c r="AO9" s="191">
        <v>985</v>
      </c>
      <c r="AP9" s="191">
        <v>543</v>
      </c>
      <c r="AQ9" s="191">
        <v>546</v>
      </c>
      <c r="AR9" s="191">
        <v>230</v>
      </c>
      <c r="AS9" s="196">
        <v>2508</v>
      </c>
      <c r="AT9" s="195">
        <v>2994</v>
      </c>
      <c r="AU9" s="190">
        <v>0</v>
      </c>
      <c r="AV9" s="191">
        <v>0</v>
      </c>
      <c r="AW9" s="196">
        <v>0</v>
      </c>
      <c r="AX9" s="193">
        <v>0</v>
      </c>
      <c r="AY9" s="191">
        <v>15416</v>
      </c>
      <c r="AZ9" s="191">
        <v>19121</v>
      </c>
      <c r="BA9" s="191">
        <v>13229</v>
      </c>
      <c r="BB9" s="191">
        <v>6746</v>
      </c>
      <c r="BC9" s="191">
        <v>3370</v>
      </c>
      <c r="BD9" s="194">
        <v>57882</v>
      </c>
      <c r="BE9" s="195">
        <v>57882</v>
      </c>
      <c r="BF9" s="190">
        <v>0</v>
      </c>
      <c r="BG9" s="191">
        <v>0</v>
      </c>
      <c r="BH9" s="196">
        <v>0</v>
      </c>
      <c r="BI9" s="193">
        <v>0</v>
      </c>
      <c r="BJ9" s="191">
        <v>1028</v>
      </c>
      <c r="BK9" s="191">
        <v>3060</v>
      </c>
      <c r="BL9" s="191">
        <v>1998</v>
      </c>
      <c r="BM9" s="191">
        <v>1095</v>
      </c>
      <c r="BN9" s="191">
        <v>433</v>
      </c>
      <c r="BO9" s="196">
        <v>7614</v>
      </c>
      <c r="BP9" s="195">
        <v>7614</v>
      </c>
      <c r="BQ9" s="190">
        <v>7</v>
      </c>
      <c r="BR9" s="191">
        <v>138</v>
      </c>
      <c r="BS9" s="196">
        <v>145</v>
      </c>
      <c r="BT9" s="193">
        <v>0</v>
      </c>
      <c r="BU9" s="191">
        <v>699</v>
      </c>
      <c r="BV9" s="191">
        <v>2373</v>
      </c>
      <c r="BW9" s="191">
        <v>5095</v>
      </c>
      <c r="BX9" s="191">
        <v>4475</v>
      </c>
      <c r="BY9" s="191">
        <v>1876</v>
      </c>
      <c r="BZ9" s="196">
        <v>14518</v>
      </c>
      <c r="CA9" s="195">
        <v>14663</v>
      </c>
      <c r="CB9" s="190">
        <v>0</v>
      </c>
      <c r="CC9" s="191">
        <v>2</v>
      </c>
      <c r="CD9" s="196">
        <v>2</v>
      </c>
      <c r="CE9" s="193">
        <v>0</v>
      </c>
      <c r="CF9" s="191">
        <v>13</v>
      </c>
      <c r="CG9" s="191">
        <v>35</v>
      </c>
      <c r="CH9" s="191">
        <v>62</v>
      </c>
      <c r="CI9" s="191">
        <v>8</v>
      </c>
      <c r="CJ9" s="191">
        <v>25</v>
      </c>
      <c r="CK9" s="196">
        <v>143</v>
      </c>
      <c r="CL9" s="195">
        <v>145</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7884</v>
      </c>
      <c r="H10" s="191">
        <v>19632</v>
      </c>
      <c r="I10" s="191">
        <v>21566</v>
      </c>
      <c r="J10" s="191">
        <v>28317</v>
      </c>
      <c r="K10" s="191">
        <v>22131</v>
      </c>
      <c r="L10" s="194">
        <v>109530</v>
      </c>
      <c r="M10" s="195">
        <v>109530</v>
      </c>
      <c r="N10" s="190">
        <v>0</v>
      </c>
      <c r="O10" s="191">
        <v>0</v>
      </c>
      <c r="P10" s="196">
        <v>0</v>
      </c>
      <c r="Q10" s="193">
        <v>0</v>
      </c>
      <c r="R10" s="191">
        <v>41</v>
      </c>
      <c r="S10" s="191">
        <v>144</v>
      </c>
      <c r="T10" s="191">
        <v>207</v>
      </c>
      <c r="U10" s="191">
        <v>788</v>
      </c>
      <c r="V10" s="191">
        <v>1085</v>
      </c>
      <c r="W10" s="196">
        <v>2265</v>
      </c>
      <c r="X10" s="195">
        <v>2265</v>
      </c>
      <c r="Y10" s="190">
        <v>117</v>
      </c>
      <c r="Z10" s="191">
        <v>276</v>
      </c>
      <c r="AA10" s="196">
        <v>393</v>
      </c>
      <c r="AB10" s="193">
        <v>0</v>
      </c>
      <c r="AC10" s="191">
        <v>5542</v>
      </c>
      <c r="AD10" s="191">
        <v>5252</v>
      </c>
      <c r="AE10" s="191">
        <v>3003</v>
      </c>
      <c r="AF10" s="191">
        <v>3369</v>
      </c>
      <c r="AG10" s="191">
        <v>3234</v>
      </c>
      <c r="AH10" s="196">
        <v>20400</v>
      </c>
      <c r="AI10" s="195">
        <v>20793</v>
      </c>
      <c r="AJ10" s="190">
        <v>24</v>
      </c>
      <c r="AK10" s="191">
        <v>153</v>
      </c>
      <c r="AL10" s="196">
        <v>177</v>
      </c>
      <c r="AM10" s="193">
        <v>0</v>
      </c>
      <c r="AN10" s="191">
        <v>827</v>
      </c>
      <c r="AO10" s="191">
        <v>950</v>
      </c>
      <c r="AP10" s="191">
        <v>591</v>
      </c>
      <c r="AQ10" s="191">
        <v>505</v>
      </c>
      <c r="AR10" s="191">
        <v>294</v>
      </c>
      <c r="AS10" s="196">
        <v>3167</v>
      </c>
      <c r="AT10" s="195">
        <v>3344</v>
      </c>
      <c r="AU10" s="190">
        <v>0</v>
      </c>
      <c r="AV10" s="191">
        <v>0</v>
      </c>
      <c r="AW10" s="196">
        <v>0</v>
      </c>
      <c r="AX10" s="193">
        <v>0</v>
      </c>
      <c r="AY10" s="191">
        <v>14881</v>
      </c>
      <c r="AZ10" s="191">
        <v>9662</v>
      </c>
      <c r="BA10" s="191">
        <v>5354</v>
      </c>
      <c r="BB10" s="191">
        <v>2879</v>
      </c>
      <c r="BC10" s="191">
        <v>1422</v>
      </c>
      <c r="BD10" s="194">
        <v>34198</v>
      </c>
      <c r="BE10" s="195">
        <v>34198</v>
      </c>
      <c r="BF10" s="190">
        <v>0</v>
      </c>
      <c r="BG10" s="191">
        <v>0</v>
      </c>
      <c r="BH10" s="196">
        <v>0</v>
      </c>
      <c r="BI10" s="193">
        <v>0</v>
      </c>
      <c r="BJ10" s="191">
        <v>2235</v>
      </c>
      <c r="BK10" s="191">
        <v>1736</v>
      </c>
      <c r="BL10" s="191">
        <v>1025</v>
      </c>
      <c r="BM10" s="191">
        <v>749</v>
      </c>
      <c r="BN10" s="191">
        <v>238</v>
      </c>
      <c r="BO10" s="196">
        <v>5983</v>
      </c>
      <c r="BP10" s="195">
        <v>5983</v>
      </c>
      <c r="BQ10" s="190">
        <v>10</v>
      </c>
      <c r="BR10" s="191">
        <v>56</v>
      </c>
      <c r="BS10" s="196">
        <v>66</v>
      </c>
      <c r="BT10" s="193">
        <v>0</v>
      </c>
      <c r="BU10" s="191">
        <v>2136</v>
      </c>
      <c r="BV10" s="191">
        <v>2159</v>
      </c>
      <c r="BW10" s="191">
        <v>2941</v>
      </c>
      <c r="BX10" s="191">
        <v>2198</v>
      </c>
      <c r="BY10" s="191">
        <v>1248</v>
      </c>
      <c r="BZ10" s="196">
        <v>10682</v>
      </c>
      <c r="CA10" s="195">
        <v>10748</v>
      </c>
      <c r="CB10" s="190">
        <v>0</v>
      </c>
      <c r="CC10" s="191">
        <v>21</v>
      </c>
      <c r="CD10" s="196">
        <v>21</v>
      </c>
      <c r="CE10" s="193">
        <v>0</v>
      </c>
      <c r="CF10" s="191">
        <v>94</v>
      </c>
      <c r="CG10" s="191">
        <v>143</v>
      </c>
      <c r="CH10" s="191">
        <v>62</v>
      </c>
      <c r="CI10" s="191">
        <v>114</v>
      </c>
      <c r="CJ10" s="191">
        <v>47</v>
      </c>
      <c r="CK10" s="196">
        <v>460</v>
      </c>
      <c r="CL10" s="195">
        <v>481</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7006</v>
      </c>
      <c r="H11" s="191">
        <v>13476</v>
      </c>
      <c r="I11" s="191">
        <v>15322</v>
      </c>
      <c r="J11" s="191">
        <v>17489</v>
      </c>
      <c r="K11" s="191">
        <v>17996</v>
      </c>
      <c r="L11" s="194">
        <v>71289</v>
      </c>
      <c r="M11" s="195">
        <v>71289</v>
      </c>
      <c r="N11" s="190">
        <v>0</v>
      </c>
      <c r="O11" s="191">
        <v>0</v>
      </c>
      <c r="P11" s="196">
        <v>0</v>
      </c>
      <c r="Q11" s="193">
        <v>0</v>
      </c>
      <c r="R11" s="191">
        <v>25</v>
      </c>
      <c r="S11" s="191">
        <v>67</v>
      </c>
      <c r="T11" s="191">
        <v>110</v>
      </c>
      <c r="U11" s="191">
        <v>163</v>
      </c>
      <c r="V11" s="191">
        <v>363</v>
      </c>
      <c r="W11" s="196">
        <v>728</v>
      </c>
      <c r="X11" s="195">
        <v>728</v>
      </c>
      <c r="Y11" s="190">
        <v>265</v>
      </c>
      <c r="Z11" s="191">
        <v>596</v>
      </c>
      <c r="AA11" s="196">
        <v>861</v>
      </c>
      <c r="AB11" s="193">
        <v>0</v>
      </c>
      <c r="AC11" s="191">
        <v>2489</v>
      </c>
      <c r="AD11" s="191">
        <v>3484</v>
      </c>
      <c r="AE11" s="191">
        <v>2416</v>
      </c>
      <c r="AF11" s="191">
        <v>2245</v>
      </c>
      <c r="AG11" s="191">
        <v>2222</v>
      </c>
      <c r="AH11" s="196">
        <v>12856</v>
      </c>
      <c r="AI11" s="195">
        <v>13717</v>
      </c>
      <c r="AJ11" s="190">
        <v>147</v>
      </c>
      <c r="AK11" s="191">
        <v>295</v>
      </c>
      <c r="AL11" s="196">
        <v>442</v>
      </c>
      <c r="AM11" s="193">
        <v>0</v>
      </c>
      <c r="AN11" s="191">
        <v>989</v>
      </c>
      <c r="AO11" s="191">
        <v>1344</v>
      </c>
      <c r="AP11" s="191">
        <v>520</v>
      </c>
      <c r="AQ11" s="191">
        <v>589</v>
      </c>
      <c r="AR11" s="191">
        <v>294</v>
      </c>
      <c r="AS11" s="196">
        <v>3736</v>
      </c>
      <c r="AT11" s="195">
        <v>4178</v>
      </c>
      <c r="AU11" s="190">
        <v>0</v>
      </c>
      <c r="AV11" s="191">
        <v>0</v>
      </c>
      <c r="AW11" s="196">
        <v>0</v>
      </c>
      <c r="AX11" s="193">
        <v>0</v>
      </c>
      <c r="AY11" s="191">
        <v>5958</v>
      </c>
      <c r="AZ11" s="191">
        <v>6618</v>
      </c>
      <c r="BA11" s="191">
        <v>4117</v>
      </c>
      <c r="BB11" s="191">
        <v>2743</v>
      </c>
      <c r="BC11" s="191">
        <v>1359</v>
      </c>
      <c r="BD11" s="194">
        <v>20795</v>
      </c>
      <c r="BE11" s="195">
        <v>20795</v>
      </c>
      <c r="BF11" s="190">
        <v>0</v>
      </c>
      <c r="BG11" s="191">
        <v>0</v>
      </c>
      <c r="BH11" s="196">
        <v>0</v>
      </c>
      <c r="BI11" s="193">
        <v>0</v>
      </c>
      <c r="BJ11" s="191">
        <v>1215</v>
      </c>
      <c r="BK11" s="191">
        <v>1451</v>
      </c>
      <c r="BL11" s="191">
        <v>932</v>
      </c>
      <c r="BM11" s="191">
        <v>490</v>
      </c>
      <c r="BN11" s="191">
        <v>144</v>
      </c>
      <c r="BO11" s="196">
        <v>4232</v>
      </c>
      <c r="BP11" s="195">
        <v>4232</v>
      </c>
      <c r="BQ11" s="190">
        <v>26</v>
      </c>
      <c r="BR11" s="191">
        <v>66</v>
      </c>
      <c r="BS11" s="196">
        <v>92</v>
      </c>
      <c r="BT11" s="193">
        <v>0</v>
      </c>
      <c r="BU11" s="191">
        <v>709</v>
      </c>
      <c r="BV11" s="191">
        <v>1429</v>
      </c>
      <c r="BW11" s="191">
        <v>3023</v>
      </c>
      <c r="BX11" s="191">
        <v>2061</v>
      </c>
      <c r="BY11" s="191">
        <v>770</v>
      </c>
      <c r="BZ11" s="196">
        <v>7992</v>
      </c>
      <c r="CA11" s="195">
        <v>8084</v>
      </c>
      <c r="CB11" s="190">
        <v>0</v>
      </c>
      <c r="CC11" s="191">
        <v>0</v>
      </c>
      <c r="CD11" s="196">
        <v>0</v>
      </c>
      <c r="CE11" s="193">
        <v>0</v>
      </c>
      <c r="CF11" s="191">
        <v>33</v>
      </c>
      <c r="CG11" s="191">
        <v>43</v>
      </c>
      <c r="CH11" s="191">
        <v>34</v>
      </c>
      <c r="CI11" s="191">
        <v>18</v>
      </c>
      <c r="CJ11" s="191">
        <v>50</v>
      </c>
      <c r="CK11" s="196">
        <v>178</v>
      </c>
      <c r="CL11" s="195">
        <v>178</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6399</v>
      </c>
      <c r="H12" s="191">
        <v>9042</v>
      </c>
      <c r="I12" s="191">
        <v>12550</v>
      </c>
      <c r="J12" s="191">
        <v>16603</v>
      </c>
      <c r="K12" s="191">
        <v>14201</v>
      </c>
      <c r="L12" s="194">
        <v>58795</v>
      </c>
      <c r="M12" s="195">
        <v>58795</v>
      </c>
      <c r="N12" s="190">
        <v>0</v>
      </c>
      <c r="O12" s="191">
        <v>0</v>
      </c>
      <c r="P12" s="196">
        <v>0</v>
      </c>
      <c r="Q12" s="193">
        <v>0</v>
      </c>
      <c r="R12" s="191">
        <v>7</v>
      </c>
      <c r="S12" s="191">
        <v>24</v>
      </c>
      <c r="T12" s="191">
        <v>108</v>
      </c>
      <c r="U12" s="191">
        <v>215</v>
      </c>
      <c r="V12" s="191">
        <v>517</v>
      </c>
      <c r="W12" s="196">
        <v>871</v>
      </c>
      <c r="X12" s="195">
        <v>871</v>
      </c>
      <c r="Y12" s="190">
        <v>494</v>
      </c>
      <c r="Z12" s="191">
        <v>803</v>
      </c>
      <c r="AA12" s="196">
        <v>1297</v>
      </c>
      <c r="AB12" s="193">
        <v>0</v>
      </c>
      <c r="AC12" s="191">
        <v>3736</v>
      </c>
      <c r="AD12" s="191">
        <v>3923</v>
      </c>
      <c r="AE12" s="191">
        <v>2734</v>
      </c>
      <c r="AF12" s="191">
        <v>3114</v>
      </c>
      <c r="AG12" s="191">
        <v>2758</v>
      </c>
      <c r="AH12" s="196">
        <v>16265</v>
      </c>
      <c r="AI12" s="195">
        <v>17562</v>
      </c>
      <c r="AJ12" s="190">
        <v>6</v>
      </c>
      <c r="AK12" s="191">
        <v>127</v>
      </c>
      <c r="AL12" s="196">
        <v>133</v>
      </c>
      <c r="AM12" s="193">
        <v>0</v>
      </c>
      <c r="AN12" s="191">
        <v>369</v>
      </c>
      <c r="AO12" s="191">
        <v>601</v>
      </c>
      <c r="AP12" s="191">
        <v>380</v>
      </c>
      <c r="AQ12" s="191">
        <v>292</v>
      </c>
      <c r="AR12" s="191">
        <v>331</v>
      </c>
      <c r="AS12" s="196">
        <v>1973</v>
      </c>
      <c r="AT12" s="195">
        <v>2106</v>
      </c>
      <c r="AU12" s="190">
        <v>0</v>
      </c>
      <c r="AV12" s="191">
        <v>0</v>
      </c>
      <c r="AW12" s="196">
        <v>0</v>
      </c>
      <c r="AX12" s="193">
        <v>0</v>
      </c>
      <c r="AY12" s="191">
        <v>4646</v>
      </c>
      <c r="AZ12" s="191">
        <v>3773</v>
      </c>
      <c r="BA12" s="191">
        <v>3274</v>
      </c>
      <c r="BB12" s="191">
        <v>1813</v>
      </c>
      <c r="BC12" s="191">
        <v>683</v>
      </c>
      <c r="BD12" s="194">
        <v>14189</v>
      </c>
      <c r="BE12" s="195">
        <v>14189</v>
      </c>
      <c r="BF12" s="190">
        <v>0</v>
      </c>
      <c r="BG12" s="191">
        <v>0</v>
      </c>
      <c r="BH12" s="196">
        <v>0</v>
      </c>
      <c r="BI12" s="193">
        <v>0</v>
      </c>
      <c r="BJ12" s="191">
        <v>1062</v>
      </c>
      <c r="BK12" s="191">
        <v>954</v>
      </c>
      <c r="BL12" s="191">
        <v>727</v>
      </c>
      <c r="BM12" s="191">
        <v>603</v>
      </c>
      <c r="BN12" s="191">
        <v>135</v>
      </c>
      <c r="BO12" s="196">
        <v>3481</v>
      </c>
      <c r="BP12" s="195">
        <v>3481</v>
      </c>
      <c r="BQ12" s="190">
        <v>50</v>
      </c>
      <c r="BR12" s="191">
        <v>9</v>
      </c>
      <c r="BS12" s="196">
        <v>59</v>
      </c>
      <c r="BT12" s="193">
        <v>0</v>
      </c>
      <c r="BU12" s="191">
        <v>387</v>
      </c>
      <c r="BV12" s="191">
        <v>972</v>
      </c>
      <c r="BW12" s="191">
        <v>1187</v>
      </c>
      <c r="BX12" s="191">
        <v>1162</v>
      </c>
      <c r="BY12" s="191">
        <v>754</v>
      </c>
      <c r="BZ12" s="196">
        <v>4462</v>
      </c>
      <c r="CA12" s="195">
        <v>4521</v>
      </c>
      <c r="CB12" s="190">
        <v>0</v>
      </c>
      <c r="CC12" s="191">
        <v>0</v>
      </c>
      <c r="CD12" s="196">
        <v>0</v>
      </c>
      <c r="CE12" s="193">
        <v>0</v>
      </c>
      <c r="CF12" s="191">
        <v>53</v>
      </c>
      <c r="CG12" s="191">
        <v>55</v>
      </c>
      <c r="CH12" s="191">
        <v>240</v>
      </c>
      <c r="CI12" s="191">
        <v>190</v>
      </c>
      <c r="CJ12" s="191">
        <v>142</v>
      </c>
      <c r="CK12" s="196">
        <v>680</v>
      </c>
      <c r="CL12" s="195">
        <v>680</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6868</v>
      </c>
      <c r="H13" s="191">
        <v>17311</v>
      </c>
      <c r="I13" s="191">
        <v>24673</v>
      </c>
      <c r="J13" s="191">
        <v>32787</v>
      </c>
      <c r="K13" s="191">
        <v>24307</v>
      </c>
      <c r="L13" s="194">
        <v>115946</v>
      </c>
      <c r="M13" s="195">
        <v>115946</v>
      </c>
      <c r="N13" s="190">
        <v>0</v>
      </c>
      <c r="O13" s="191">
        <v>0</v>
      </c>
      <c r="P13" s="196">
        <v>0</v>
      </c>
      <c r="Q13" s="193">
        <v>0</v>
      </c>
      <c r="R13" s="191">
        <v>20</v>
      </c>
      <c r="S13" s="191">
        <v>104</v>
      </c>
      <c r="T13" s="191">
        <v>175</v>
      </c>
      <c r="U13" s="191">
        <v>413</v>
      </c>
      <c r="V13" s="191">
        <v>936</v>
      </c>
      <c r="W13" s="196">
        <v>1648</v>
      </c>
      <c r="X13" s="195">
        <v>1648</v>
      </c>
      <c r="Y13" s="190">
        <v>1105</v>
      </c>
      <c r="Z13" s="191">
        <v>2275</v>
      </c>
      <c r="AA13" s="196">
        <v>3380</v>
      </c>
      <c r="AB13" s="193">
        <v>0</v>
      </c>
      <c r="AC13" s="191">
        <v>9767</v>
      </c>
      <c r="AD13" s="191">
        <v>6523</v>
      </c>
      <c r="AE13" s="191">
        <v>4060</v>
      </c>
      <c r="AF13" s="191">
        <v>4350</v>
      </c>
      <c r="AG13" s="191">
        <v>3660</v>
      </c>
      <c r="AH13" s="196">
        <v>28360</v>
      </c>
      <c r="AI13" s="195">
        <v>31740</v>
      </c>
      <c r="AJ13" s="190">
        <v>218</v>
      </c>
      <c r="AK13" s="191">
        <v>661</v>
      </c>
      <c r="AL13" s="196">
        <v>879</v>
      </c>
      <c r="AM13" s="193">
        <v>0</v>
      </c>
      <c r="AN13" s="191">
        <v>1454</v>
      </c>
      <c r="AO13" s="191">
        <v>1247</v>
      </c>
      <c r="AP13" s="191">
        <v>871</v>
      </c>
      <c r="AQ13" s="191">
        <v>432</v>
      </c>
      <c r="AR13" s="191">
        <v>710</v>
      </c>
      <c r="AS13" s="196">
        <v>4714</v>
      </c>
      <c r="AT13" s="195">
        <v>5593</v>
      </c>
      <c r="AU13" s="190">
        <v>0</v>
      </c>
      <c r="AV13" s="191">
        <v>0</v>
      </c>
      <c r="AW13" s="196">
        <v>0</v>
      </c>
      <c r="AX13" s="193">
        <v>0</v>
      </c>
      <c r="AY13" s="191">
        <v>15752</v>
      </c>
      <c r="AZ13" s="191">
        <v>8488</v>
      </c>
      <c r="BA13" s="191">
        <v>5324</v>
      </c>
      <c r="BB13" s="191">
        <v>3102</v>
      </c>
      <c r="BC13" s="191">
        <v>1565</v>
      </c>
      <c r="BD13" s="194">
        <v>34231</v>
      </c>
      <c r="BE13" s="195">
        <v>34231</v>
      </c>
      <c r="BF13" s="190">
        <v>0</v>
      </c>
      <c r="BG13" s="191">
        <v>0</v>
      </c>
      <c r="BH13" s="196">
        <v>0</v>
      </c>
      <c r="BI13" s="193">
        <v>0</v>
      </c>
      <c r="BJ13" s="191">
        <v>1766</v>
      </c>
      <c r="BK13" s="191">
        <v>1566</v>
      </c>
      <c r="BL13" s="191">
        <v>1024</v>
      </c>
      <c r="BM13" s="191">
        <v>473</v>
      </c>
      <c r="BN13" s="191">
        <v>225</v>
      </c>
      <c r="BO13" s="196">
        <v>5054</v>
      </c>
      <c r="BP13" s="195">
        <v>5054</v>
      </c>
      <c r="BQ13" s="190">
        <v>24</v>
      </c>
      <c r="BR13" s="191">
        <v>145</v>
      </c>
      <c r="BS13" s="196">
        <v>169</v>
      </c>
      <c r="BT13" s="193">
        <v>0</v>
      </c>
      <c r="BU13" s="191">
        <v>1572</v>
      </c>
      <c r="BV13" s="191">
        <v>1585</v>
      </c>
      <c r="BW13" s="191">
        <v>2334</v>
      </c>
      <c r="BX13" s="191">
        <v>1946</v>
      </c>
      <c r="BY13" s="191">
        <v>869</v>
      </c>
      <c r="BZ13" s="196">
        <v>8306</v>
      </c>
      <c r="CA13" s="195">
        <v>8475</v>
      </c>
      <c r="CB13" s="190">
        <v>0</v>
      </c>
      <c r="CC13" s="191">
        <v>0</v>
      </c>
      <c r="CD13" s="196">
        <v>0</v>
      </c>
      <c r="CE13" s="193">
        <v>0</v>
      </c>
      <c r="CF13" s="191">
        <v>32</v>
      </c>
      <c r="CG13" s="191">
        <v>103</v>
      </c>
      <c r="CH13" s="191">
        <v>113</v>
      </c>
      <c r="CI13" s="191">
        <v>94</v>
      </c>
      <c r="CJ13" s="191">
        <v>83</v>
      </c>
      <c r="CK13" s="196">
        <v>425</v>
      </c>
      <c r="CL13" s="195">
        <v>425</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5518</v>
      </c>
      <c r="H14" s="191">
        <v>6431</v>
      </c>
      <c r="I14" s="191">
        <v>9760</v>
      </c>
      <c r="J14" s="191">
        <v>10438</v>
      </c>
      <c r="K14" s="191">
        <v>11509</v>
      </c>
      <c r="L14" s="194">
        <v>43656</v>
      </c>
      <c r="M14" s="195">
        <v>43656</v>
      </c>
      <c r="N14" s="190">
        <v>0</v>
      </c>
      <c r="O14" s="191">
        <v>0</v>
      </c>
      <c r="P14" s="196">
        <v>0</v>
      </c>
      <c r="Q14" s="193">
        <v>0</v>
      </c>
      <c r="R14" s="191">
        <v>14</v>
      </c>
      <c r="S14" s="191">
        <v>57</v>
      </c>
      <c r="T14" s="191">
        <v>76</v>
      </c>
      <c r="U14" s="191">
        <v>238</v>
      </c>
      <c r="V14" s="191">
        <v>400</v>
      </c>
      <c r="W14" s="196">
        <v>785</v>
      </c>
      <c r="X14" s="195">
        <v>785</v>
      </c>
      <c r="Y14" s="190">
        <v>334</v>
      </c>
      <c r="Z14" s="191">
        <v>747</v>
      </c>
      <c r="AA14" s="196">
        <v>1081</v>
      </c>
      <c r="AB14" s="193">
        <v>0</v>
      </c>
      <c r="AC14" s="191">
        <v>3363</v>
      </c>
      <c r="AD14" s="191">
        <v>2623</v>
      </c>
      <c r="AE14" s="191">
        <v>2328</v>
      </c>
      <c r="AF14" s="191">
        <v>2191</v>
      </c>
      <c r="AG14" s="191">
        <v>2065</v>
      </c>
      <c r="AH14" s="196">
        <v>12570</v>
      </c>
      <c r="AI14" s="195">
        <v>13651</v>
      </c>
      <c r="AJ14" s="190">
        <v>32</v>
      </c>
      <c r="AK14" s="191">
        <v>75</v>
      </c>
      <c r="AL14" s="196">
        <v>107</v>
      </c>
      <c r="AM14" s="193">
        <v>0</v>
      </c>
      <c r="AN14" s="191">
        <v>328</v>
      </c>
      <c r="AO14" s="191">
        <v>264</v>
      </c>
      <c r="AP14" s="191">
        <v>404</v>
      </c>
      <c r="AQ14" s="191">
        <v>256</v>
      </c>
      <c r="AR14" s="191">
        <v>114</v>
      </c>
      <c r="AS14" s="196">
        <v>1366</v>
      </c>
      <c r="AT14" s="195">
        <v>1473</v>
      </c>
      <c r="AU14" s="190">
        <v>0</v>
      </c>
      <c r="AV14" s="191">
        <v>0</v>
      </c>
      <c r="AW14" s="196">
        <v>0</v>
      </c>
      <c r="AX14" s="193">
        <v>0</v>
      </c>
      <c r="AY14" s="191">
        <v>5807</v>
      </c>
      <c r="AZ14" s="191">
        <v>4123</v>
      </c>
      <c r="BA14" s="191">
        <v>3056</v>
      </c>
      <c r="BB14" s="191">
        <v>1888</v>
      </c>
      <c r="BC14" s="191">
        <v>868</v>
      </c>
      <c r="BD14" s="194">
        <v>15742</v>
      </c>
      <c r="BE14" s="195">
        <v>15742</v>
      </c>
      <c r="BF14" s="190">
        <v>0</v>
      </c>
      <c r="BG14" s="191">
        <v>0</v>
      </c>
      <c r="BH14" s="196">
        <v>0</v>
      </c>
      <c r="BI14" s="193">
        <v>0</v>
      </c>
      <c r="BJ14" s="191">
        <v>1681</v>
      </c>
      <c r="BK14" s="191">
        <v>1067</v>
      </c>
      <c r="BL14" s="191">
        <v>655</v>
      </c>
      <c r="BM14" s="191">
        <v>548</v>
      </c>
      <c r="BN14" s="191">
        <v>183</v>
      </c>
      <c r="BO14" s="196">
        <v>4134</v>
      </c>
      <c r="BP14" s="195">
        <v>4134</v>
      </c>
      <c r="BQ14" s="190">
        <v>23</v>
      </c>
      <c r="BR14" s="191">
        <v>65</v>
      </c>
      <c r="BS14" s="196">
        <v>88</v>
      </c>
      <c r="BT14" s="193">
        <v>0</v>
      </c>
      <c r="BU14" s="191">
        <v>588</v>
      </c>
      <c r="BV14" s="191">
        <v>781</v>
      </c>
      <c r="BW14" s="191">
        <v>1438</v>
      </c>
      <c r="BX14" s="191">
        <v>1029</v>
      </c>
      <c r="BY14" s="191">
        <v>570</v>
      </c>
      <c r="BZ14" s="196">
        <v>4406</v>
      </c>
      <c r="CA14" s="195">
        <v>4494</v>
      </c>
      <c r="CB14" s="190">
        <v>0</v>
      </c>
      <c r="CC14" s="191">
        <v>8</v>
      </c>
      <c r="CD14" s="196">
        <v>8</v>
      </c>
      <c r="CE14" s="193">
        <v>0</v>
      </c>
      <c r="CF14" s="191">
        <v>53</v>
      </c>
      <c r="CG14" s="191">
        <v>25</v>
      </c>
      <c r="CH14" s="191">
        <v>76</v>
      </c>
      <c r="CI14" s="191">
        <v>83</v>
      </c>
      <c r="CJ14" s="191">
        <v>103</v>
      </c>
      <c r="CK14" s="196">
        <v>340</v>
      </c>
      <c r="CL14" s="195">
        <v>348</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7438</v>
      </c>
      <c r="H15" s="191">
        <v>10377</v>
      </c>
      <c r="I15" s="191">
        <v>11779</v>
      </c>
      <c r="J15" s="191">
        <v>15864</v>
      </c>
      <c r="K15" s="191">
        <v>12779</v>
      </c>
      <c r="L15" s="194">
        <v>58237</v>
      </c>
      <c r="M15" s="195">
        <v>58237</v>
      </c>
      <c r="N15" s="190">
        <v>0</v>
      </c>
      <c r="O15" s="191">
        <v>11</v>
      </c>
      <c r="P15" s="196">
        <v>11</v>
      </c>
      <c r="Q15" s="193">
        <v>0</v>
      </c>
      <c r="R15" s="191">
        <v>16</v>
      </c>
      <c r="S15" s="191">
        <v>81</v>
      </c>
      <c r="T15" s="191">
        <v>96</v>
      </c>
      <c r="U15" s="191">
        <v>313</v>
      </c>
      <c r="V15" s="191">
        <v>373</v>
      </c>
      <c r="W15" s="196">
        <v>879</v>
      </c>
      <c r="X15" s="195">
        <v>890</v>
      </c>
      <c r="Y15" s="190">
        <v>642</v>
      </c>
      <c r="Z15" s="191">
        <v>2312</v>
      </c>
      <c r="AA15" s="196">
        <v>2954</v>
      </c>
      <c r="AB15" s="193">
        <v>0</v>
      </c>
      <c r="AC15" s="191">
        <v>2620</v>
      </c>
      <c r="AD15" s="191">
        <v>4106</v>
      </c>
      <c r="AE15" s="191">
        <v>2485</v>
      </c>
      <c r="AF15" s="191">
        <v>2718</v>
      </c>
      <c r="AG15" s="191">
        <v>1844</v>
      </c>
      <c r="AH15" s="196">
        <v>13773</v>
      </c>
      <c r="AI15" s="195">
        <v>16727</v>
      </c>
      <c r="AJ15" s="190">
        <v>82</v>
      </c>
      <c r="AK15" s="191">
        <v>286</v>
      </c>
      <c r="AL15" s="196">
        <v>368</v>
      </c>
      <c r="AM15" s="193">
        <v>0</v>
      </c>
      <c r="AN15" s="191">
        <v>156</v>
      </c>
      <c r="AO15" s="191">
        <v>588</v>
      </c>
      <c r="AP15" s="191">
        <v>288</v>
      </c>
      <c r="AQ15" s="191">
        <v>287</v>
      </c>
      <c r="AR15" s="191">
        <v>117</v>
      </c>
      <c r="AS15" s="196">
        <v>1436</v>
      </c>
      <c r="AT15" s="195">
        <v>1804</v>
      </c>
      <c r="AU15" s="190">
        <v>0</v>
      </c>
      <c r="AV15" s="191">
        <v>0</v>
      </c>
      <c r="AW15" s="196">
        <v>0</v>
      </c>
      <c r="AX15" s="193">
        <v>0</v>
      </c>
      <c r="AY15" s="191">
        <v>6497</v>
      </c>
      <c r="AZ15" s="191">
        <v>5241</v>
      </c>
      <c r="BA15" s="191">
        <v>3467</v>
      </c>
      <c r="BB15" s="191">
        <v>2402</v>
      </c>
      <c r="BC15" s="191">
        <v>916</v>
      </c>
      <c r="BD15" s="194">
        <v>18523</v>
      </c>
      <c r="BE15" s="195">
        <v>18523</v>
      </c>
      <c r="BF15" s="190">
        <v>0</v>
      </c>
      <c r="BG15" s="191">
        <v>0</v>
      </c>
      <c r="BH15" s="196">
        <v>0</v>
      </c>
      <c r="BI15" s="193">
        <v>0</v>
      </c>
      <c r="BJ15" s="191">
        <v>935</v>
      </c>
      <c r="BK15" s="191">
        <v>1579</v>
      </c>
      <c r="BL15" s="191">
        <v>888</v>
      </c>
      <c r="BM15" s="191">
        <v>525</v>
      </c>
      <c r="BN15" s="191">
        <v>173</v>
      </c>
      <c r="BO15" s="196">
        <v>4100</v>
      </c>
      <c r="BP15" s="195">
        <v>4100</v>
      </c>
      <c r="BQ15" s="190">
        <v>24</v>
      </c>
      <c r="BR15" s="191">
        <v>136</v>
      </c>
      <c r="BS15" s="196">
        <v>160</v>
      </c>
      <c r="BT15" s="193">
        <v>0</v>
      </c>
      <c r="BU15" s="191">
        <v>668</v>
      </c>
      <c r="BV15" s="191">
        <v>971</v>
      </c>
      <c r="BW15" s="191">
        <v>1565</v>
      </c>
      <c r="BX15" s="191">
        <v>1145</v>
      </c>
      <c r="BY15" s="191">
        <v>565</v>
      </c>
      <c r="BZ15" s="196">
        <v>4914</v>
      </c>
      <c r="CA15" s="195">
        <v>5074</v>
      </c>
      <c r="CB15" s="190">
        <v>0</v>
      </c>
      <c r="CC15" s="191">
        <v>0</v>
      </c>
      <c r="CD15" s="196">
        <v>0</v>
      </c>
      <c r="CE15" s="193">
        <v>0</v>
      </c>
      <c r="CF15" s="191">
        <v>37</v>
      </c>
      <c r="CG15" s="191">
        <v>59</v>
      </c>
      <c r="CH15" s="191">
        <v>38</v>
      </c>
      <c r="CI15" s="191">
        <v>22</v>
      </c>
      <c r="CJ15" s="191">
        <v>27</v>
      </c>
      <c r="CK15" s="196">
        <v>183</v>
      </c>
      <c r="CL15" s="195">
        <v>183</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2277</v>
      </c>
      <c r="H16" s="191">
        <v>3906</v>
      </c>
      <c r="I16" s="191">
        <v>4214</v>
      </c>
      <c r="J16" s="191">
        <v>5400</v>
      </c>
      <c r="K16" s="191">
        <v>6227</v>
      </c>
      <c r="L16" s="194">
        <v>22024</v>
      </c>
      <c r="M16" s="195">
        <v>22024</v>
      </c>
      <c r="N16" s="190">
        <v>0</v>
      </c>
      <c r="O16" s="191">
        <v>0</v>
      </c>
      <c r="P16" s="196">
        <v>0</v>
      </c>
      <c r="Q16" s="193">
        <v>0</v>
      </c>
      <c r="R16" s="191">
        <v>3</v>
      </c>
      <c r="S16" s="191">
        <v>13</v>
      </c>
      <c r="T16" s="191">
        <v>18</v>
      </c>
      <c r="U16" s="191">
        <v>86</v>
      </c>
      <c r="V16" s="191">
        <v>246</v>
      </c>
      <c r="W16" s="196">
        <v>366</v>
      </c>
      <c r="X16" s="195">
        <v>366</v>
      </c>
      <c r="Y16" s="190">
        <v>69</v>
      </c>
      <c r="Z16" s="191">
        <v>250</v>
      </c>
      <c r="AA16" s="196">
        <v>319</v>
      </c>
      <c r="AB16" s="193">
        <v>0</v>
      </c>
      <c r="AC16" s="191">
        <v>1137</v>
      </c>
      <c r="AD16" s="191">
        <v>2047</v>
      </c>
      <c r="AE16" s="191">
        <v>1034</v>
      </c>
      <c r="AF16" s="191">
        <v>732</v>
      </c>
      <c r="AG16" s="191">
        <v>903</v>
      </c>
      <c r="AH16" s="196">
        <v>5853</v>
      </c>
      <c r="AI16" s="195">
        <v>6172</v>
      </c>
      <c r="AJ16" s="190">
        <v>13</v>
      </c>
      <c r="AK16" s="191">
        <v>24</v>
      </c>
      <c r="AL16" s="196">
        <v>37</v>
      </c>
      <c r="AM16" s="193">
        <v>0</v>
      </c>
      <c r="AN16" s="191">
        <v>154</v>
      </c>
      <c r="AO16" s="191">
        <v>173</v>
      </c>
      <c r="AP16" s="191">
        <v>151</v>
      </c>
      <c r="AQ16" s="191">
        <v>62</v>
      </c>
      <c r="AR16" s="191">
        <v>91</v>
      </c>
      <c r="AS16" s="196">
        <v>631</v>
      </c>
      <c r="AT16" s="195">
        <v>668</v>
      </c>
      <c r="AU16" s="190">
        <v>0</v>
      </c>
      <c r="AV16" s="191">
        <v>0</v>
      </c>
      <c r="AW16" s="196">
        <v>0</v>
      </c>
      <c r="AX16" s="193">
        <v>0</v>
      </c>
      <c r="AY16" s="191">
        <v>1480</v>
      </c>
      <c r="AZ16" s="191">
        <v>1666</v>
      </c>
      <c r="BA16" s="191">
        <v>752</v>
      </c>
      <c r="BB16" s="191">
        <v>622</v>
      </c>
      <c r="BC16" s="191">
        <v>288</v>
      </c>
      <c r="BD16" s="194">
        <v>4808</v>
      </c>
      <c r="BE16" s="195">
        <v>4808</v>
      </c>
      <c r="BF16" s="190">
        <v>0</v>
      </c>
      <c r="BG16" s="191">
        <v>0</v>
      </c>
      <c r="BH16" s="196">
        <v>0</v>
      </c>
      <c r="BI16" s="193">
        <v>0</v>
      </c>
      <c r="BJ16" s="191">
        <v>241</v>
      </c>
      <c r="BK16" s="191">
        <v>298</v>
      </c>
      <c r="BL16" s="191">
        <v>153</v>
      </c>
      <c r="BM16" s="191">
        <v>215</v>
      </c>
      <c r="BN16" s="191">
        <v>56</v>
      </c>
      <c r="BO16" s="196">
        <v>963</v>
      </c>
      <c r="BP16" s="195">
        <v>963</v>
      </c>
      <c r="BQ16" s="190">
        <v>0</v>
      </c>
      <c r="BR16" s="191">
        <v>0</v>
      </c>
      <c r="BS16" s="196">
        <v>0</v>
      </c>
      <c r="BT16" s="193">
        <v>0</v>
      </c>
      <c r="BU16" s="191">
        <v>93</v>
      </c>
      <c r="BV16" s="191">
        <v>253</v>
      </c>
      <c r="BW16" s="191">
        <v>466</v>
      </c>
      <c r="BX16" s="191">
        <v>318</v>
      </c>
      <c r="BY16" s="191">
        <v>375</v>
      </c>
      <c r="BZ16" s="196">
        <v>1505</v>
      </c>
      <c r="CA16" s="195">
        <v>1505</v>
      </c>
      <c r="CB16" s="190">
        <v>0</v>
      </c>
      <c r="CC16" s="191">
        <v>0</v>
      </c>
      <c r="CD16" s="196">
        <v>0</v>
      </c>
      <c r="CE16" s="193">
        <v>0</v>
      </c>
      <c r="CF16" s="191">
        <v>28</v>
      </c>
      <c r="CG16" s="191">
        <v>31</v>
      </c>
      <c r="CH16" s="191">
        <v>79</v>
      </c>
      <c r="CI16" s="191">
        <v>36</v>
      </c>
      <c r="CJ16" s="191">
        <v>15</v>
      </c>
      <c r="CK16" s="196">
        <v>189</v>
      </c>
      <c r="CL16" s="195">
        <v>189</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978</v>
      </c>
      <c r="H17" s="191">
        <v>2649</v>
      </c>
      <c r="I17" s="191">
        <v>2292</v>
      </c>
      <c r="J17" s="191">
        <v>3133</v>
      </c>
      <c r="K17" s="191">
        <v>1963</v>
      </c>
      <c r="L17" s="194">
        <v>11015</v>
      </c>
      <c r="M17" s="195">
        <v>11015</v>
      </c>
      <c r="N17" s="190">
        <v>0</v>
      </c>
      <c r="O17" s="191">
        <v>0</v>
      </c>
      <c r="P17" s="196">
        <v>0</v>
      </c>
      <c r="Q17" s="193">
        <v>0</v>
      </c>
      <c r="R17" s="191">
        <v>7</v>
      </c>
      <c r="S17" s="191">
        <v>17</v>
      </c>
      <c r="T17" s="191">
        <v>24</v>
      </c>
      <c r="U17" s="191">
        <v>107</v>
      </c>
      <c r="V17" s="191">
        <v>97</v>
      </c>
      <c r="W17" s="196">
        <v>252</v>
      </c>
      <c r="X17" s="195">
        <v>252</v>
      </c>
      <c r="Y17" s="190">
        <v>16</v>
      </c>
      <c r="Z17" s="191">
        <v>108</v>
      </c>
      <c r="AA17" s="196">
        <v>124</v>
      </c>
      <c r="AB17" s="193">
        <v>0</v>
      </c>
      <c r="AC17" s="191">
        <v>427</v>
      </c>
      <c r="AD17" s="191">
        <v>731</v>
      </c>
      <c r="AE17" s="191">
        <v>421</v>
      </c>
      <c r="AF17" s="191">
        <v>410</v>
      </c>
      <c r="AG17" s="191">
        <v>387</v>
      </c>
      <c r="AH17" s="196">
        <v>2376</v>
      </c>
      <c r="AI17" s="195">
        <v>2500</v>
      </c>
      <c r="AJ17" s="190">
        <v>0</v>
      </c>
      <c r="AK17" s="191">
        <v>8</v>
      </c>
      <c r="AL17" s="196">
        <v>8</v>
      </c>
      <c r="AM17" s="193">
        <v>0</v>
      </c>
      <c r="AN17" s="191">
        <v>151</v>
      </c>
      <c r="AO17" s="191">
        <v>184</v>
      </c>
      <c r="AP17" s="191">
        <v>59</v>
      </c>
      <c r="AQ17" s="191">
        <v>59</v>
      </c>
      <c r="AR17" s="191">
        <v>77</v>
      </c>
      <c r="AS17" s="196">
        <v>530</v>
      </c>
      <c r="AT17" s="195">
        <v>538</v>
      </c>
      <c r="AU17" s="190">
        <v>0</v>
      </c>
      <c r="AV17" s="191">
        <v>0</v>
      </c>
      <c r="AW17" s="196">
        <v>0</v>
      </c>
      <c r="AX17" s="193">
        <v>0</v>
      </c>
      <c r="AY17" s="191">
        <v>814</v>
      </c>
      <c r="AZ17" s="191">
        <v>1016</v>
      </c>
      <c r="BA17" s="191">
        <v>628</v>
      </c>
      <c r="BB17" s="191">
        <v>362</v>
      </c>
      <c r="BC17" s="191">
        <v>96</v>
      </c>
      <c r="BD17" s="194">
        <v>2916</v>
      </c>
      <c r="BE17" s="195">
        <v>2916</v>
      </c>
      <c r="BF17" s="190">
        <v>0</v>
      </c>
      <c r="BG17" s="191">
        <v>0</v>
      </c>
      <c r="BH17" s="196">
        <v>0</v>
      </c>
      <c r="BI17" s="193">
        <v>0</v>
      </c>
      <c r="BJ17" s="191">
        <v>231</v>
      </c>
      <c r="BK17" s="191">
        <v>292</v>
      </c>
      <c r="BL17" s="191">
        <v>277</v>
      </c>
      <c r="BM17" s="191">
        <v>82</v>
      </c>
      <c r="BN17" s="191">
        <v>57</v>
      </c>
      <c r="BO17" s="196">
        <v>939</v>
      </c>
      <c r="BP17" s="195">
        <v>939</v>
      </c>
      <c r="BQ17" s="190">
        <v>0</v>
      </c>
      <c r="BR17" s="191">
        <v>8</v>
      </c>
      <c r="BS17" s="196">
        <v>8</v>
      </c>
      <c r="BT17" s="193">
        <v>0</v>
      </c>
      <c r="BU17" s="191">
        <v>119</v>
      </c>
      <c r="BV17" s="191">
        <v>275</v>
      </c>
      <c r="BW17" s="191">
        <v>677</v>
      </c>
      <c r="BX17" s="191">
        <v>884</v>
      </c>
      <c r="BY17" s="191">
        <v>300</v>
      </c>
      <c r="BZ17" s="196">
        <v>2255</v>
      </c>
      <c r="CA17" s="195">
        <v>2263</v>
      </c>
      <c r="CB17" s="190">
        <v>0</v>
      </c>
      <c r="CC17" s="191">
        <v>0</v>
      </c>
      <c r="CD17" s="196">
        <v>0</v>
      </c>
      <c r="CE17" s="193">
        <v>0</v>
      </c>
      <c r="CF17" s="191">
        <v>37</v>
      </c>
      <c r="CG17" s="191">
        <v>58</v>
      </c>
      <c r="CH17" s="191">
        <v>38</v>
      </c>
      <c r="CI17" s="191">
        <v>35</v>
      </c>
      <c r="CJ17" s="191">
        <v>5</v>
      </c>
      <c r="CK17" s="196">
        <v>173</v>
      </c>
      <c r="CL17" s="195">
        <v>173</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2216</v>
      </c>
      <c r="H18" s="191">
        <v>4169</v>
      </c>
      <c r="I18" s="191">
        <v>5272</v>
      </c>
      <c r="J18" s="191">
        <v>6766</v>
      </c>
      <c r="K18" s="191">
        <v>4967</v>
      </c>
      <c r="L18" s="194">
        <v>23390</v>
      </c>
      <c r="M18" s="195">
        <v>23390</v>
      </c>
      <c r="N18" s="190">
        <v>0</v>
      </c>
      <c r="O18" s="191">
        <v>0</v>
      </c>
      <c r="P18" s="196">
        <v>0</v>
      </c>
      <c r="Q18" s="193">
        <v>0</v>
      </c>
      <c r="R18" s="191">
        <v>4</v>
      </c>
      <c r="S18" s="191">
        <v>17</v>
      </c>
      <c r="T18" s="191">
        <v>30</v>
      </c>
      <c r="U18" s="191">
        <v>92</v>
      </c>
      <c r="V18" s="191">
        <v>146</v>
      </c>
      <c r="W18" s="196">
        <v>289</v>
      </c>
      <c r="X18" s="195">
        <v>289</v>
      </c>
      <c r="Y18" s="190">
        <v>111</v>
      </c>
      <c r="Z18" s="191">
        <v>335</v>
      </c>
      <c r="AA18" s="196">
        <v>446</v>
      </c>
      <c r="AB18" s="193">
        <v>0</v>
      </c>
      <c r="AC18" s="191">
        <v>1271</v>
      </c>
      <c r="AD18" s="191">
        <v>2999</v>
      </c>
      <c r="AE18" s="191">
        <v>1823</v>
      </c>
      <c r="AF18" s="191">
        <v>1591</v>
      </c>
      <c r="AG18" s="191">
        <v>1155</v>
      </c>
      <c r="AH18" s="196">
        <v>8839</v>
      </c>
      <c r="AI18" s="195">
        <v>9285</v>
      </c>
      <c r="AJ18" s="190">
        <v>65</v>
      </c>
      <c r="AK18" s="191">
        <v>167</v>
      </c>
      <c r="AL18" s="196">
        <v>232</v>
      </c>
      <c r="AM18" s="193">
        <v>0</v>
      </c>
      <c r="AN18" s="191">
        <v>117</v>
      </c>
      <c r="AO18" s="191">
        <v>486</v>
      </c>
      <c r="AP18" s="191">
        <v>289</v>
      </c>
      <c r="AQ18" s="191">
        <v>146</v>
      </c>
      <c r="AR18" s="191">
        <v>220</v>
      </c>
      <c r="AS18" s="196">
        <v>1258</v>
      </c>
      <c r="AT18" s="195">
        <v>1490</v>
      </c>
      <c r="AU18" s="190">
        <v>0</v>
      </c>
      <c r="AV18" s="191">
        <v>0</v>
      </c>
      <c r="AW18" s="196">
        <v>0</v>
      </c>
      <c r="AX18" s="193">
        <v>0</v>
      </c>
      <c r="AY18" s="191">
        <v>3308</v>
      </c>
      <c r="AZ18" s="191">
        <v>4479</v>
      </c>
      <c r="BA18" s="191">
        <v>2941</v>
      </c>
      <c r="BB18" s="191">
        <v>1923</v>
      </c>
      <c r="BC18" s="191">
        <v>876</v>
      </c>
      <c r="BD18" s="194">
        <v>13527</v>
      </c>
      <c r="BE18" s="195">
        <v>13527</v>
      </c>
      <c r="BF18" s="190">
        <v>0</v>
      </c>
      <c r="BG18" s="191">
        <v>0</v>
      </c>
      <c r="BH18" s="196">
        <v>0</v>
      </c>
      <c r="BI18" s="193">
        <v>0</v>
      </c>
      <c r="BJ18" s="191">
        <v>1345</v>
      </c>
      <c r="BK18" s="191">
        <v>2121</v>
      </c>
      <c r="BL18" s="191">
        <v>918</v>
      </c>
      <c r="BM18" s="191">
        <v>594</v>
      </c>
      <c r="BN18" s="191">
        <v>243</v>
      </c>
      <c r="BO18" s="196">
        <v>5221</v>
      </c>
      <c r="BP18" s="195">
        <v>5221</v>
      </c>
      <c r="BQ18" s="190">
        <v>0</v>
      </c>
      <c r="BR18" s="191">
        <v>17</v>
      </c>
      <c r="BS18" s="196">
        <v>17</v>
      </c>
      <c r="BT18" s="193">
        <v>0</v>
      </c>
      <c r="BU18" s="191">
        <v>207</v>
      </c>
      <c r="BV18" s="191">
        <v>551</v>
      </c>
      <c r="BW18" s="191">
        <v>768</v>
      </c>
      <c r="BX18" s="191">
        <v>392</v>
      </c>
      <c r="BY18" s="191">
        <v>262</v>
      </c>
      <c r="BZ18" s="196">
        <v>2180</v>
      </c>
      <c r="CA18" s="195">
        <v>2197</v>
      </c>
      <c r="CB18" s="190">
        <v>0</v>
      </c>
      <c r="CC18" s="191">
        <v>0</v>
      </c>
      <c r="CD18" s="196">
        <v>0</v>
      </c>
      <c r="CE18" s="193">
        <v>0</v>
      </c>
      <c r="CF18" s="191">
        <v>8</v>
      </c>
      <c r="CG18" s="191">
        <v>31</v>
      </c>
      <c r="CH18" s="191">
        <v>40</v>
      </c>
      <c r="CI18" s="191">
        <v>89</v>
      </c>
      <c r="CJ18" s="191">
        <v>33</v>
      </c>
      <c r="CK18" s="196">
        <v>201</v>
      </c>
      <c r="CL18" s="195">
        <v>201</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2547</v>
      </c>
      <c r="H19" s="191">
        <v>7957</v>
      </c>
      <c r="I19" s="191">
        <v>10934</v>
      </c>
      <c r="J19" s="191">
        <v>15894</v>
      </c>
      <c r="K19" s="191">
        <v>10061</v>
      </c>
      <c r="L19" s="194">
        <v>47393</v>
      </c>
      <c r="M19" s="195">
        <v>47393</v>
      </c>
      <c r="N19" s="190">
        <v>0</v>
      </c>
      <c r="O19" s="191">
        <v>5</v>
      </c>
      <c r="P19" s="196">
        <v>5</v>
      </c>
      <c r="Q19" s="193">
        <v>0</v>
      </c>
      <c r="R19" s="191">
        <v>0</v>
      </c>
      <c r="S19" s="191">
        <v>34</v>
      </c>
      <c r="T19" s="191">
        <v>89</v>
      </c>
      <c r="U19" s="191">
        <v>228</v>
      </c>
      <c r="V19" s="191">
        <v>347</v>
      </c>
      <c r="W19" s="196">
        <v>698</v>
      </c>
      <c r="X19" s="195">
        <v>703</v>
      </c>
      <c r="Y19" s="190">
        <v>188</v>
      </c>
      <c r="Z19" s="191">
        <v>859</v>
      </c>
      <c r="AA19" s="196">
        <v>1047</v>
      </c>
      <c r="AB19" s="193">
        <v>0</v>
      </c>
      <c r="AC19" s="191">
        <v>1460</v>
      </c>
      <c r="AD19" s="191">
        <v>3714</v>
      </c>
      <c r="AE19" s="191">
        <v>2606</v>
      </c>
      <c r="AF19" s="191">
        <v>2134</v>
      </c>
      <c r="AG19" s="191">
        <v>1371</v>
      </c>
      <c r="AH19" s="196">
        <v>11285</v>
      </c>
      <c r="AI19" s="195">
        <v>12332</v>
      </c>
      <c r="AJ19" s="190">
        <v>76</v>
      </c>
      <c r="AK19" s="191">
        <v>145</v>
      </c>
      <c r="AL19" s="196">
        <v>221</v>
      </c>
      <c r="AM19" s="193">
        <v>0</v>
      </c>
      <c r="AN19" s="191">
        <v>113</v>
      </c>
      <c r="AO19" s="191">
        <v>591</v>
      </c>
      <c r="AP19" s="191">
        <v>396</v>
      </c>
      <c r="AQ19" s="191">
        <v>264</v>
      </c>
      <c r="AR19" s="191">
        <v>312</v>
      </c>
      <c r="AS19" s="196">
        <v>1676</v>
      </c>
      <c r="AT19" s="195">
        <v>1897</v>
      </c>
      <c r="AU19" s="190">
        <v>0</v>
      </c>
      <c r="AV19" s="191">
        <v>0</v>
      </c>
      <c r="AW19" s="196">
        <v>0</v>
      </c>
      <c r="AX19" s="193">
        <v>0</v>
      </c>
      <c r="AY19" s="191">
        <v>2960</v>
      </c>
      <c r="AZ19" s="191">
        <v>5079</v>
      </c>
      <c r="BA19" s="191">
        <v>3675</v>
      </c>
      <c r="BB19" s="191">
        <v>2262</v>
      </c>
      <c r="BC19" s="191">
        <v>1089</v>
      </c>
      <c r="BD19" s="194">
        <v>15065</v>
      </c>
      <c r="BE19" s="195">
        <v>15065</v>
      </c>
      <c r="BF19" s="190">
        <v>0</v>
      </c>
      <c r="BG19" s="191">
        <v>0</v>
      </c>
      <c r="BH19" s="196">
        <v>0</v>
      </c>
      <c r="BI19" s="193">
        <v>0</v>
      </c>
      <c r="BJ19" s="191">
        <v>541</v>
      </c>
      <c r="BK19" s="191">
        <v>1742</v>
      </c>
      <c r="BL19" s="191">
        <v>1017</v>
      </c>
      <c r="BM19" s="191">
        <v>414</v>
      </c>
      <c r="BN19" s="191">
        <v>139</v>
      </c>
      <c r="BO19" s="196">
        <v>3853</v>
      </c>
      <c r="BP19" s="195">
        <v>3853</v>
      </c>
      <c r="BQ19" s="190">
        <v>0</v>
      </c>
      <c r="BR19" s="191">
        <v>25</v>
      </c>
      <c r="BS19" s="196">
        <v>25</v>
      </c>
      <c r="BT19" s="193">
        <v>0</v>
      </c>
      <c r="BU19" s="191">
        <v>217</v>
      </c>
      <c r="BV19" s="191">
        <v>785</v>
      </c>
      <c r="BW19" s="191">
        <v>1524</v>
      </c>
      <c r="BX19" s="191">
        <v>1164</v>
      </c>
      <c r="BY19" s="191">
        <v>413</v>
      </c>
      <c r="BZ19" s="196">
        <v>4103</v>
      </c>
      <c r="CA19" s="195">
        <v>4128</v>
      </c>
      <c r="CB19" s="190">
        <v>0</v>
      </c>
      <c r="CC19" s="191">
        <v>0</v>
      </c>
      <c r="CD19" s="196">
        <v>0</v>
      </c>
      <c r="CE19" s="193">
        <v>0</v>
      </c>
      <c r="CF19" s="191">
        <v>45</v>
      </c>
      <c r="CG19" s="191">
        <v>90</v>
      </c>
      <c r="CH19" s="191">
        <v>55</v>
      </c>
      <c r="CI19" s="191">
        <v>189</v>
      </c>
      <c r="CJ19" s="191">
        <v>48</v>
      </c>
      <c r="CK19" s="196">
        <v>427</v>
      </c>
      <c r="CL19" s="195">
        <v>427</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6072</v>
      </c>
      <c r="H20" s="191">
        <v>9445</v>
      </c>
      <c r="I20" s="191">
        <v>11237</v>
      </c>
      <c r="J20" s="191">
        <v>14339</v>
      </c>
      <c r="K20" s="191">
        <v>13842</v>
      </c>
      <c r="L20" s="194">
        <v>54935</v>
      </c>
      <c r="M20" s="195">
        <v>54935</v>
      </c>
      <c r="N20" s="190">
        <v>0</v>
      </c>
      <c r="O20" s="191">
        <v>0</v>
      </c>
      <c r="P20" s="196">
        <v>0</v>
      </c>
      <c r="Q20" s="193">
        <v>0</v>
      </c>
      <c r="R20" s="191">
        <v>13</v>
      </c>
      <c r="S20" s="191">
        <v>41</v>
      </c>
      <c r="T20" s="191">
        <v>66</v>
      </c>
      <c r="U20" s="191">
        <v>245</v>
      </c>
      <c r="V20" s="191">
        <v>418</v>
      </c>
      <c r="W20" s="196">
        <v>783</v>
      </c>
      <c r="X20" s="195">
        <v>783</v>
      </c>
      <c r="Y20" s="190">
        <v>436</v>
      </c>
      <c r="Z20" s="191">
        <v>1032</v>
      </c>
      <c r="AA20" s="196">
        <v>1468</v>
      </c>
      <c r="AB20" s="193">
        <v>0</v>
      </c>
      <c r="AC20" s="191">
        <v>3486</v>
      </c>
      <c r="AD20" s="191">
        <v>4362</v>
      </c>
      <c r="AE20" s="191">
        <v>2786</v>
      </c>
      <c r="AF20" s="191">
        <v>2456</v>
      </c>
      <c r="AG20" s="191">
        <v>1779</v>
      </c>
      <c r="AH20" s="196">
        <v>14869</v>
      </c>
      <c r="AI20" s="195">
        <v>16337</v>
      </c>
      <c r="AJ20" s="190">
        <v>71</v>
      </c>
      <c r="AK20" s="191">
        <v>151</v>
      </c>
      <c r="AL20" s="196">
        <v>222</v>
      </c>
      <c r="AM20" s="193">
        <v>0</v>
      </c>
      <c r="AN20" s="191">
        <v>659</v>
      </c>
      <c r="AO20" s="191">
        <v>862</v>
      </c>
      <c r="AP20" s="191">
        <v>711</v>
      </c>
      <c r="AQ20" s="191">
        <v>396</v>
      </c>
      <c r="AR20" s="191">
        <v>240</v>
      </c>
      <c r="AS20" s="196">
        <v>2868</v>
      </c>
      <c r="AT20" s="195">
        <v>3090</v>
      </c>
      <c r="AU20" s="190">
        <v>0</v>
      </c>
      <c r="AV20" s="191">
        <v>0</v>
      </c>
      <c r="AW20" s="196">
        <v>0</v>
      </c>
      <c r="AX20" s="193">
        <v>0</v>
      </c>
      <c r="AY20" s="191">
        <v>6991</v>
      </c>
      <c r="AZ20" s="191">
        <v>6623</v>
      </c>
      <c r="BA20" s="191">
        <v>4927</v>
      </c>
      <c r="BB20" s="191">
        <v>2570</v>
      </c>
      <c r="BC20" s="191">
        <v>1238</v>
      </c>
      <c r="BD20" s="194">
        <v>22349</v>
      </c>
      <c r="BE20" s="195">
        <v>22349</v>
      </c>
      <c r="BF20" s="190">
        <v>0</v>
      </c>
      <c r="BG20" s="191">
        <v>0</v>
      </c>
      <c r="BH20" s="196">
        <v>0</v>
      </c>
      <c r="BI20" s="193">
        <v>0</v>
      </c>
      <c r="BJ20" s="191">
        <v>1430</v>
      </c>
      <c r="BK20" s="191">
        <v>1567</v>
      </c>
      <c r="BL20" s="191">
        <v>1045</v>
      </c>
      <c r="BM20" s="191">
        <v>605</v>
      </c>
      <c r="BN20" s="191">
        <v>203</v>
      </c>
      <c r="BO20" s="196">
        <v>4850</v>
      </c>
      <c r="BP20" s="195">
        <v>4850</v>
      </c>
      <c r="BQ20" s="190">
        <v>0</v>
      </c>
      <c r="BR20" s="191">
        <v>77</v>
      </c>
      <c r="BS20" s="196">
        <v>77</v>
      </c>
      <c r="BT20" s="193">
        <v>0</v>
      </c>
      <c r="BU20" s="191">
        <v>381</v>
      </c>
      <c r="BV20" s="191">
        <v>869</v>
      </c>
      <c r="BW20" s="191">
        <v>1798</v>
      </c>
      <c r="BX20" s="191">
        <v>1323</v>
      </c>
      <c r="BY20" s="191">
        <v>724</v>
      </c>
      <c r="BZ20" s="196">
        <v>5095</v>
      </c>
      <c r="CA20" s="195">
        <v>5172</v>
      </c>
      <c r="CB20" s="190">
        <v>0</v>
      </c>
      <c r="CC20" s="191">
        <v>0</v>
      </c>
      <c r="CD20" s="196">
        <v>0</v>
      </c>
      <c r="CE20" s="193">
        <v>0</v>
      </c>
      <c r="CF20" s="191">
        <v>11</v>
      </c>
      <c r="CG20" s="191">
        <v>26</v>
      </c>
      <c r="CH20" s="191">
        <v>12</v>
      </c>
      <c r="CI20" s="191">
        <v>66</v>
      </c>
      <c r="CJ20" s="191">
        <v>1</v>
      </c>
      <c r="CK20" s="196">
        <v>116</v>
      </c>
      <c r="CL20" s="195">
        <v>116</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2430</v>
      </c>
      <c r="H21" s="191">
        <v>2672</v>
      </c>
      <c r="I21" s="191">
        <v>3387</v>
      </c>
      <c r="J21" s="191">
        <v>3690</v>
      </c>
      <c r="K21" s="191">
        <v>2601</v>
      </c>
      <c r="L21" s="194">
        <v>14780</v>
      </c>
      <c r="M21" s="195">
        <v>14780</v>
      </c>
      <c r="N21" s="190">
        <v>0</v>
      </c>
      <c r="O21" s="191">
        <v>0</v>
      </c>
      <c r="P21" s="196">
        <v>0</v>
      </c>
      <c r="Q21" s="193">
        <v>0</v>
      </c>
      <c r="R21" s="191">
        <v>5</v>
      </c>
      <c r="S21" s="191">
        <v>7</v>
      </c>
      <c r="T21" s="191">
        <v>22</v>
      </c>
      <c r="U21" s="191">
        <v>35</v>
      </c>
      <c r="V21" s="191">
        <v>49</v>
      </c>
      <c r="W21" s="196">
        <v>118</v>
      </c>
      <c r="X21" s="195">
        <v>118</v>
      </c>
      <c r="Y21" s="190">
        <v>239</v>
      </c>
      <c r="Z21" s="191">
        <v>351</v>
      </c>
      <c r="AA21" s="196">
        <v>590</v>
      </c>
      <c r="AB21" s="193">
        <v>0</v>
      </c>
      <c r="AC21" s="191">
        <v>1906</v>
      </c>
      <c r="AD21" s="191">
        <v>1357</v>
      </c>
      <c r="AE21" s="191">
        <v>1280</v>
      </c>
      <c r="AF21" s="191">
        <v>780</v>
      </c>
      <c r="AG21" s="191">
        <v>627</v>
      </c>
      <c r="AH21" s="196">
        <v>5950</v>
      </c>
      <c r="AI21" s="195">
        <v>6540</v>
      </c>
      <c r="AJ21" s="190">
        <v>43</v>
      </c>
      <c r="AK21" s="191">
        <v>105</v>
      </c>
      <c r="AL21" s="196">
        <v>148</v>
      </c>
      <c r="AM21" s="193">
        <v>0</v>
      </c>
      <c r="AN21" s="191">
        <v>260</v>
      </c>
      <c r="AO21" s="191">
        <v>147</v>
      </c>
      <c r="AP21" s="191">
        <v>131</v>
      </c>
      <c r="AQ21" s="191">
        <v>135</v>
      </c>
      <c r="AR21" s="191">
        <v>31</v>
      </c>
      <c r="AS21" s="196">
        <v>704</v>
      </c>
      <c r="AT21" s="195">
        <v>852</v>
      </c>
      <c r="AU21" s="190">
        <v>0</v>
      </c>
      <c r="AV21" s="191">
        <v>0</v>
      </c>
      <c r="AW21" s="196">
        <v>0</v>
      </c>
      <c r="AX21" s="193">
        <v>0</v>
      </c>
      <c r="AY21" s="191">
        <v>2365</v>
      </c>
      <c r="AZ21" s="191">
        <v>2263</v>
      </c>
      <c r="BA21" s="191">
        <v>1298</v>
      </c>
      <c r="BB21" s="191">
        <v>532</v>
      </c>
      <c r="BC21" s="191">
        <v>522</v>
      </c>
      <c r="BD21" s="194">
        <v>6980</v>
      </c>
      <c r="BE21" s="195">
        <v>6980</v>
      </c>
      <c r="BF21" s="190">
        <v>0</v>
      </c>
      <c r="BG21" s="191">
        <v>0</v>
      </c>
      <c r="BH21" s="196">
        <v>0</v>
      </c>
      <c r="BI21" s="193">
        <v>0</v>
      </c>
      <c r="BJ21" s="191">
        <v>965</v>
      </c>
      <c r="BK21" s="191">
        <v>895</v>
      </c>
      <c r="BL21" s="191">
        <v>455</v>
      </c>
      <c r="BM21" s="191">
        <v>255</v>
      </c>
      <c r="BN21" s="191">
        <v>43</v>
      </c>
      <c r="BO21" s="196">
        <v>2613</v>
      </c>
      <c r="BP21" s="195">
        <v>2613</v>
      </c>
      <c r="BQ21" s="190">
        <v>0</v>
      </c>
      <c r="BR21" s="191">
        <v>7</v>
      </c>
      <c r="BS21" s="196">
        <v>7</v>
      </c>
      <c r="BT21" s="193">
        <v>0</v>
      </c>
      <c r="BU21" s="191">
        <v>186</v>
      </c>
      <c r="BV21" s="191">
        <v>303</v>
      </c>
      <c r="BW21" s="191">
        <v>594</v>
      </c>
      <c r="BX21" s="191">
        <v>182</v>
      </c>
      <c r="BY21" s="191">
        <v>140</v>
      </c>
      <c r="BZ21" s="196">
        <v>1405</v>
      </c>
      <c r="CA21" s="195">
        <v>1412</v>
      </c>
      <c r="CB21" s="190">
        <v>0</v>
      </c>
      <c r="CC21" s="191">
        <v>0</v>
      </c>
      <c r="CD21" s="196">
        <v>0</v>
      </c>
      <c r="CE21" s="193">
        <v>0</v>
      </c>
      <c r="CF21" s="191">
        <v>32</v>
      </c>
      <c r="CG21" s="191">
        <v>34</v>
      </c>
      <c r="CH21" s="191">
        <v>42</v>
      </c>
      <c r="CI21" s="191">
        <v>52</v>
      </c>
      <c r="CJ21" s="191">
        <v>9</v>
      </c>
      <c r="CK21" s="196">
        <v>169</v>
      </c>
      <c r="CL21" s="195">
        <v>169</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3575</v>
      </c>
      <c r="H22" s="191">
        <v>4538</v>
      </c>
      <c r="I22" s="191">
        <v>5952</v>
      </c>
      <c r="J22" s="191">
        <v>6586</v>
      </c>
      <c r="K22" s="191">
        <v>6196</v>
      </c>
      <c r="L22" s="194">
        <v>26847</v>
      </c>
      <c r="M22" s="195">
        <v>26847</v>
      </c>
      <c r="N22" s="190">
        <v>0</v>
      </c>
      <c r="O22" s="191">
        <v>0</v>
      </c>
      <c r="P22" s="196">
        <v>0</v>
      </c>
      <c r="Q22" s="193">
        <v>0</v>
      </c>
      <c r="R22" s="191">
        <v>9</v>
      </c>
      <c r="S22" s="191">
        <v>26</v>
      </c>
      <c r="T22" s="191">
        <v>51</v>
      </c>
      <c r="U22" s="191">
        <v>133</v>
      </c>
      <c r="V22" s="191">
        <v>194</v>
      </c>
      <c r="W22" s="196">
        <v>413</v>
      </c>
      <c r="X22" s="195">
        <v>413</v>
      </c>
      <c r="Y22" s="190">
        <v>319</v>
      </c>
      <c r="Z22" s="191">
        <v>904</v>
      </c>
      <c r="AA22" s="196">
        <v>1223</v>
      </c>
      <c r="AB22" s="193">
        <v>0</v>
      </c>
      <c r="AC22" s="191">
        <v>2979</v>
      </c>
      <c r="AD22" s="191">
        <v>2425</v>
      </c>
      <c r="AE22" s="191">
        <v>1660</v>
      </c>
      <c r="AF22" s="191">
        <v>1311</v>
      </c>
      <c r="AG22" s="191">
        <v>794</v>
      </c>
      <c r="AH22" s="196">
        <v>9169</v>
      </c>
      <c r="AI22" s="195">
        <v>10392</v>
      </c>
      <c r="AJ22" s="190">
        <v>152</v>
      </c>
      <c r="AK22" s="191">
        <v>506</v>
      </c>
      <c r="AL22" s="196">
        <v>658</v>
      </c>
      <c r="AM22" s="193">
        <v>0</v>
      </c>
      <c r="AN22" s="191">
        <v>907</v>
      </c>
      <c r="AO22" s="191">
        <v>732</v>
      </c>
      <c r="AP22" s="191">
        <v>535</v>
      </c>
      <c r="AQ22" s="191">
        <v>461</v>
      </c>
      <c r="AR22" s="191">
        <v>97</v>
      </c>
      <c r="AS22" s="196">
        <v>2732</v>
      </c>
      <c r="AT22" s="195">
        <v>3390</v>
      </c>
      <c r="AU22" s="190">
        <v>0</v>
      </c>
      <c r="AV22" s="191">
        <v>0</v>
      </c>
      <c r="AW22" s="196">
        <v>0</v>
      </c>
      <c r="AX22" s="193">
        <v>0</v>
      </c>
      <c r="AY22" s="191">
        <v>3354</v>
      </c>
      <c r="AZ22" s="191">
        <v>2504</v>
      </c>
      <c r="BA22" s="191">
        <v>1934</v>
      </c>
      <c r="BB22" s="191">
        <v>1118</v>
      </c>
      <c r="BC22" s="191">
        <v>339</v>
      </c>
      <c r="BD22" s="194">
        <v>9249</v>
      </c>
      <c r="BE22" s="195">
        <v>9249</v>
      </c>
      <c r="BF22" s="190">
        <v>0</v>
      </c>
      <c r="BG22" s="191">
        <v>0</v>
      </c>
      <c r="BH22" s="196">
        <v>0</v>
      </c>
      <c r="BI22" s="193">
        <v>0</v>
      </c>
      <c r="BJ22" s="191">
        <v>976</v>
      </c>
      <c r="BK22" s="191">
        <v>713</v>
      </c>
      <c r="BL22" s="191">
        <v>310</v>
      </c>
      <c r="BM22" s="191">
        <v>346</v>
      </c>
      <c r="BN22" s="191">
        <v>125</v>
      </c>
      <c r="BO22" s="196">
        <v>2470</v>
      </c>
      <c r="BP22" s="195">
        <v>2470</v>
      </c>
      <c r="BQ22" s="190">
        <v>0</v>
      </c>
      <c r="BR22" s="191">
        <v>7</v>
      </c>
      <c r="BS22" s="196">
        <v>7</v>
      </c>
      <c r="BT22" s="193">
        <v>0</v>
      </c>
      <c r="BU22" s="191">
        <v>433</v>
      </c>
      <c r="BV22" s="191">
        <v>455</v>
      </c>
      <c r="BW22" s="191">
        <v>880</v>
      </c>
      <c r="BX22" s="191">
        <v>763</v>
      </c>
      <c r="BY22" s="191">
        <v>322</v>
      </c>
      <c r="BZ22" s="196">
        <v>2853</v>
      </c>
      <c r="CA22" s="195">
        <v>2860</v>
      </c>
      <c r="CB22" s="190">
        <v>0</v>
      </c>
      <c r="CC22" s="191">
        <v>0</v>
      </c>
      <c r="CD22" s="196">
        <v>0</v>
      </c>
      <c r="CE22" s="193">
        <v>0</v>
      </c>
      <c r="CF22" s="191">
        <v>28</v>
      </c>
      <c r="CG22" s="191">
        <v>30</v>
      </c>
      <c r="CH22" s="191">
        <v>46</v>
      </c>
      <c r="CI22" s="191">
        <v>63</v>
      </c>
      <c r="CJ22" s="191">
        <v>35</v>
      </c>
      <c r="CK22" s="196">
        <v>202</v>
      </c>
      <c r="CL22" s="195">
        <v>202</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3640</v>
      </c>
      <c r="H23" s="191">
        <v>6767</v>
      </c>
      <c r="I23" s="191">
        <v>8023</v>
      </c>
      <c r="J23" s="191">
        <v>7413</v>
      </c>
      <c r="K23" s="191">
        <v>7302</v>
      </c>
      <c r="L23" s="194">
        <v>33145</v>
      </c>
      <c r="M23" s="195">
        <v>33145</v>
      </c>
      <c r="N23" s="190">
        <v>0</v>
      </c>
      <c r="O23" s="191">
        <v>0</v>
      </c>
      <c r="P23" s="196">
        <v>0</v>
      </c>
      <c r="Q23" s="193">
        <v>0</v>
      </c>
      <c r="R23" s="191">
        <v>0</v>
      </c>
      <c r="S23" s="191">
        <v>10</v>
      </c>
      <c r="T23" s="191">
        <v>40</v>
      </c>
      <c r="U23" s="191">
        <v>127</v>
      </c>
      <c r="V23" s="191">
        <v>245</v>
      </c>
      <c r="W23" s="196">
        <v>422</v>
      </c>
      <c r="X23" s="195">
        <v>422</v>
      </c>
      <c r="Y23" s="190">
        <v>404</v>
      </c>
      <c r="Z23" s="191">
        <v>879</v>
      </c>
      <c r="AA23" s="196">
        <v>1283</v>
      </c>
      <c r="AB23" s="193">
        <v>0</v>
      </c>
      <c r="AC23" s="191">
        <v>2665</v>
      </c>
      <c r="AD23" s="191">
        <v>3389</v>
      </c>
      <c r="AE23" s="191">
        <v>2218</v>
      </c>
      <c r="AF23" s="191">
        <v>1760</v>
      </c>
      <c r="AG23" s="191">
        <v>1211</v>
      </c>
      <c r="AH23" s="196">
        <v>11243</v>
      </c>
      <c r="AI23" s="195">
        <v>12526</v>
      </c>
      <c r="AJ23" s="190">
        <v>176</v>
      </c>
      <c r="AK23" s="191">
        <v>367</v>
      </c>
      <c r="AL23" s="196">
        <v>543</v>
      </c>
      <c r="AM23" s="193">
        <v>0</v>
      </c>
      <c r="AN23" s="191">
        <v>284</v>
      </c>
      <c r="AO23" s="191">
        <v>552</v>
      </c>
      <c r="AP23" s="191">
        <v>373</v>
      </c>
      <c r="AQ23" s="191">
        <v>144</v>
      </c>
      <c r="AR23" s="191">
        <v>83</v>
      </c>
      <c r="AS23" s="196">
        <v>1436</v>
      </c>
      <c r="AT23" s="195">
        <v>1979</v>
      </c>
      <c r="AU23" s="190">
        <v>0</v>
      </c>
      <c r="AV23" s="191">
        <v>0</v>
      </c>
      <c r="AW23" s="196">
        <v>0</v>
      </c>
      <c r="AX23" s="193">
        <v>0</v>
      </c>
      <c r="AY23" s="191">
        <v>3278</v>
      </c>
      <c r="AZ23" s="191">
        <v>3620</v>
      </c>
      <c r="BA23" s="191">
        <v>2609</v>
      </c>
      <c r="BB23" s="191">
        <v>1086</v>
      </c>
      <c r="BC23" s="191">
        <v>426</v>
      </c>
      <c r="BD23" s="194">
        <v>11019</v>
      </c>
      <c r="BE23" s="195">
        <v>11019</v>
      </c>
      <c r="BF23" s="190">
        <v>0</v>
      </c>
      <c r="BG23" s="191">
        <v>0</v>
      </c>
      <c r="BH23" s="196">
        <v>0</v>
      </c>
      <c r="BI23" s="193">
        <v>0</v>
      </c>
      <c r="BJ23" s="191">
        <v>469</v>
      </c>
      <c r="BK23" s="191">
        <v>499</v>
      </c>
      <c r="BL23" s="191">
        <v>341</v>
      </c>
      <c r="BM23" s="191">
        <v>106</v>
      </c>
      <c r="BN23" s="191">
        <v>73</v>
      </c>
      <c r="BO23" s="196">
        <v>1488</v>
      </c>
      <c r="BP23" s="195">
        <v>1488</v>
      </c>
      <c r="BQ23" s="190">
        <v>4</v>
      </c>
      <c r="BR23" s="191">
        <v>30</v>
      </c>
      <c r="BS23" s="196">
        <v>34</v>
      </c>
      <c r="BT23" s="193">
        <v>0</v>
      </c>
      <c r="BU23" s="191">
        <v>103</v>
      </c>
      <c r="BV23" s="191">
        <v>507</v>
      </c>
      <c r="BW23" s="191">
        <v>981</v>
      </c>
      <c r="BX23" s="191">
        <v>681</v>
      </c>
      <c r="BY23" s="191">
        <v>428</v>
      </c>
      <c r="BZ23" s="196">
        <v>2700</v>
      </c>
      <c r="CA23" s="195">
        <v>2734</v>
      </c>
      <c r="CB23" s="190">
        <v>0</v>
      </c>
      <c r="CC23" s="191">
        <v>12</v>
      </c>
      <c r="CD23" s="196">
        <v>12</v>
      </c>
      <c r="CE23" s="193">
        <v>0</v>
      </c>
      <c r="CF23" s="191">
        <v>3</v>
      </c>
      <c r="CG23" s="191">
        <v>5</v>
      </c>
      <c r="CH23" s="191">
        <v>39</v>
      </c>
      <c r="CI23" s="191">
        <v>54</v>
      </c>
      <c r="CJ23" s="191">
        <v>24</v>
      </c>
      <c r="CK23" s="196">
        <v>125</v>
      </c>
      <c r="CL23" s="195">
        <v>137</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652</v>
      </c>
      <c r="H24" s="191">
        <v>1363</v>
      </c>
      <c r="I24" s="191">
        <v>734</v>
      </c>
      <c r="J24" s="191">
        <v>1753</v>
      </c>
      <c r="K24" s="191">
        <v>1795</v>
      </c>
      <c r="L24" s="194">
        <v>6297</v>
      </c>
      <c r="M24" s="195">
        <v>6297</v>
      </c>
      <c r="N24" s="190">
        <v>0</v>
      </c>
      <c r="O24" s="191">
        <v>0</v>
      </c>
      <c r="P24" s="196">
        <v>0</v>
      </c>
      <c r="Q24" s="193">
        <v>0</v>
      </c>
      <c r="R24" s="191">
        <v>12</v>
      </c>
      <c r="S24" s="191">
        <v>3</v>
      </c>
      <c r="T24" s="191">
        <v>4</v>
      </c>
      <c r="U24" s="191">
        <v>29</v>
      </c>
      <c r="V24" s="191">
        <v>68</v>
      </c>
      <c r="W24" s="196">
        <v>116</v>
      </c>
      <c r="X24" s="195">
        <v>116</v>
      </c>
      <c r="Y24" s="190">
        <v>31</v>
      </c>
      <c r="Z24" s="191">
        <v>93</v>
      </c>
      <c r="AA24" s="196">
        <v>124</v>
      </c>
      <c r="AB24" s="193">
        <v>0</v>
      </c>
      <c r="AC24" s="191">
        <v>471</v>
      </c>
      <c r="AD24" s="191">
        <v>793</v>
      </c>
      <c r="AE24" s="191">
        <v>284</v>
      </c>
      <c r="AF24" s="191">
        <v>414</v>
      </c>
      <c r="AG24" s="191">
        <v>422</v>
      </c>
      <c r="AH24" s="196">
        <v>2384</v>
      </c>
      <c r="AI24" s="195">
        <v>2508</v>
      </c>
      <c r="AJ24" s="190">
        <v>14</v>
      </c>
      <c r="AK24" s="191">
        <v>12</v>
      </c>
      <c r="AL24" s="196">
        <v>26</v>
      </c>
      <c r="AM24" s="193">
        <v>0</v>
      </c>
      <c r="AN24" s="191">
        <v>171</v>
      </c>
      <c r="AO24" s="191">
        <v>153</v>
      </c>
      <c r="AP24" s="191">
        <v>44</v>
      </c>
      <c r="AQ24" s="191">
        <v>66</v>
      </c>
      <c r="AR24" s="191">
        <v>0</v>
      </c>
      <c r="AS24" s="196">
        <v>434</v>
      </c>
      <c r="AT24" s="195">
        <v>460</v>
      </c>
      <c r="AU24" s="190">
        <v>0</v>
      </c>
      <c r="AV24" s="191">
        <v>0</v>
      </c>
      <c r="AW24" s="196">
        <v>0</v>
      </c>
      <c r="AX24" s="193">
        <v>0</v>
      </c>
      <c r="AY24" s="191">
        <v>917</v>
      </c>
      <c r="AZ24" s="191">
        <v>1308</v>
      </c>
      <c r="BA24" s="191">
        <v>797</v>
      </c>
      <c r="BB24" s="191">
        <v>394</v>
      </c>
      <c r="BC24" s="191">
        <v>143</v>
      </c>
      <c r="BD24" s="194">
        <v>3559</v>
      </c>
      <c r="BE24" s="195">
        <v>3559</v>
      </c>
      <c r="BF24" s="190">
        <v>0</v>
      </c>
      <c r="BG24" s="191">
        <v>0</v>
      </c>
      <c r="BH24" s="196">
        <v>0</v>
      </c>
      <c r="BI24" s="193">
        <v>0</v>
      </c>
      <c r="BJ24" s="191">
        <v>230</v>
      </c>
      <c r="BK24" s="191">
        <v>275</v>
      </c>
      <c r="BL24" s="191">
        <v>91</v>
      </c>
      <c r="BM24" s="191">
        <v>94</v>
      </c>
      <c r="BN24" s="191">
        <v>34</v>
      </c>
      <c r="BO24" s="196">
        <v>724</v>
      </c>
      <c r="BP24" s="195">
        <v>724</v>
      </c>
      <c r="BQ24" s="190">
        <v>0</v>
      </c>
      <c r="BR24" s="191">
        <v>0</v>
      </c>
      <c r="BS24" s="196">
        <v>0</v>
      </c>
      <c r="BT24" s="193">
        <v>0</v>
      </c>
      <c r="BU24" s="191">
        <v>46</v>
      </c>
      <c r="BV24" s="191">
        <v>137</v>
      </c>
      <c r="BW24" s="191">
        <v>426</v>
      </c>
      <c r="BX24" s="191">
        <v>266</v>
      </c>
      <c r="BY24" s="191">
        <v>51</v>
      </c>
      <c r="BZ24" s="196">
        <v>926</v>
      </c>
      <c r="CA24" s="195">
        <v>926</v>
      </c>
      <c r="CB24" s="190">
        <v>0</v>
      </c>
      <c r="CC24" s="191">
        <v>0</v>
      </c>
      <c r="CD24" s="196">
        <v>0</v>
      </c>
      <c r="CE24" s="193">
        <v>0</v>
      </c>
      <c r="CF24" s="191">
        <v>23</v>
      </c>
      <c r="CG24" s="191">
        <v>3</v>
      </c>
      <c r="CH24" s="191">
        <v>4</v>
      </c>
      <c r="CI24" s="191">
        <v>27</v>
      </c>
      <c r="CJ24" s="191">
        <v>7</v>
      </c>
      <c r="CK24" s="196">
        <v>64</v>
      </c>
      <c r="CL24" s="195">
        <v>64</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907</v>
      </c>
      <c r="H25" s="191">
        <v>2499</v>
      </c>
      <c r="I25" s="191">
        <v>2427</v>
      </c>
      <c r="J25" s="191">
        <v>3613</v>
      </c>
      <c r="K25" s="191">
        <v>3523</v>
      </c>
      <c r="L25" s="194">
        <v>13969</v>
      </c>
      <c r="M25" s="195">
        <v>13969</v>
      </c>
      <c r="N25" s="190">
        <v>0</v>
      </c>
      <c r="O25" s="191">
        <v>0</v>
      </c>
      <c r="P25" s="196">
        <v>0</v>
      </c>
      <c r="Q25" s="193">
        <v>0</v>
      </c>
      <c r="R25" s="191">
        <v>0</v>
      </c>
      <c r="S25" s="191">
        <v>30</v>
      </c>
      <c r="T25" s="191">
        <v>28</v>
      </c>
      <c r="U25" s="191">
        <v>90</v>
      </c>
      <c r="V25" s="191">
        <v>139</v>
      </c>
      <c r="W25" s="196">
        <v>287</v>
      </c>
      <c r="X25" s="195">
        <v>287</v>
      </c>
      <c r="Y25" s="190">
        <v>305</v>
      </c>
      <c r="Z25" s="191">
        <v>765</v>
      </c>
      <c r="AA25" s="196">
        <v>1070</v>
      </c>
      <c r="AB25" s="193">
        <v>0</v>
      </c>
      <c r="AC25" s="191">
        <v>1128</v>
      </c>
      <c r="AD25" s="191">
        <v>2201</v>
      </c>
      <c r="AE25" s="191">
        <v>1089</v>
      </c>
      <c r="AF25" s="191">
        <v>1065</v>
      </c>
      <c r="AG25" s="191">
        <v>680</v>
      </c>
      <c r="AH25" s="196">
        <v>6163</v>
      </c>
      <c r="AI25" s="195">
        <v>7233</v>
      </c>
      <c r="AJ25" s="190">
        <v>48</v>
      </c>
      <c r="AK25" s="191">
        <v>202</v>
      </c>
      <c r="AL25" s="196">
        <v>250</v>
      </c>
      <c r="AM25" s="193">
        <v>0</v>
      </c>
      <c r="AN25" s="191">
        <v>107</v>
      </c>
      <c r="AO25" s="191">
        <v>274</v>
      </c>
      <c r="AP25" s="191">
        <v>172</v>
      </c>
      <c r="AQ25" s="191">
        <v>126</v>
      </c>
      <c r="AR25" s="191">
        <v>24</v>
      </c>
      <c r="AS25" s="196">
        <v>703</v>
      </c>
      <c r="AT25" s="195">
        <v>953</v>
      </c>
      <c r="AU25" s="190">
        <v>0</v>
      </c>
      <c r="AV25" s="191">
        <v>0</v>
      </c>
      <c r="AW25" s="196">
        <v>0</v>
      </c>
      <c r="AX25" s="193">
        <v>0</v>
      </c>
      <c r="AY25" s="191">
        <v>2618</v>
      </c>
      <c r="AZ25" s="191">
        <v>2702</v>
      </c>
      <c r="BA25" s="191">
        <v>1555</v>
      </c>
      <c r="BB25" s="191">
        <v>836</v>
      </c>
      <c r="BC25" s="191">
        <v>286</v>
      </c>
      <c r="BD25" s="194">
        <v>7997</v>
      </c>
      <c r="BE25" s="195">
        <v>7997</v>
      </c>
      <c r="BF25" s="190">
        <v>0</v>
      </c>
      <c r="BG25" s="191">
        <v>0</v>
      </c>
      <c r="BH25" s="196">
        <v>0</v>
      </c>
      <c r="BI25" s="193">
        <v>0</v>
      </c>
      <c r="BJ25" s="191">
        <v>230</v>
      </c>
      <c r="BK25" s="191">
        <v>358</v>
      </c>
      <c r="BL25" s="191">
        <v>231</v>
      </c>
      <c r="BM25" s="191">
        <v>175</v>
      </c>
      <c r="BN25" s="191">
        <v>29</v>
      </c>
      <c r="BO25" s="196">
        <v>1023</v>
      </c>
      <c r="BP25" s="195">
        <v>1023</v>
      </c>
      <c r="BQ25" s="190">
        <v>4</v>
      </c>
      <c r="BR25" s="191">
        <v>4</v>
      </c>
      <c r="BS25" s="196">
        <v>8</v>
      </c>
      <c r="BT25" s="193">
        <v>0</v>
      </c>
      <c r="BU25" s="191">
        <v>241</v>
      </c>
      <c r="BV25" s="191">
        <v>289</v>
      </c>
      <c r="BW25" s="191">
        <v>836</v>
      </c>
      <c r="BX25" s="191">
        <v>586</v>
      </c>
      <c r="BY25" s="191">
        <v>301</v>
      </c>
      <c r="BZ25" s="196">
        <v>2253</v>
      </c>
      <c r="CA25" s="195">
        <v>2261</v>
      </c>
      <c r="CB25" s="190">
        <v>0</v>
      </c>
      <c r="CC25" s="191">
        <v>0</v>
      </c>
      <c r="CD25" s="196">
        <v>0</v>
      </c>
      <c r="CE25" s="193">
        <v>0</v>
      </c>
      <c r="CF25" s="191">
        <v>3</v>
      </c>
      <c r="CG25" s="191">
        <v>11</v>
      </c>
      <c r="CH25" s="191">
        <v>7</v>
      </c>
      <c r="CI25" s="191">
        <v>23</v>
      </c>
      <c r="CJ25" s="191">
        <v>22</v>
      </c>
      <c r="CK25" s="196">
        <v>66</v>
      </c>
      <c r="CL25" s="195">
        <v>66</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812</v>
      </c>
      <c r="H26" s="191">
        <v>1039</v>
      </c>
      <c r="I26" s="191">
        <v>1365</v>
      </c>
      <c r="J26" s="191">
        <v>2118</v>
      </c>
      <c r="K26" s="191">
        <v>2213</v>
      </c>
      <c r="L26" s="194">
        <v>7547</v>
      </c>
      <c r="M26" s="195">
        <v>7547</v>
      </c>
      <c r="N26" s="190">
        <v>0</v>
      </c>
      <c r="O26" s="191">
        <v>0</v>
      </c>
      <c r="P26" s="196">
        <v>0</v>
      </c>
      <c r="Q26" s="193">
        <v>0</v>
      </c>
      <c r="R26" s="191">
        <v>0</v>
      </c>
      <c r="S26" s="191">
        <v>6</v>
      </c>
      <c r="T26" s="191">
        <v>21</v>
      </c>
      <c r="U26" s="191">
        <v>25</v>
      </c>
      <c r="V26" s="191">
        <v>103</v>
      </c>
      <c r="W26" s="196">
        <v>155</v>
      </c>
      <c r="X26" s="195">
        <v>155</v>
      </c>
      <c r="Y26" s="190">
        <v>100</v>
      </c>
      <c r="Z26" s="191">
        <v>215</v>
      </c>
      <c r="AA26" s="196">
        <v>315</v>
      </c>
      <c r="AB26" s="193">
        <v>0</v>
      </c>
      <c r="AC26" s="191">
        <v>539</v>
      </c>
      <c r="AD26" s="191">
        <v>698</v>
      </c>
      <c r="AE26" s="191">
        <v>557</v>
      </c>
      <c r="AF26" s="191">
        <v>412</v>
      </c>
      <c r="AG26" s="191">
        <v>396</v>
      </c>
      <c r="AH26" s="196">
        <v>2602</v>
      </c>
      <c r="AI26" s="195">
        <v>2917</v>
      </c>
      <c r="AJ26" s="190">
        <v>10</v>
      </c>
      <c r="AK26" s="191">
        <v>8</v>
      </c>
      <c r="AL26" s="196">
        <v>18</v>
      </c>
      <c r="AM26" s="193">
        <v>0</v>
      </c>
      <c r="AN26" s="191">
        <v>37</v>
      </c>
      <c r="AO26" s="191">
        <v>52</v>
      </c>
      <c r="AP26" s="191">
        <v>44</v>
      </c>
      <c r="AQ26" s="191">
        <v>30</v>
      </c>
      <c r="AR26" s="191">
        <v>41</v>
      </c>
      <c r="AS26" s="196">
        <v>204</v>
      </c>
      <c r="AT26" s="195">
        <v>222</v>
      </c>
      <c r="AU26" s="190">
        <v>0</v>
      </c>
      <c r="AV26" s="191">
        <v>0</v>
      </c>
      <c r="AW26" s="196">
        <v>0</v>
      </c>
      <c r="AX26" s="193">
        <v>0</v>
      </c>
      <c r="AY26" s="191">
        <v>1056</v>
      </c>
      <c r="AZ26" s="191">
        <v>787</v>
      </c>
      <c r="BA26" s="191">
        <v>443</v>
      </c>
      <c r="BB26" s="191">
        <v>245</v>
      </c>
      <c r="BC26" s="191">
        <v>134</v>
      </c>
      <c r="BD26" s="194">
        <v>2665</v>
      </c>
      <c r="BE26" s="195">
        <v>2665</v>
      </c>
      <c r="BF26" s="190">
        <v>0</v>
      </c>
      <c r="BG26" s="191">
        <v>0</v>
      </c>
      <c r="BH26" s="196">
        <v>0</v>
      </c>
      <c r="BI26" s="193">
        <v>0</v>
      </c>
      <c r="BJ26" s="191">
        <v>390</v>
      </c>
      <c r="BK26" s="191">
        <v>264</v>
      </c>
      <c r="BL26" s="191">
        <v>194</v>
      </c>
      <c r="BM26" s="191">
        <v>119</v>
      </c>
      <c r="BN26" s="191">
        <v>91</v>
      </c>
      <c r="BO26" s="196">
        <v>1058</v>
      </c>
      <c r="BP26" s="195">
        <v>1058</v>
      </c>
      <c r="BQ26" s="190">
        <v>38</v>
      </c>
      <c r="BR26" s="191">
        <v>6</v>
      </c>
      <c r="BS26" s="196">
        <v>44</v>
      </c>
      <c r="BT26" s="193">
        <v>0</v>
      </c>
      <c r="BU26" s="191">
        <v>123</v>
      </c>
      <c r="BV26" s="191">
        <v>186</v>
      </c>
      <c r="BW26" s="191">
        <v>240</v>
      </c>
      <c r="BX26" s="191">
        <v>306</v>
      </c>
      <c r="BY26" s="191">
        <v>94</v>
      </c>
      <c r="BZ26" s="196">
        <v>949</v>
      </c>
      <c r="CA26" s="195">
        <v>993</v>
      </c>
      <c r="CB26" s="190">
        <v>0</v>
      </c>
      <c r="CC26" s="191">
        <v>0</v>
      </c>
      <c r="CD26" s="196">
        <v>0</v>
      </c>
      <c r="CE26" s="193">
        <v>0</v>
      </c>
      <c r="CF26" s="191">
        <v>7</v>
      </c>
      <c r="CG26" s="191">
        <v>11</v>
      </c>
      <c r="CH26" s="191">
        <v>29</v>
      </c>
      <c r="CI26" s="191">
        <v>6</v>
      </c>
      <c r="CJ26" s="191">
        <v>16</v>
      </c>
      <c r="CK26" s="196">
        <v>69</v>
      </c>
      <c r="CL26" s="195">
        <v>69</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466</v>
      </c>
      <c r="H27" s="191">
        <v>1926</v>
      </c>
      <c r="I27" s="191">
        <v>1925</v>
      </c>
      <c r="J27" s="191">
        <v>3321</v>
      </c>
      <c r="K27" s="191">
        <v>2724</v>
      </c>
      <c r="L27" s="194">
        <v>11362</v>
      </c>
      <c r="M27" s="195">
        <v>11362</v>
      </c>
      <c r="N27" s="190">
        <v>0</v>
      </c>
      <c r="O27" s="191">
        <v>0</v>
      </c>
      <c r="P27" s="196">
        <v>0</v>
      </c>
      <c r="Q27" s="193">
        <v>0</v>
      </c>
      <c r="R27" s="191">
        <v>14</v>
      </c>
      <c r="S27" s="191">
        <v>45</v>
      </c>
      <c r="T27" s="191">
        <v>39</v>
      </c>
      <c r="U27" s="191">
        <v>66</v>
      </c>
      <c r="V27" s="191">
        <v>104</v>
      </c>
      <c r="W27" s="196">
        <v>268</v>
      </c>
      <c r="X27" s="195">
        <v>268</v>
      </c>
      <c r="Y27" s="190">
        <v>138</v>
      </c>
      <c r="Z27" s="191">
        <v>421</v>
      </c>
      <c r="AA27" s="196">
        <v>559</v>
      </c>
      <c r="AB27" s="193">
        <v>0</v>
      </c>
      <c r="AC27" s="191">
        <v>591</v>
      </c>
      <c r="AD27" s="191">
        <v>948</v>
      </c>
      <c r="AE27" s="191">
        <v>450</v>
      </c>
      <c r="AF27" s="191">
        <v>518</v>
      </c>
      <c r="AG27" s="191">
        <v>424</v>
      </c>
      <c r="AH27" s="196">
        <v>2931</v>
      </c>
      <c r="AI27" s="195">
        <v>3490</v>
      </c>
      <c r="AJ27" s="190">
        <v>12</v>
      </c>
      <c r="AK27" s="191">
        <v>34</v>
      </c>
      <c r="AL27" s="196">
        <v>46</v>
      </c>
      <c r="AM27" s="193">
        <v>0</v>
      </c>
      <c r="AN27" s="191">
        <v>0</v>
      </c>
      <c r="AO27" s="191">
        <v>189</v>
      </c>
      <c r="AP27" s="191">
        <v>18</v>
      </c>
      <c r="AQ27" s="191">
        <v>37</v>
      </c>
      <c r="AR27" s="191">
        <v>31</v>
      </c>
      <c r="AS27" s="196">
        <v>275</v>
      </c>
      <c r="AT27" s="195">
        <v>321</v>
      </c>
      <c r="AU27" s="190">
        <v>0</v>
      </c>
      <c r="AV27" s="191">
        <v>0</v>
      </c>
      <c r="AW27" s="196">
        <v>0</v>
      </c>
      <c r="AX27" s="193">
        <v>0</v>
      </c>
      <c r="AY27" s="191">
        <v>1664</v>
      </c>
      <c r="AZ27" s="191">
        <v>1009</v>
      </c>
      <c r="BA27" s="191">
        <v>734</v>
      </c>
      <c r="BB27" s="191">
        <v>472</v>
      </c>
      <c r="BC27" s="191">
        <v>198</v>
      </c>
      <c r="BD27" s="194">
        <v>4077</v>
      </c>
      <c r="BE27" s="195">
        <v>4077</v>
      </c>
      <c r="BF27" s="190">
        <v>0</v>
      </c>
      <c r="BG27" s="191">
        <v>0</v>
      </c>
      <c r="BH27" s="196">
        <v>0</v>
      </c>
      <c r="BI27" s="193">
        <v>0</v>
      </c>
      <c r="BJ27" s="191">
        <v>247</v>
      </c>
      <c r="BK27" s="191">
        <v>499</v>
      </c>
      <c r="BL27" s="191">
        <v>173</v>
      </c>
      <c r="BM27" s="191">
        <v>93</v>
      </c>
      <c r="BN27" s="191">
        <v>19</v>
      </c>
      <c r="BO27" s="196">
        <v>1031</v>
      </c>
      <c r="BP27" s="195">
        <v>1031</v>
      </c>
      <c r="BQ27" s="190">
        <v>0</v>
      </c>
      <c r="BR27" s="191">
        <v>5</v>
      </c>
      <c r="BS27" s="196">
        <v>5</v>
      </c>
      <c r="BT27" s="193">
        <v>0</v>
      </c>
      <c r="BU27" s="191">
        <v>175</v>
      </c>
      <c r="BV27" s="191">
        <v>270</v>
      </c>
      <c r="BW27" s="191">
        <v>384</v>
      </c>
      <c r="BX27" s="191">
        <v>172</v>
      </c>
      <c r="BY27" s="191">
        <v>58</v>
      </c>
      <c r="BZ27" s="196">
        <v>1059</v>
      </c>
      <c r="CA27" s="195">
        <v>1064</v>
      </c>
      <c r="CB27" s="190">
        <v>0</v>
      </c>
      <c r="CC27" s="191">
        <v>0</v>
      </c>
      <c r="CD27" s="196">
        <v>0</v>
      </c>
      <c r="CE27" s="193">
        <v>0</v>
      </c>
      <c r="CF27" s="191">
        <v>15</v>
      </c>
      <c r="CG27" s="191">
        <v>24</v>
      </c>
      <c r="CH27" s="191">
        <v>22</v>
      </c>
      <c r="CI27" s="191">
        <v>39</v>
      </c>
      <c r="CJ27" s="191">
        <v>0</v>
      </c>
      <c r="CK27" s="196">
        <v>100</v>
      </c>
      <c r="CL27" s="195">
        <v>100</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688</v>
      </c>
      <c r="H28" s="191">
        <v>2148</v>
      </c>
      <c r="I28" s="191">
        <v>1968</v>
      </c>
      <c r="J28" s="191">
        <v>1276</v>
      </c>
      <c r="K28" s="191">
        <v>2439</v>
      </c>
      <c r="L28" s="194">
        <v>8519</v>
      </c>
      <c r="M28" s="195">
        <v>8519</v>
      </c>
      <c r="N28" s="190">
        <v>0</v>
      </c>
      <c r="O28" s="191">
        <v>0</v>
      </c>
      <c r="P28" s="196">
        <v>0</v>
      </c>
      <c r="Q28" s="193">
        <v>0</v>
      </c>
      <c r="R28" s="191">
        <v>0</v>
      </c>
      <c r="S28" s="191">
        <v>9</v>
      </c>
      <c r="T28" s="191">
        <v>18</v>
      </c>
      <c r="U28" s="191">
        <v>44</v>
      </c>
      <c r="V28" s="191">
        <v>82</v>
      </c>
      <c r="W28" s="196">
        <v>153</v>
      </c>
      <c r="X28" s="195">
        <v>153</v>
      </c>
      <c r="Y28" s="190">
        <v>145</v>
      </c>
      <c r="Z28" s="191">
        <v>126</v>
      </c>
      <c r="AA28" s="196">
        <v>271</v>
      </c>
      <c r="AB28" s="193">
        <v>0</v>
      </c>
      <c r="AC28" s="191">
        <v>643</v>
      </c>
      <c r="AD28" s="191">
        <v>804</v>
      </c>
      <c r="AE28" s="191">
        <v>404</v>
      </c>
      <c r="AF28" s="191">
        <v>374</v>
      </c>
      <c r="AG28" s="191">
        <v>462</v>
      </c>
      <c r="AH28" s="196">
        <v>2687</v>
      </c>
      <c r="AI28" s="195">
        <v>2958</v>
      </c>
      <c r="AJ28" s="190">
        <v>14</v>
      </c>
      <c r="AK28" s="191">
        <v>23</v>
      </c>
      <c r="AL28" s="196">
        <v>37</v>
      </c>
      <c r="AM28" s="193">
        <v>0</v>
      </c>
      <c r="AN28" s="191">
        <v>59</v>
      </c>
      <c r="AO28" s="191">
        <v>33</v>
      </c>
      <c r="AP28" s="191">
        <v>58</v>
      </c>
      <c r="AQ28" s="191">
        <v>21</v>
      </c>
      <c r="AR28" s="191">
        <v>36</v>
      </c>
      <c r="AS28" s="196">
        <v>207</v>
      </c>
      <c r="AT28" s="195">
        <v>244</v>
      </c>
      <c r="AU28" s="190">
        <v>0</v>
      </c>
      <c r="AV28" s="191">
        <v>0</v>
      </c>
      <c r="AW28" s="196">
        <v>0</v>
      </c>
      <c r="AX28" s="193">
        <v>0</v>
      </c>
      <c r="AY28" s="191">
        <v>897</v>
      </c>
      <c r="AZ28" s="191">
        <v>1093</v>
      </c>
      <c r="BA28" s="191">
        <v>538</v>
      </c>
      <c r="BB28" s="191">
        <v>135</v>
      </c>
      <c r="BC28" s="191">
        <v>210</v>
      </c>
      <c r="BD28" s="194">
        <v>2873</v>
      </c>
      <c r="BE28" s="195">
        <v>2873</v>
      </c>
      <c r="BF28" s="190">
        <v>0</v>
      </c>
      <c r="BG28" s="191">
        <v>0</v>
      </c>
      <c r="BH28" s="196">
        <v>0</v>
      </c>
      <c r="BI28" s="193">
        <v>0</v>
      </c>
      <c r="BJ28" s="191">
        <v>156</v>
      </c>
      <c r="BK28" s="191">
        <v>226</v>
      </c>
      <c r="BL28" s="191">
        <v>116</v>
      </c>
      <c r="BM28" s="191">
        <v>74</v>
      </c>
      <c r="BN28" s="191">
        <v>39</v>
      </c>
      <c r="BO28" s="196">
        <v>611</v>
      </c>
      <c r="BP28" s="195">
        <v>611</v>
      </c>
      <c r="BQ28" s="190">
        <v>3</v>
      </c>
      <c r="BR28" s="191">
        <v>10</v>
      </c>
      <c r="BS28" s="196">
        <v>13</v>
      </c>
      <c r="BT28" s="193">
        <v>0</v>
      </c>
      <c r="BU28" s="191">
        <v>86</v>
      </c>
      <c r="BV28" s="191">
        <v>209</v>
      </c>
      <c r="BW28" s="191">
        <v>211</v>
      </c>
      <c r="BX28" s="191">
        <v>144</v>
      </c>
      <c r="BY28" s="191">
        <v>250</v>
      </c>
      <c r="BZ28" s="196">
        <v>900</v>
      </c>
      <c r="CA28" s="195">
        <v>913</v>
      </c>
      <c r="CB28" s="190">
        <v>0</v>
      </c>
      <c r="CC28" s="191">
        <v>0</v>
      </c>
      <c r="CD28" s="196">
        <v>0</v>
      </c>
      <c r="CE28" s="193">
        <v>0</v>
      </c>
      <c r="CF28" s="191">
        <v>8</v>
      </c>
      <c r="CG28" s="191">
        <v>8</v>
      </c>
      <c r="CH28" s="191">
        <v>24</v>
      </c>
      <c r="CI28" s="191">
        <v>16</v>
      </c>
      <c r="CJ28" s="191">
        <v>17</v>
      </c>
      <c r="CK28" s="196">
        <v>73</v>
      </c>
      <c r="CL28" s="195">
        <v>73</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813</v>
      </c>
      <c r="H29" s="191">
        <v>1043</v>
      </c>
      <c r="I29" s="191">
        <v>1355</v>
      </c>
      <c r="J29" s="191">
        <v>1701</v>
      </c>
      <c r="K29" s="191">
        <v>1615</v>
      </c>
      <c r="L29" s="194">
        <v>6527</v>
      </c>
      <c r="M29" s="195">
        <v>6527</v>
      </c>
      <c r="N29" s="190">
        <v>0</v>
      </c>
      <c r="O29" s="191">
        <v>0</v>
      </c>
      <c r="P29" s="196">
        <v>0</v>
      </c>
      <c r="Q29" s="193">
        <v>0</v>
      </c>
      <c r="R29" s="191">
        <v>5</v>
      </c>
      <c r="S29" s="191">
        <v>6</v>
      </c>
      <c r="T29" s="191">
        <v>25</v>
      </c>
      <c r="U29" s="191">
        <v>47</v>
      </c>
      <c r="V29" s="191">
        <v>64</v>
      </c>
      <c r="W29" s="196">
        <v>147</v>
      </c>
      <c r="X29" s="195">
        <v>147</v>
      </c>
      <c r="Y29" s="190">
        <v>175</v>
      </c>
      <c r="Z29" s="191">
        <v>398</v>
      </c>
      <c r="AA29" s="196">
        <v>573</v>
      </c>
      <c r="AB29" s="193">
        <v>0</v>
      </c>
      <c r="AC29" s="191">
        <v>245</v>
      </c>
      <c r="AD29" s="191">
        <v>569</v>
      </c>
      <c r="AE29" s="191">
        <v>325</v>
      </c>
      <c r="AF29" s="191">
        <v>414</v>
      </c>
      <c r="AG29" s="191">
        <v>332</v>
      </c>
      <c r="AH29" s="196">
        <v>1885</v>
      </c>
      <c r="AI29" s="195">
        <v>2458</v>
      </c>
      <c r="AJ29" s="190">
        <v>12</v>
      </c>
      <c r="AK29" s="191">
        <v>26</v>
      </c>
      <c r="AL29" s="196">
        <v>38</v>
      </c>
      <c r="AM29" s="193">
        <v>0</v>
      </c>
      <c r="AN29" s="191">
        <v>9</v>
      </c>
      <c r="AO29" s="191">
        <v>0</v>
      </c>
      <c r="AP29" s="191">
        <v>30</v>
      </c>
      <c r="AQ29" s="191">
        <v>8</v>
      </c>
      <c r="AR29" s="191">
        <v>18</v>
      </c>
      <c r="AS29" s="196">
        <v>65</v>
      </c>
      <c r="AT29" s="195">
        <v>103</v>
      </c>
      <c r="AU29" s="190">
        <v>0</v>
      </c>
      <c r="AV29" s="191">
        <v>0</v>
      </c>
      <c r="AW29" s="196">
        <v>0</v>
      </c>
      <c r="AX29" s="193">
        <v>0</v>
      </c>
      <c r="AY29" s="191">
        <v>1000</v>
      </c>
      <c r="AZ29" s="191">
        <v>518</v>
      </c>
      <c r="BA29" s="191">
        <v>365</v>
      </c>
      <c r="BB29" s="191">
        <v>396</v>
      </c>
      <c r="BC29" s="191">
        <v>119</v>
      </c>
      <c r="BD29" s="194">
        <v>2398</v>
      </c>
      <c r="BE29" s="195">
        <v>2398</v>
      </c>
      <c r="BF29" s="190">
        <v>0</v>
      </c>
      <c r="BG29" s="191">
        <v>0</v>
      </c>
      <c r="BH29" s="196">
        <v>0</v>
      </c>
      <c r="BI29" s="193">
        <v>0</v>
      </c>
      <c r="BJ29" s="191">
        <v>168</v>
      </c>
      <c r="BK29" s="191">
        <v>242</v>
      </c>
      <c r="BL29" s="191">
        <v>149</v>
      </c>
      <c r="BM29" s="191">
        <v>43</v>
      </c>
      <c r="BN29" s="191">
        <v>52</v>
      </c>
      <c r="BO29" s="196">
        <v>654</v>
      </c>
      <c r="BP29" s="195">
        <v>654</v>
      </c>
      <c r="BQ29" s="190">
        <v>0</v>
      </c>
      <c r="BR29" s="191">
        <v>4</v>
      </c>
      <c r="BS29" s="196">
        <v>4</v>
      </c>
      <c r="BT29" s="193">
        <v>0</v>
      </c>
      <c r="BU29" s="191">
        <v>117</v>
      </c>
      <c r="BV29" s="191">
        <v>72</v>
      </c>
      <c r="BW29" s="191">
        <v>158</v>
      </c>
      <c r="BX29" s="191">
        <v>108</v>
      </c>
      <c r="BY29" s="191">
        <v>46</v>
      </c>
      <c r="BZ29" s="196">
        <v>501</v>
      </c>
      <c r="CA29" s="195">
        <v>505</v>
      </c>
      <c r="CB29" s="190">
        <v>2</v>
      </c>
      <c r="CC29" s="191">
        <v>11</v>
      </c>
      <c r="CD29" s="196">
        <v>13</v>
      </c>
      <c r="CE29" s="193">
        <v>0</v>
      </c>
      <c r="CF29" s="191">
        <v>6</v>
      </c>
      <c r="CG29" s="191">
        <v>5</v>
      </c>
      <c r="CH29" s="191">
        <v>31</v>
      </c>
      <c r="CI29" s="191">
        <v>9</v>
      </c>
      <c r="CJ29" s="191">
        <v>17</v>
      </c>
      <c r="CK29" s="196">
        <v>68</v>
      </c>
      <c r="CL29" s="195">
        <v>81</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227</v>
      </c>
      <c r="H30" s="191">
        <v>356</v>
      </c>
      <c r="I30" s="191">
        <v>44</v>
      </c>
      <c r="J30" s="191">
        <v>138</v>
      </c>
      <c r="K30" s="191">
        <v>333</v>
      </c>
      <c r="L30" s="194">
        <v>1098</v>
      </c>
      <c r="M30" s="195">
        <v>1098</v>
      </c>
      <c r="N30" s="190">
        <v>0</v>
      </c>
      <c r="O30" s="191">
        <v>0</v>
      </c>
      <c r="P30" s="196">
        <v>0</v>
      </c>
      <c r="Q30" s="193">
        <v>0</v>
      </c>
      <c r="R30" s="191">
        <v>0</v>
      </c>
      <c r="S30" s="191">
        <v>0</v>
      </c>
      <c r="T30" s="191">
        <v>0</v>
      </c>
      <c r="U30" s="191">
        <v>9</v>
      </c>
      <c r="V30" s="191">
        <v>10</v>
      </c>
      <c r="W30" s="196">
        <v>19</v>
      </c>
      <c r="X30" s="195">
        <v>19</v>
      </c>
      <c r="Y30" s="190">
        <v>14</v>
      </c>
      <c r="Z30" s="191">
        <v>28</v>
      </c>
      <c r="AA30" s="196">
        <v>42</v>
      </c>
      <c r="AB30" s="193">
        <v>0</v>
      </c>
      <c r="AC30" s="191">
        <v>55</v>
      </c>
      <c r="AD30" s="191">
        <v>127</v>
      </c>
      <c r="AE30" s="191">
        <v>53</v>
      </c>
      <c r="AF30" s="191">
        <v>134</v>
      </c>
      <c r="AG30" s="191">
        <v>45</v>
      </c>
      <c r="AH30" s="196">
        <v>414</v>
      </c>
      <c r="AI30" s="195">
        <v>456</v>
      </c>
      <c r="AJ30" s="190">
        <v>0</v>
      </c>
      <c r="AK30" s="191">
        <v>0</v>
      </c>
      <c r="AL30" s="196">
        <v>0</v>
      </c>
      <c r="AM30" s="193">
        <v>0</v>
      </c>
      <c r="AN30" s="191">
        <v>10</v>
      </c>
      <c r="AO30" s="191">
        <v>0</v>
      </c>
      <c r="AP30" s="191">
        <v>27</v>
      </c>
      <c r="AQ30" s="191">
        <v>9</v>
      </c>
      <c r="AR30" s="191">
        <v>10</v>
      </c>
      <c r="AS30" s="196">
        <v>56</v>
      </c>
      <c r="AT30" s="195">
        <v>56</v>
      </c>
      <c r="AU30" s="190">
        <v>0</v>
      </c>
      <c r="AV30" s="191">
        <v>0</v>
      </c>
      <c r="AW30" s="196">
        <v>0</v>
      </c>
      <c r="AX30" s="193">
        <v>0</v>
      </c>
      <c r="AY30" s="191">
        <v>261</v>
      </c>
      <c r="AZ30" s="191">
        <v>369</v>
      </c>
      <c r="BA30" s="191">
        <v>195</v>
      </c>
      <c r="BB30" s="191">
        <v>111</v>
      </c>
      <c r="BC30" s="191">
        <v>38</v>
      </c>
      <c r="BD30" s="194">
        <v>974</v>
      </c>
      <c r="BE30" s="195">
        <v>974</v>
      </c>
      <c r="BF30" s="190">
        <v>0</v>
      </c>
      <c r="BG30" s="191">
        <v>0</v>
      </c>
      <c r="BH30" s="196">
        <v>0</v>
      </c>
      <c r="BI30" s="193">
        <v>0</v>
      </c>
      <c r="BJ30" s="191">
        <v>95</v>
      </c>
      <c r="BK30" s="191">
        <v>115</v>
      </c>
      <c r="BL30" s="191">
        <v>42</v>
      </c>
      <c r="BM30" s="191">
        <v>95</v>
      </c>
      <c r="BN30" s="191">
        <v>19</v>
      </c>
      <c r="BO30" s="196">
        <v>366</v>
      </c>
      <c r="BP30" s="195">
        <v>366</v>
      </c>
      <c r="BQ30" s="190">
        <v>0</v>
      </c>
      <c r="BR30" s="191">
        <v>0</v>
      </c>
      <c r="BS30" s="196">
        <v>0</v>
      </c>
      <c r="BT30" s="193">
        <v>0</v>
      </c>
      <c r="BU30" s="191">
        <v>21</v>
      </c>
      <c r="BV30" s="191">
        <v>37</v>
      </c>
      <c r="BW30" s="191">
        <v>73</v>
      </c>
      <c r="BX30" s="191">
        <v>70</v>
      </c>
      <c r="BY30" s="191">
        <v>64</v>
      </c>
      <c r="BZ30" s="196">
        <v>265</v>
      </c>
      <c r="CA30" s="195">
        <v>265</v>
      </c>
      <c r="CB30" s="190">
        <v>0</v>
      </c>
      <c r="CC30" s="191">
        <v>0</v>
      </c>
      <c r="CD30" s="196">
        <v>0</v>
      </c>
      <c r="CE30" s="193">
        <v>0</v>
      </c>
      <c r="CF30" s="191">
        <v>5</v>
      </c>
      <c r="CG30" s="191">
        <v>0</v>
      </c>
      <c r="CH30" s="191">
        <v>15</v>
      </c>
      <c r="CI30" s="191">
        <v>10</v>
      </c>
      <c r="CJ30" s="191">
        <v>3</v>
      </c>
      <c r="CK30" s="196">
        <v>33</v>
      </c>
      <c r="CL30" s="195">
        <v>33</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252</v>
      </c>
      <c r="H31" s="191">
        <v>530</v>
      </c>
      <c r="I31" s="191">
        <v>570</v>
      </c>
      <c r="J31" s="191">
        <v>1037</v>
      </c>
      <c r="K31" s="191">
        <v>778</v>
      </c>
      <c r="L31" s="194">
        <v>3167</v>
      </c>
      <c r="M31" s="195">
        <v>3167</v>
      </c>
      <c r="N31" s="190">
        <v>0</v>
      </c>
      <c r="O31" s="191">
        <v>0</v>
      </c>
      <c r="P31" s="196">
        <v>0</v>
      </c>
      <c r="Q31" s="193">
        <v>0</v>
      </c>
      <c r="R31" s="191">
        <v>0</v>
      </c>
      <c r="S31" s="191">
        <v>5</v>
      </c>
      <c r="T31" s="191">
        <v>2</v>
      </c>
      <c r="U31" s="191">
        <v>9</v>
      </c>
      <c r="V31" s="191">
        <v>20</v>
      </c>
      <c r="W31" s="196">
        <v>36</v>
      </c>
      <c r="X31" s="195">
        <v>36</v>
      </c>
      <c r="Y31" s="190">
        <v>14</v>
      </c>
      <c r="Z31" s="191">
        <v>40</v>
      </c>
      <c r="AA31" s="196">
        <v>54</v>
      </c>
      <c r="AB31" s="193">
        <v>0</v>
      </c>
      <c r="AC31" s="191">
        <v>214</v>
      </c>
      <c r="AD31" s="191">
        <v>305</v>
      </c>
      <c r="AE31" s="191">
        <v>204</v>
      </c>
      <c r="AF31" s="191">
        <v>164</v>
      </c>
      <c r="AG31" s="191">
        <v>159</v>
      </c>
      <c r="AH31" s="196">
        <v>1046</v>
      </c>
      <c r="AI31" s="195">
        <v>1100</v>
      </c>
      <c r="AJ31" s="190">
        <v>0</v>
      </c>
      <c r="AK31" s="191">
        <v>27</v>
      </c>
      <c r="AL31" s="196">
        <v>27</v>
      </c>
      <c r="AM31" s="193">
        <v>0</v>
      </c>
      <c r="AN31" s="191">
        <v>36</v>
      </c>
      <c r="AO31" s="191">
        <v>39</v>
      </c>
      <c r="AP31" s="191">
        <v>24</v>
      </c>
      <c r="AQ31" s="191">
        <v>10</v>
      </c>
      <c r="AR31" s="191">
        <v>15</v>
      </c>
      <c r="AS31" s="196">
        <v>124</v>
      </c>
      <c r="AT31" s="195">
        <v>151</v>
      </c>
      <c r="AU31" s="190">
        <v>0</v>
      </c>
      <c r="AV31" s="191">
        <v>0</v>
      </c>
      <c r="AW31" s="196">
        <v>0</v>
      </c>
      <c r="AX31" s="193">
        <v>0</v>
      </c>
      <c r="AY31" s="191">
        <v>316</v>
      </c>
      <c r="AZ31" s="191">
        <v>412</v>
      </c>
      <c r="BA31" s="191">
        <v>321</v>
      </c>
      <c r="BB31" s="191">
        <v>131</v>
      </c>
      <c r="BC31" s="191">
        <v>45</v>
      </c>
      <c r="BD31" s="194">
        <v>1225</v>
      </c>
      <c r="BE31" s="195">
        <v>1225</v>
      </c>
      <c r="BF31" s="190">
        <v>0</v>
      </c>
      <c r="BG31" s="191">
        <v>0</v>
      </c>
      <c r="BH31" s="196">
        <v>0</v>
      </c>
      <c r="BI31" s="193">
        <v>0</v>
      </c>
      <c r="BJ31" s="191">
        <v>117</v>
      </c>
      <c r="BK31" s="191">
        <v>111</v>
      </c>
      <c r="BL31" s="191">
        <v>110</v>
      </c>
      <c r="BM31" s="191">
        <v>35</v>
      </c>
      <c r="BN31" s="191">
        <v>15</v>
      </c>
      <c r="BO31" s="196">
        <v>388</v>
      </c>
      <c r="BP31" s="195">
        <v>388</v>
      </c>
      <c r="BQ31" s="190">
        <v>0</v>
      </c>
      <c r="BR31" s="191">
        <v>0</v>
      </c>
      <c r="BS31" s="196">
        <v>0</v>
      </c>
      <c r="BT31" s="193">
        <v>0</v>
      </c>
      <c r="BU31" s="191">
        <v>19</v>
      </c>
      <c r="BV31" s="191">
        <v>50</v>
      </c>
      <c r="BW31" s="191">
        <v>106</v>
      </c>
      <c r="BX31" s="191">
        <v>68</v>
      </c>
      <c r="BY31" s="191">
        <v>116</v>
      </c>
      <c r="BZ31" s="196">
        <v>359</v>
      </c>
      <c r="CA31" s="195">
        <v>359</v>
      </c>
      <c r="CB31" s="190">
        <v>0</v>
      </c>
      <c r="CC31" s="191">
        <v>0</v>
      </c>
      <c r="CD31" s="196">
        <v>0</v>
      </c>
      <c r="CE31" s="193">
        <v>0</v>
      </c>
      <c r="CF31" s="191">
        <v>18</v>
      </c>
      <c r="CG31" s="191">
        <v>2</v>
      </c>
      <c r="CH31" s="191">
        <v>18</v>
      </c>
      <c r="CI31" s="191">
        <v>0</v>
      </c>
      <c r="CJ31" s="191">
        <v>1</v>
      </c>
      <c r="CK31" s="196">
        <v>39</v>
      </c>
      <c r="CL31" s="195">
        <v>39</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422</v>
      </c>
      <c r="H32" s="191">
        <v>250</v>
      </c>
      <c r="I32" s="191">
        <v>617</v>
      </c>
      <c r="J32" s="191">
        <v>696</v>
      </c>
      <c r="K32" s="191">
        <v>562</v>
      </c>
      <c r="L32" s="194">
        <v>2547</v>
      </c>
      <c r="M32" s="195">
        <v>2547</v>
      </c>
      <c r="N32" s="190">
        <v>0</v>
      </c>
      <c r="O32" s="191">
        <v>0</v>
      </c>
      <c r="P32" s="196">
        <v>0</v>
      </c>
      <c r="Q32" s="193">
        <v>0</v>
      </c>
      <c r="R32" s="191">
        <v>0</v>
      </c>
      <c r="S32" s="191">
        <v>0</v>
      </c>
      <c r="T32" s="191">
        <v>0</v>
      </c>
      <c r="U32" s="191">
        <v>27</v>
      </c>
      <c r="V32" s="191">
        <v>8</v>
      </c>
      <c r="W32" s="196">
        <v>35</v>
      </c>
      <c r="X32" s="195">
        <v>35</v>
      </c>
      <c r="Y32" s="190">
        <v>21</v>
      </c>
      <c r="Z32" s="191">
        <v>66</v>
      </c>
      <c r="AA32" s="196">
        <v>87</v>
      </c>
      <c r="AB32" s="193">
        <v>0</v>
      </c>
      <c r="AC32" s="191">
        <v>283</v>
      </c>
      <c r="AD32" s="191">
        <v>133</v>
      </c>
      <c r="AE32" s="191">
        <v>146</v>
      </c>
      <c r="AF32" s="191">
        <v>100</v>
      </c>
      <c r="AG32" s="191">
        <v>53</v>
      </c>
      <c r="AH32" s="196">
        <v>715</v>
      </c>
      <c r="AI32" s="195">
        <v>802</v>
      </c>
      <c r="AJ32" s="190">
        <v>6</v>
      </c>
      <c r="AK32" s="191">
        <v>0</v>
      </c>
      <c r="AL32" s="196">
        <v>6</v>
      </c>
      <c r="AM32" s="193">
        <v>0</v>
      </c>
      <c r="AN32" s="191">
        <v>39</v>
      </c>
      <c r="AO32" s="191">
        <v>35</v>
      </c>
      <c r="AP32" s="191">
        <v>54</v>
      </c>
      <c r="AQ32" s="191">
        <v>0</v>
      </c>
      <c r="AR32" s="191">
        <v>0</v>
      </c>
      <c r="AS32" s="196">
        <v>128</v>
      </c>
      <c r="AT32" s="195">
        <v>134</v>
      </c>
      <c r="AU32" s="190">
        <v>0</v>
      </c>
      <c r="AV32" s="191">
        <v>0</v>
      </c>
      <c r="AW32" s="196">
        <v>0</v>
      </c>
      <c r="AX32" s="193">
        <v>0</v>
      </c>
      <c r="AY32" s="191">
        <v>329</v>
      </c>
      <c r="AZ32" s="191">
        <v>204</v>
      </c>
      <c r="BA32" s="191">
        <v>169</v>
      </c>
      <c r="BB32" s="191">
        <v>127</v>
      </c>
      <c r="BC32" s="191">
        <v>13</v>
      </c>
      <c r="BD32" s="194">
        <v>842</v>
      </c>
      <c r="BE32" s="195">
        <v>842</v>
      </c>
      <c r="BF32" s="190">
        <v>0</v>
      </c>
      <c r="BG32" s="191">
        <v>0</v>
      </c>
      <c r="BH32" s="196">
        <v>0</v>
      </c>
      <c r="BI32" s="193">
        <v>0</v>
      </c>
      <c r="BJ32" s="191">
        <v>67</v>
      </c>
      <c r="BK32" s="191">
        <v>79</v>
      </c>
      <c r="BL32" s="191">
        <v>30</v>
      </c>
      <c r="BM32" s="191">
        <v>19</v>
      </c>
      <c r="BN32" s="191">
        <v>9</v>
      </c>
      <c r="BO32" s="196">
        <v>204</v>
      </c>
      <c r="BP32" s="195">
        <v>204</v>
      </c>
      <c r="BQ32" s="190">
        <v>0</v>
      </c>
      <c r="BR32" s="191">
        <v>0</v>
      </c>
      <c r="BS32" s="196">
        <v>0</v>
      </c>
      <c r="BT32" s="193">
        <v>0</v>
      </c>
      <c r="BU32" s="191">
        <v>35</v>
      </c>
      <c r="BV32" s="191">
        <v>99</v>
      </c>
      <c r="BW32" s="191">
        <v>201</v>
      </c>
      <c r="BX32" s="191">
        <v>46</v>
      </c>
      <c r="BY32" s="191">
        <v>0</v>
      </c>
      <c r="BZ32" s="196">
        <v>381</v>
      </c>
      <c r="CA32" s="195">
        <v>381</v>
      </c>
      <c r="CB32" s="190">
        <v>0</v>
      </c>
      <c r="CC32" s="191">
        <v>0</v>
      </c>
      <c r="CD32" s="196">
        <v>0</v>
      </c>
      <c r="CE32" s="193">
        <v>0</v>
      </c>
      <c r="CF32" s="191">
        <v>4</v>
      </c>
      <c r="CG32" s="191">
        <v>19</v>
      </c>
      <c r="CH32" s="191">
        <v>2</v>
      </c>
      <c r="CI32" s="191">
        <v>5</v>
      </c>
      <c r="CJ32" s="191">
        <v>0</v>
      </c>
      <c r="CK32" s="196">
        <v>30</v>
      </c>
      <c r="CL32" s="195">
        <v>3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127</v>
      </c>
      <c r="H33" s="191">
        <v>237</v>
      </c>
      <c r="I33" s="191">
        <v>175</v>
      </c>
      <c r="J33" s="191">
        <v>383</v>
      </c>
      <c r="K33" s="191">
        <v>399</v>
      </c>
      <c r="L33" s="194">
        <v>1321</v>
      </c>
      <c r="M33" s="195">
        <v>1321</v>
      </c>
      <c r="N33" s="190">
        <v>0</v>
      </c>
      <c r="O33" s="191">
        <v>0</v>
      </c>
      <c r="P33" s="196">
        <v>0</v>
      </c>
      <c r="Q33" s="193">
        <v>0</v>
      </c>
      <c r="R33" s="191">
        <v>0</v>
      </c>
      <c r="S33" s="191">
        <v>5</v>
      </c>
      <c r="T33" s="191">
        <v>3</v>
      </c>
      <c r="U33" s="191">
        <v>26</v>
      </c>
      <c r="V33" s="191">
        <v>17</v>
      </c>
      <c r="W33" s="196">
        <v>51</v>
      </c>
      <c r="X33" s="195">
        <v>51</v>
      </c>
      <c r="Y33" s="190">
        <v>13</v>
      </c>
      <c r="Z33" s="191">
        <v>26</v>
      </c>
      <c r="AA33" s="196">
        <v>39</v>
      </c>
      <c r="AB33" s="193">
        <v>0</v>
      </c>
      <c r="AC33" s="191">
        <v>128</v>
      </c>
      <c r="AD33" s="191">
        <v>199</v>
      </c>
      <c r="AE33" s="191">
        <v>223</v>
      </c>
      <c r="AF33" s="191">
        <v>121</v>
      </c>
      <c r="AG33" s="191">
        <v>79</v>
      </c>
      <c r="AH33" s="196">
        <v>750</v>
      </c>
      <c r="AI33" s="195">
        <v>789</v>
      </c>
      <c r="AJ33" s="190">
        <v>0</v>
      </c>
      <c r="AK33" s="191">
        <v>18</v>
      </c>
      <c r="AL33" s="196">
        <v>18</v>
      </c>
      <c r="AM33" s="193">
        <v>0</v>
      </c>
      <c r="AN33" s="191">
        <v>42</v>
      </c>
      <c r="AO33" s="191">
        <v>15</v>
      </c>
      <c r="AP33" s="191">
        <v>9</v>
      </c>
      <c r="AQ33" s="191">
        <v>45</v>
      </c>
      <c r="AR33" s="191">
        <v>0</v>
      </c>
      <c r="AS33" s="196">
        <v>111</v>
      </c>
      <c r="AT33" s="195">
        <v>129</v>
      </c>
      <c r="AU33" s="190">
        <v>0</v>
      </c>
      <c r="AV33" s="191">
        <v>0</v>
      </c>
      <c r="AW33" s="196">
        <v>0</v>
      </c>
      <c r="AX33" s="193">
        <v>0</v>
      </c>
      <c r="AY33" s="191">
        <v>409</v>
      </c>
      <c r="AZ33" s="191">
        <v>390</v>
      </c>
      <c r="BA33" s="191">
        <v>165</v>
      </c>
      <c r="BB33" s="191">
        <v>85</v>
      </c>
      <c r="BC33" s="191">
        <v>55</v>
      </c>
      <c r="BD33" s="194">
        <v>1104</v>
      </c>
      <c r="BE33" s="195">
        <v>1104</v>
      </c>
      <c r="BF33" s="190">
        <v>0</v>
      </c>
      <c r="BG33" s="191">
        <v>0</v>
      </c>
      <c r="BH33" s="196">
        <v>0</v>
      </c>
      <c r="BI33" s="193">
        <v>0</v>
      </c>
      <c r="BJ33" s="191">
        <v>51</v>
      </c>
      <c r="BK33" s="191">
        <v>-23</v>
      </c>
      <c r="BL33" s="191">
        <v>49</v>
      </c>
      <c r="BM33" s="191">
        <v>28</v>
      </c>
      <c r="BN33" s="191">
        <v>8</v>
      </c>
      <c r="BO33" s="196">
        <v>113</v>
      </c>
      <c r="BP33" s="195">
        <v>113</v>
      </c>
      <c r="BQ33" s="190">
        <v>0</v>
      </c>
      <c r="BR33" s="191">
        <v>6</v>
      </c>
      <c r="BS33" s="196">
        <v>6</v>
      </c>
      <c r="BT33" s="193">
        <v>0</v>
      </c>
      <c r="BU33" s="191">
        <v>28</v>
      </c>
      <c r="BV33" s="191">
        <v>43</v>
      </c>
      <c r="BW33" s="191">
        <v>261</v>
      </c>
      <c r="BX33" s="191">
        <v>33</v>
      </c>
      <c r="BY33" s="191">
        <v>4</v>
      </c>
      <c r="BZ33" s="196">
        <v>369</v>
      </c>
      <c r="CA33" s="195">
        <v>375</v>
      </c>
      <c r="CB33" s="190">
        <v>0</v>
      </c>
      <c r="CC33" s="191">
        <v>0</v>
      </c>
      <c r="CD33" s="196">
        <v>0</v>
      </c>
      <c r="CE33" s="193">
        <v>0</v>
      </c>
      <c r="CF33" s="191">
        <v>26</v>
      </c>
      <c r="CG33" s="191">
        <v>4</v>
      </c>
      <c r="CH33" s="191">
        <v>35</v>
      </c>
      <c r="CI33" s="191">
        <v>3</v>
      </c>
      <c r="CJ33" s="191">
        <v>9</v>
      </c>
      <c r="CK33" s="196">
        <v>77</v>
      </c>
      <c r="CL33" s="195">
        <v>77</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451</v>
      </c>
      <c r="H34" s="191">
        <v>415</v>
      </c>
      <c r="I34" s="191">
        <v>429</v>
      </c>
      <c r="J34" s="191">
        <v>342</v>
      </c>
      <c r="K34" s="191">
        <v>544</v>
      </c>
      <c r="L34" s="194">
        <v>2181</v>
      </c>
      <c r="M34" s="195">
        <v>2181</v>
      </c>
      <c r="N34" s="190">
        <v>0</v>
      </c>
      <c r="O34" s="191">
        <v>0</v>
      </c>
      <c r="P34" s="196">
        <v>0</v>
      </c>
      <c r="Q34" s="193">
        <v>0</v>
      </c>
      <c r="R34" s="191">
        <v>0</v>
      </c>
      <c r="S34" s="191">
        <v>0</v>
      </c>
      <c r="T34" s="191">
        <v>0</v>
      </c>
      <c r="U34" s="191">
        <v>30</v>
      </c>
      <c r="V34" s="191">
        <v>16</v>
      </c>
      <c r="W34" s="196">
        <v>46</v>
      </c>
      <c r="X34" s="195">
        <v>46</v>
      </c>
      <c r="Y34" s="190">
        <v>59</v>
      </c>
      <c r="Z34" s="191">
        <v>82</v>
      </c>
      <c r="AA34" s="196">
        <v>141</v>
      </c>
      <c r="AB34" s="193">
        <v>0</v>
      </c>
      <c r="AC34" s="191">
        <v>261</v>
      </c>
      <c r="AD34" s="191">
        <v>237</v>
      </c>
      <c r="AE34" s="191">
        <v>138</v>
      </c>
      <c r="AF34" s="191">
        <v>156</v>
      </c>
      <c r="AG34" s="191">
        <v>99</v>
      </c>
      <c r="AH34" s="196">
        <v>891</v>
      </c>
      <c r="AI34" s="195">
        <v>1032</v>
      </c>
      <c r="AJ34" s="190">
        <v>0</v>
      </c>
      <c r="AK34" s="191">
        <v>9</v>
      </c>
      <c r="AL34" s="196">
        <v>9</v>
      </c>
      <c r="AM34" s="193">
        <v>0</v>
      </c>
      <c r="AN34" s="191">
        <v>66</v>
      </c>
      <c r="AO34" s="191">
        <v>0</v>
      </c>
      <c r="AP34" s="191">
        <v>0</v>
      </c>
      <c r="AQ34" s="191">
        <v>51</v>
      </c>
      <c r="AR34" s="191">
        <v>16</v>
      </c>
      <c r="AS34" s="196">
        <v>133</v>
      </c>
      <c r="AT34" s="195">
        <v>142</v>
      </c>
      <c r="AU34" s="190">
        <v>0</v>
      </c>
      <c r="AV34" s="191">
        <v>0</v>
      </c>
      <c r="AW34" s="196">
        <v>0</v>
      </c>
      <c r="AX34" s="193">
        <v>0</v>
      </c>
      <c r="AY34" s="191">
        <v>444</v>
      </c>
      <c r="AZ34" s="191">
        <v>561</v>
      </c>
      <c r="BA34" s="191">
        <v>288</v>
      </c>
      <c r="BB34" s="191">
        <v>188</v>
      </c>
      <c r="BC34" s="191">
        <v>51</v>
      </c>
      <c r="BD34" s="194">
        <v>1532</v>
      </c>
      <c r="BE34" s="195">
        <v>1532</v>
      </c>
      <c r="BF34" s="190">
        <v>0</v>
      </c>
      <c r="BG34" s="191">
        <v>0</v>
      </c>
      <c r="BH34" s="196">
        <v>0</v>
      </c>
      <c r="BI34" s="193">
        <v>0</v>
      </c>
      <c r="BJ34" s="191">
        <v>76</v>
      </c>
      <c r="BK34" s="191">
        <v>127</v>
      </c>
      <c r="BL34" s="191">
        <v>30</v>
      </c>
      <c r="BM34" s="191">
        <v>28</v>
      </c>
      <c r="BN34" s="191">
        <v>17</v>
      </c>
      <c r="BO34" s="196">
        <v>278</v>
      </c>
      <c r="BP34" s="195">
        <v>278</v>
      </c>
      <c r="BQ34" s="190">
        <v>0</v>
      </c>
      <c r="BR34" s="191">
        <v>0</v>
      </c>
      <c r="BS34" s="196">
        <v>0</v>
      </c>
      <c r="BT34" s="193">
        <v>0</v>
      </c>
      <c r="BU34" s="191">
        <v>19</v>
      </c>
      <c r="BV34" s="191">
        <v>79</v>
      </c>
      <c r="BW34" s="191">
        <v>105</v>
      </c>
      <c r="BX34" s="191">
        <v>21</v>
      </c>
      <c r="BY34" s="191">
        <v>11</v>
      </c>
      <c r="BZ34" s="196">
        <v>235</v>
      </c>
      <c r="CA34" s="195">
        <v>235</v>
      </c>
      <c r="CB34" s="190">
        <v>0</v>
      </c>
      <c r="CC34" s="191">
        <v>0</v>
      </c>
      <c r="CD34" s="196">
        <v>0</v>
      </c>
      <c r="CE34" s="193">
        <v>0</v>
      </c>
      <c r="CF34" s="191">
        <v>0</v>
      </c>
      <c r="CG34" s="191">
        <v>12</v>
      </c>
      <c r="CH34" s="191">
        <v>0</v>
      </c>
      <c r="CI34" s="191">
        <v>0</v>
      </c>
      <c r="CJ34" s="191">
        <v>19</v>
      </c>
      <c r="CK34" s="196">
        <v>31</v>
      </c>
      <c r="CL34" s="195">
        <v>31</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295</v>
      </c>
      <c r="H35" s="191">
        <v>305</v>
      </c>
      <c r="I35" s="191">
        <v>526</v>
      </c>
      <c r="J35" s="191">
        <v>5</v>
      </c>
      <c r="K35" s="191">
        <v>549</v>
      </c>
      <c r="L35" s="194">
        <v>1680</v>
      </c>
      <c r="M35" s="195">
        <v>1680</v>
      </c>
      <c r="N35" s="190">
        <v>0</v>
      </c>
      <c r="O35" s="191">
        <v>0</v>
      </c>
      <c r="P35" s="196">
        <v>0</v>
      </c>
      <c r="Q35" s="193">
        <v>0</v>
      </c>
      <c r="R35" s="191">
        <v>0</v>
      </c>
      <c r="S35" s="191">
        <v>0</v>
      </c>
      <c r="T35" s="191">
        <v>0</v>
      </c>
      <c r="U35" s="191">
        <v>4</v>
      </c>
      <c r="V35" s="191">
        <v>4</v>
      </c>
      <c r="W35" s="196">
        <v>8</v>
      </c>
      <c r="X35" s="195">
        <v>8</v>
      </c>
      <c r="Y35" s="190">
        <v>0</v>
      </c>
      <c r="Z35" s="191">
        <v>24</v>
      </c>
      <c r="AA35" s="196">
        <v>24</v>
      </c>
      <c r="AB35" s="193">
        <v>0</v>
      </c>
      <c r="AC35" s="191">
        <v>143</v>
      </c>
      <c r="AD35" s="191">
        <v>116</v>
      </c>
      <c r="AE35" s="191">
        <v>39</v>
      </c>
      <c r="AF35" s="191">
        <v>16</v>
      </c>
      <c r="AG35" s="191">
        <v>7</v>
      </c>
      <c r="AH35" s="196">
        <v>321</v>
      </c>
      <c r="AI35" s="195">
        <v>345</v>
      </c>
      <c r="AJ35" s="190">
        <v>96</v>
      </c>
      <c r="AK35" s="191">
        <v>232</v>
      </c>
      <c r="AL35" s="196">
        <v>328</v>
      </c>
      <c r="AM35" s="193">
        <v>0</v>
      </c>
      <c r="AN35" s="191">
        <v>204</v>
      </c>
      <c r="AO35" s="191">
        <v>76</v>
      </c>
      <c r="AP35" s="191">
        <v>63</v>
      </c>
      <c r="AQ35" s="191">
        <v>0</v>
      </c>
      <c r="AR35" s="191">
        <v>0</v>
      </c>
      <c r="AS35" s="196">
        <v>343</v>
      </c>
      <c r="AT35" s="195">
        <v>671</v>
      </c>
      <c r="AU35" s="190">
        <v>0</v>
      </c>
      <c r="AV35" s="191">
        <v>0</v>
      </c>
      <c r="AW35" s="196">
        <v>0</v>
      </c>
      <c r="AX35" s="193">
        <v>0</v>
      </c>
      <c r="AY35" s="191">
        <v>81</v>
      </c>
      <c r="AZ35" s="191">
        <v>98</v>
      </c>
      <c r="BA35" s="191">
        <v>62</v>
      </c>
      <c r="BB35" s="191">
        <v>0</v>
      </c>
      <c r="BC35" s="191">
        <v>66</v>
      </c>
      <c r="BD35" s="194">
        <v>307</v>
      </c>
      <c r="BE35" s="195">
        <v>307</v>
      </c>
      <c r="BF35" s="190">
        <v>0</v>
      </c>
      <c r="BG35" s="191">
        <v>0</v>
      </c>
      <c r="BH35" s="196">
        <v>0</v>
      </c>
      <c r="BI35" s="193">
        <v>0</v>
      </c>
      <c r="BJ35" s="191">
        <v>112</v>
      </c>
      <c r="BK35" s="191">
        <v>54</v>
      </c>
      <c r="BL35" s="191">
        <v>0</v>
      </c>
      <c r="BM35" s="191">
        <v>17</v>
      </c>
      <c r="BN35" s="191">
        <v>8</v>
      </c>
      <c r="BO35" s="196">
        <v>191</v>
      </c>
      <c r="BP35" s="195">
        <v>191</v>
      </c>
      <c r="BQ35" s="190">
        <v>0</v>
      </c>
      <c r="BR35" s="191">
        <v>0</v>
      </c>
      <c r="BS35" s="196">
        <v>0</v>
      </c>
      <c r="BT35" s="193">
        <v>0</v>
      </c>
      <c r="BU35" s="191">
        <v>12</v>
      </c>
      <c r="BV35" s="191">
        <v>48</v>
      </c>
      <c r="BW35" s="191">
        <v>72</v>
      </c>
      <c r="BX35" s="191">
        <v>0</v>
      </c>
      <c r="BY35" s="191">
        <v>62</v>
      </c>
      <c r="BZ35" s="196">
        <v>194</v>
      </c>
      <c r="CA35" s="195">
        <v>194</v>
      </c>
      <c r="CB35" s="190">
        <v>0</v>
      </c>
      <c r="CC35" s="191">
        <v>0</v>
      </c>
      <c r="CD35" s="196">
        <v>0</v>
      </c>
      <c r="CE35" s="193">
        <v>0</v>
      </c>
      <c r="CF35" s="191">
        <v>4</v>
      </c>
      <c r="CG35" s="191">
        <v>2</v>
      </c>
      <c r="CH35" s="191">
        <v>0</v>
      </c>
      <c r="CI35" s="191">
        <v>0</v>
      </c>
      <c r="CJ35" s="191">
        <v>0</v>
      </c>
      <c r="CK35" s="196">
        <v>6</v>
      </c>
      <c r="CL35" s="195">
        <v>6</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6</v>
      </c>
      <c r="DC35" s="191">
        <v>0</v>
      </c>
      <c r="DD35" s="191">
        <v>0</v>
      </c>
      <c r="DE35" s="191">
        <v>0</v>
      </c>
      <c r="DF35" s="191">
        <v>0</v>
      </c>
      <c r="DG35" s="196">
        <v>6</v>
      </c>
      <c r="DH35" s="195">
        <v>6</v>
      </c>
    </row>
    <row r="36" spans="2:112" ht="21" customHeight="1" x14ac:dyDescent="0.2">
      <c r="B36" s="106" t="s">
        <v>34</v>
      </c>
      <c r="C36" s="190">
        <v>0</v>
      </c>
      <c r="D36" s="191">
        <v>0</v>
      </c>
      <c r="E36" s="192">
        <v>0</v>
      </c>
      <c r="F36" s="193">
        <v>0</v>
      </c>
      <c r="G36" s="191">
        <v>168</v>
      </c>
      <c r="H36" s="191">
        <v>395</v>
      </c>
      <c r="I36" s="191">
        <v>183</v>
      </c>
      <c r="J36" s="191">
        <v>293</v>
      </c>
      <c r="K36" s="191">
        <v>275</v>
      </c>
      <c r="L36" s="194">
        <v>1314</v>
      </c>
      <c r="M36" s="195">
        <v>1314</v>
      </c>
      <c r="N36" s="190">
        <v>0</v>
      </c>
      <c r="O36" s="191">
        <v>0</v>
      </c>
      <c r="P36" s="196">
        <v>0</v>
      </c>
      <c r="Q36" s="193">
        <v>0</v>
      </c>
      <c r="R36" s="191">
        <v>0</v>
      </c>
      <c r="S36" s="191">
        <v>5</v>
      </c>
      <c r="T36" s="191">
        <v>0</v>
      </c>
      <c r="U36" s="191">
        <v>0</v>
      </c>
      <c r="V36" s="191">
        <v>9</v>
      </c>
      <c r="W36" s="196">
        <v>14</v>
      </c>
      <c r="X36" s="195">
        <v>14</v>
      </c>
      <c r="Y36" s="190">
        <v>29</v>
      </c>
      <c r="Z36" s="191">
        <v>98</v>
      </c>
      <c r="AA36" s="196">
        <v>127</v>
      </c>
      <c r="AB36" s="193">
        <v>0</v>
      </c>
      <c r="AC36" s="191">
        <v>242</v>
      </c>
      <c r="AD36" s="191">
        <v>180</v>
      </c>
      <c r="AE36" s="191">
        <v>32</v>
      </c>
      <c r="AF36" s="191">
        <v>66</v>
      </c>
      <c r="AG36" s="191">
        <v>121</v>
      </c>
      <c r="AH36" s="196">
        <v>641</v>
      </c>
      <c r="AI36" s="195">
        <v>768</v>
      </c>
      <c r="AJ36" s="190">
        <v>0</v>
      </c>
      <c r="AK36" s="191">
        <v>0</v>
      </c>
      <c r="AL36" s="196">
        <v>0</v>
      </c>
      <c r="AM36" s="193">
        <v>0</v>
      </c>
      <c r="AN36" s="191">
        <v>67</v>
      </c>
      <c r="AO36" s="191">
        <v>46</v>
      </c>
      <c r="AP36" s="191">
        <v>30</v>
      </c>
      <c r="AQ36" s="191">
        <v>41</v>
      </c>
      <c r="AR36" s="191">
        <v>38</v>
      </c>
      <c r="AS36" s="196">
        <v>222</v>
      </c>
      <c r="AT36" s="195">
        <v>222</v>
      </c>
      <c r="AU36" s="190">
        <v>0</v>
      </c>
      <c r="AV36" s="191">
        <v>0</v>
      </c>
      <c r="AW36" s="196">
        <v>0</v>
      </c>
      <c r="AX36" s="193">
        <v>0</v>
      </c>
      <c r="AY36" s="191">
        <v>290</v>
      </c>
      <c r="AZ36" s="191">
        <v>161</v>
      </c>
      <c r="BA36" s="191">
        <v>231</v>
      </c>
      <c r="BB36" s="191">
        <v>171</v>
      </c>
      <c r="BC36" s="191">
        <v>26</v>
      </c>
      <c r="BD36" s="194">
        <v>879</v>
      </c>
      <c r="BE36" s="195">
        <v>879</v>
      </c>
      <c r="BF36" s="190">
        <v>0</v>
      </c>
      <c r="BG36" s="191">
        <v>0</v>
      </c>
      <c r="BH36" s="196">
        <v>0</v>
      </c>
      <c r="BI36" s="193">
        <v>0</v>
      </c>
      <c r="BJ36" s="191">
        <v>77</v>
      </c>
      <c r="BK36" s="191">
        <v>9</v>
      </c>
      <c r="BL36" s="191">
        <v>6</v>
      </c>
      <c r="BM36" s="191">
        <v>16</v>
      </c>
      <c r="BN36" s="191">
        <v>0</v>
      </c>
      <c r="BO36" s="196">
        <v>108</v>
      </c>
      <c r="BP36" s="195">
        <v>108</v>
      </c>
      <c r="BQ36" s="190">
        <v>0</v>
      </c>
      <c r="BR36" s="191">
        <v>0</v>
      </c>
      <c r="BS36" s="196">
        <v>0</v>
      </c>
      <c r="BT36" s="193">
        <v>0</v>
      </c>
      <c r="BU36" s="191">
        <v>15</v>
      </c>
      <c r="BV36" s="191">
        <v>0</v>
      </c>
      <c r="BW36" s="191">
        <v>15</v>
      </c>
      <c r="BX36" s="191">
        <v>34</v>
      </c>
      <c r="BY36" s="191">
        <v>10</v>
      </c>
      <c r="BZ36" s="196">
        <v>74</v>
      </c>
      <c r="CA36" s="195">
        <v>74</v>
      </c>
      <c r="CB36" s="190">
        <v>0</v>
      </c>
      <c r="CC36" s="191">
        <v>0</v>
      </c>
      <c r="CD36" s="196">
        <v>0</v>
      </c>
      <c r="CE36" s="193">
        <v>0</v>
      </c>
      <c r="CF36" s="191">
        <v>4</v>
      </c>
      <c r="CG36" s="191">
        <v>0</v>
      </c>
      <c r="CH36" s="191">
        <v>0</v>
      </c>
      <c r="CI36" s="191">
        <v>0</v>
      </c>
      <c r="CJ36" s="191">
        <v>0</v>
      </c>
      <c r="CK36" s="196">
        <v>4</v>
      </c>
      <c r="CL36" s="195">
        <v>4</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1366</v>
      </c>
      <c r="H37" s="191">
        <v>1215</v>
      </c>
      <c r="I37" s="191">
        <v>1105</v>
      </c>
      <c r="J37" s="191">
        <v>1697</v>
      </c>
      <c r="K37" s="191">
        <v>1520</v>
      </c>
      <c r="L37" s="194">
        <v>6903</v>
      </c>
      <c r="M37" s="195">
        <v>6903</v>
      </c>
      <c r="N37" s="190">
        <v>0</v>
      </c>
      <c r="O37" s="191">
        <v>0</v>
      </c>
      <c r="P37" s="196">
        <v>0</v>
      </c>
      <c r="Q37" s="193">
        <v>0</v>
      </c>
      <c r="R37" s="191">
        <v>0</v>
      </c>
      <c r="S37" s="191">
        <v>0</v>
      </c>
      <c r="T37" s="191">
        <v>0</v>
      </c>
      <c r="U37" s="191">
        <v>4</v>
      </c>
      <c r="V37" s="191">
        <v>0</v>
      </c>
      <c r="W37" s="196">
        <v>4</v>
      </c>
      <c r="X37" s="195">
        <v>4</v>
      </c>
      <c r="Y37" s="190">
        <v>23</v>
      </c>
      <c r="Z37" s="191">
        <v>118</v>
      </c>
      <c r="AA37" s="196">
        <v>141</v>
      </c>
      <c r="AB37" s="193">
        <v>0</v>
      </c>
      <c r="AC37" s="191">
        <v>537</v>
      </c>
      <c r="AD37" s="191">
        <v>336</v>
      </c>
      <c r="AE37" s="191">
        <v>315</v>
      </c>
      <c r="AF37" s="191">
        <v>210</v>
      </c>
      <c r="AG37" s="191">
        <v>268</v>
      </c>
      <c r="AH37" s="196">
        <v>1666</v>
      </c>
      <c r="AI37" s="195">
        <v>1807</v>
      </c>
      <c r="AJ37" s="190">
        <v>45</v>
      </c>
      <c r="AK37" s="191">
        <v>190</v>
      </c>
      <c r="AL37" s="196">
        <v>235</v>
      </c>
      <c r="AM37" s="193">
        <v>0</v>
      </c>
      <c r="AN37" s="191">
        <v>216</v>
      </c>
      <c r="AO37" s="191">
        <v>229</v>
      </c>
      <c r="AP37" s="191">
        <v>87</v>
      </c>
      <c r="AQ37" s="191">
        <v>125</v>
      </c>
      <c r="AR37" s="191">
        <v>93</v>
      </c>
      <c r="AS37" s="196">
        <v>750</v>
      </c>
      <c r="AT37" s="195">
        <v>985</v>
      </c>
      <c r="AU37" s="190">
        <v>0</v>
      </c>
      <c r="AV37" s="191">
        <v>0</v>
      </c>
      <c r="AW37" s="196">
        <v>0</v>
      </c>
      <c r="AX37" s="193">
        <v>0</v>
      </c>
      <c r="AY37" s="191">
        <v>1417</v>
      </c>
      <c r="AZ37" s="191">
        <v>904</v>
      </c>
      <c r="BA37" s="191">
        <v>636</v>
      </c>
      <c r="BB37" s="191">
        <v>414</v>
      </c>
      <c r="BC37" s="191">
        <v>293</v>
      </c>
      <c r="BD37" s="194">
        <v>3664</v>
      </c>
      <c r="BE37" s="195">
        <v>3664</v>
      </c>
      <c r="BF37" s="190">
        <v>0</v>
      </c>
      <c r="BG37" s="191">
        <v>0</v>
      </c>
      <c r="BH37" s="196">
        <v>0</v>
      </c>
      <c r="BI37" s="193">
        <v>0</v>
      </c>
      <c r="BJ37" s="191">
        <v>504</v>
      </c>
      <c r="BK37" s="191">
        <v>258</v>
      </c>
      <c r="BL37" s="191">
        <v>119</v>
      </c>
      <c r="BM37" s="191">
        <v>69</v>
      </c>
      <c r="BN37" s="191">
        <v>7</v>
      </c>
      <c r="BO37" s="196">
        <v>957</v>
      </c>
      <c r="BP37" s="195">
        <v>957</v>
      </c>
      <c r="BQ37" s="190">
        <v>3</v>
      </c>
      <c r="BR37" s="191">
        <v>0</v>
      </c>
      <c r="BS37" s="196">
        <v>3</v>
      </c>
      <c r="BT37" s="193">
        <v>0</v>
      </c>
      <c r="BU37" s="191">
        <v>62</v>
      </c>
      <c r="BV37" s="191">
        <v>31</v>
      </c>
      <c r="BW37" s="191">
        <v>78</v>
      </c>
      <c r="BX37" s="191">
        <v>230</v>
      </c>
      <c r="BY37" s="191">
        <v>61</v>
      </c>
      <c r="BZ37" s="196">
        <v>462</v>
      </c>
      <c r="CA37" s="195">
        <v>465</v>
      </c>
      <c r="CB37" s="190">
        <v>0</v>
      </c>
      <c r="CC37" s="191">
        <v>0</v>
      </c>
      <c r="CD37" s="196">
        <v>0</v>
      </c>
      <c r="CE37" s="193">
        <v>0</v>
      </c>
      <c r="CF37" s="191">
        <v>6</v>
      </c>
      <c r="CG37" s="191">
        <v>4</v>
      </c>
      <c r="CH37" s="191">
        <v>12</v>
      </c>
      <c r="CI37" s="191">
        <v>6</v>
      </c>
      <c r="CJ37" s="191">
        <v>21</v>
      </c>
      <c r="CK37" s="196">
        <v>49</v>
      </c>
      <c r="CL37" s="195">
        <v>49</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693</v>
      </c>
      <c r="H38" s="191">
        <v>1745</v>
      </c>
      <c r="I38" s="191">
        <v>1200</v>
      </c>
      <c r="J38" s="191">
        <v>973</v>
      </c>
      <c r="K38" s="191">
        <v>2263</v>
      </c>
      <c r="L38" s="194">
        <v>6874</v>
      </c>
      <c r="M38" s="195">
        <v>6874</v>
      </c>
      <c r="N38" s="190">
        <v>0</v>
      </c>
      <c r="O38" s="191">
        <v>4</v>
      </c>
      <c r="P38" s="196">
        <v>4</v>
      </c>
      <c r="Q38" s="193">
        <v>0</v>
      </c>
      <c r="R38" s="191">
        <v>5</v>
      </c>
      <c r="S38" s="191">
        <v>17</v>
      </c>
      <c r="T38" s="191">
        <v>50</v>
      </c>
      <c r="U38" s="191">
        <v>37</v>
      </c>
      <c r="V38" s="191">
        <v>63</v>
      </c>
      <c r="W38" s="196">
        <v>172</v>
      </c>
      <c r="X38" s="195">
        <v>176</v>
      </c>
      <c r="Y38" s="190">
        <v>34</v>
      </c>
      <c r="Z38" s="191">
        <v>221</v>
      </c>
      <c r="AA38" s="196">
        <v>255</v>
      </c>
      <c r="AB38" s="193">
        <v>0</v>
      </c>
      <c r="AC38" s="191">
        <v>589</v>
      </c>
      <c r="AD38" s="191">
        <v>468</v>
      </c>
      <c r="AE38" s="191">
        <v>542</v>
      </c>
      <c r="AF38" s="191">
        <v>407</v>
      </c>
      <c r="AG38" s="191">
        <v>428</v>
      </c>
      <c r="AH38" s="196">
        <v>2434</v>
      </c>
      <c r="AI38" s="195">
        <v>2689</v>
      </c>
      <c r="AJ38" s="190">
        <v>16</v>
      </c>
      <c r="AK38" s="191">
        <v>150</v>
      </c>
      <c r="AL38" s="196">
        <v>166</v>
      </c>
      <c r="AM38" s="193">
        <v>0</v>
      </c>
      <c r="AN38" s="191">
        <v>206</v>
      </c>
      <c r="AO38" s="191">
        <v>198</v>
      </c>
      <c r="AP38" s="191">
        <v>73</v>
      </c>
      <c r="AQ38" s="191">
        <v>79</v>
      </c>
      <c r="AR38" s="191">
        <v>58</v>
      </c>
      <c r="AS38" s="196">
        <v>614</v>
      </c>
      <c r="AT38" s="195">
        <v>780</v>
      </c>
      <c r="AU38" s="190">
        <v>0</v>
      </c>
      <c r="AV38" s="191">
        <v>0</v>
      </c>
      <c r="AW38" s="196">
        <v>0</v>
      </c>
      <c r="AX38" s="193">
        <v>0</v>
      </c>
      <c r="AY38" s="191">
        <v>707</v>
      </c>
      <c r="AZ38" s="191">
        <v>923</v>
      </c>
      <c r="BA38" s="191">
        <v>542</v>
      </c>
      <c r="BB38" s="191">
        <v>382</v>
      </c>
      <c r="BC38" s="191">
        <v>294</v>
      </c>
      <c r="BD38" s="194">
        <v>2848</v>
      </c>
      <c r="BE38" s="195">
        <v>2848</v>
      </c>
      <c r="BF38" s="190">
        <v>0</v>
      </c>
      <c r="BG38" s="191">
        <v>0</v>
      </c>
      <c r="BH38" s="196">
        <v>0</v>
      </c>
      <c r="BI38" s="193">
        <v>0</v>
      </c>
      <c r="BJ38" s="191">
        <v>247</v>
      </c>
      <c r="BK38" s="191">
        <v>321</v>
      </c>
      <c r="BL38" s="191">
        <v>161</v>
      </c>
      <c r="BM38" s="191">
        <v>74</v>
      </c>
      <c r="BN38" s="191">
        <v>18</v>
      </c>
      <c r="BO38" s="196">
        <v>821</v>
      </c>
      <c r="BP38" s="195">
        <v>821</v>
      </c>
      <c r="BQ38" s="190">
        <v>4</v>
      </c>
      <c r="BR38" s="191">
        <v>3</v>
      </c>
      <c r="BS38" s="196">
        <v>7</v>
      </c>
      <c r="BT38" s="193">
        <v>0</v>
      </c>
      <c r="BU38" s="191">
        <v>87</v>
      </c>
      <c r="BV38" s="191">
        <v>168</v>
      </c>
      <c r="BW38" s="191">
        <v>229</v>
      </c>
      <c r="BX38" s="191">
        <v>226</v>
      </c>
      <c r="BY38" s="191">
        <v>156</v>
      </c>
      <c r="BZ38" s="196">
        <v>866</v>
      </c>
      <c r="CA38" s="195">
        <v>873</v>
      </c>
      <c r="CB38" s="190">
        <v>0</v>
      </c>
      <c r="CC38" s="191">
        <v>0</v>
      </c>
      <c r="CD38" s="196">
        <v>0</v>
      </c>
      <c r="CE38" s="193">
        <v>0</v>
      </c>
      <c r="CF38" s="191">
        <v>5</v>
      </c>
      <c r="CG38" s="191">
        <v>9</v>
      </c>
      <c r="CH38" s="191">
        <v>0</v>
      </c>
      <c r="CI38" s="191">
        <v>10</v>
      </c>
      <c r="CJ38" s="191">
        <v>0</v>
      </c>
      <c r="CK38" s="196">
        <v>24</v>
      </c>
      <c r="CL38" s="195">
        <v>24</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37</v>
      </c>
      <c r="H39" s="198">
        <v>41</v>
      </c>
      <c r="I39" s="198">
        <v>177</v>
      </c>
      <c r="J39" s="198">
        <v>4</v>
      </c>
      <c r="K39" s="198">
        <v>139</v>
      </c>
      <c r="L39" s="201">
        <v>398</v>
      </c>
      <c r="M39" s="202">
        <v>398</v>
      </c>
      <c r="N39" s="197">
        <v>0</v>
      </c>
      <c r="O39" s="198">
        <v>0</v>
      </c>
      <c r="P39" s="203">
        <v>0</v>
      </c>
      <c r="Q39" s="200">
        <v>0</v>
      </c>
      <c r="R39" s="198">
        <v>0</v>
      </c>
      <c r="S39" s="198">
        <v>0</v>
      </c>
      <c r="T39" s="198">
        <v>0</v>
      </c>
      <c r="U39" s="198">
        <v>0</v>
      </c>
      <c r="V39" s="198">
        <v>4</v>
      </c>
      <c r="W39" s="203">
        <v>4</v>
      </c>
      <c r="X39" s="202">
        <v>4</v>
      </c>
      <c r="Y39" s="197">
        <v>5</v>
      </c>
      <c r="Z39" s="198">
        <v>5</v>
      </c>
      <c r="AA39" s="203">
        <v>10</v>
      </c>
      <c r="AB39" s="200">
        <v>0</v>
      </c>
      <c r="AC39" s="198">
        <v>24</v>
      </c>
      <c r="AD39" s="198">
        <v>45</v>
      </c>
      <c r="AE39" s="198">
        <v>40</v>
      </c>
      <c r="AF39" s="198">
        <v>19</v>
      </c>
      <c r="AG39" s="198">
        <v>45</v>
      </c>
      <c r="AH39" s="203">
        <v>173</v>
      </c>
      <c r="AI39" s="202">
        <v>183</v>
      </c>
      <c r="AJ39" s="197">
        <v>0</v>
      </c>
      <c r="AK39" s="198">
        <v>0</v>
      </c>
      <c r="AL39" s="203">
        <v>0</v>
      </c>
      <c r="AM39" s="200">
        <v>0</v>
      </c>
      <c r="AN39" s="198">
        <v>8</v>
      </c>
      <c r="AO39" s="198">
        <v>6</v>
      </c>
      <c r="AP39" s="198">
        <v>0</v>
      </c>
      <c r="AQ39" s="198">
        <v>0</v>
      </c>
      <c r="AR39" s="198">
        <v>8</v>
      </c>
      <c r="AS39" s="203">
        <v>22</v>
      </c>
      <c r="AT39" s="202">
        <v>22</v>
      </c>
      <c r="AU39" s="197">
        <v>0</v>
      </c>
      <c r="AV39" s="198">
        <v>0</v>
      </c>
      <c r="AW39" s="203">
        <v>0</v>
      </c>
      <c r="AX39" s="200">
        <v>0</v>
      </c>
      <c r="AY39" s="198">
        <v>41</v>
      </c>
      <c r="AZ39" s="198">
        <v>62</v>
      </c>
      <c r="BA39" s="198">
        <v>65</v>
      </c>
      <c r="BB39" s="198">
        <v>9</v>
      </c>
      <c r="BC39" s="198">
        <v>4</v>
      </c>
      <c r="BD39" s="201">
        <v>181</v>
      </c>
      <c r="BE39" s="202">
        <v>181</v>
      </c>
      <c r="BF39" s="197">
        <v>0</v>
      </c>
      <c r="BG39" s="198">
        <v>0</v>
      </c>
      <c r="BH39" s="203">
        <v>0</v>
      </c>
      <c r="BI39" s="200">
        <v>0</v>
      </c>
      <c r="BJ39" s="198">
        <v>61</v>
      </c>
      <c r="BK39" s="198">
        <v>55</v>
      </c>
      <c r="BL39" s="198">
        <v>9</v>
      </c>
      <c r="BM39" s="198">
        <v>34</v>
      </c>
      <c r="BN39" s="198">
        <v>7</v>
      </c>
      <c r="BO39" s="203">
        <v>166</v>
      </c>
      <c r="BP39" s="202">
        <v>166</v>
      </c>
      <c r="BQ39" s="197">
        <v>0</v>
      </c>
      <c r="BR39" s="198">
        <v>0</v>
      </c>
      <c r="BS39" s="203">
        <v>0</v>
      </c>
      <c r="BT39" s="200">
        <v>0</v>
      </c>
      <c r="BU39" s="198">
        <v>6</v>
      </c>
      <c r="BV39" s="198">
        <v>33</v>
      </c>
      <c r="BW39" s="198">
        <v>20</v>
      </c>
      <c r="BX39" s="198">
        <v>4</v>
      </c>
      <c r="BY39" s="198">
        <v>0</v>
      </c>
      <c r="BZ39" s="203">
        <v>63</v>
      </c>
      <c r="CA39" s="202">
        <v>63</v>
      </c>
      <c r="CB39" s="197">
        <v>0</v>
      </c>
      <c r="CC39" s="198">
        <v>0</v>
      </c>
      <c r="CD39" s="203">
        <v>0</v>
      </c>
      <c r="CE39" s="200">
        <v>0</v>
      </c>
      <c r="CF39" s="198">
        <v>0</v>
      </c>
      <c r="CG39" s="198">
        <v>0</v>
      </c>
      <c r="CH39" s="198">
        <v>0</v>
      </c>
      <c r="CI39" s="198">
        <v>0</v>
      </c>
      <c r="CJ39" s="198">
        <v>8</v>
      </c>
      <c r="CK39" s="203">
        <v>8</v>
      </c>
      <c r="CL39" s="202">
        <v>8</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5-02-21T00:45:33Z</dcterms:modified>
</cp:coreProperties>
</file>